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C:\Users\s209879\Desktop\"/>
    </mc:Choice>
  </mc:AlternateContent>
  <bookViews>
    <workbookView xWindow="0" yWindow="0" windowWidth="22992" windowHeight="9180" tabRatio="500"/>
  </bookViews>
  <sheets>
    <sheet name="Labview" sheetId="2" r:id="rId1"/>
    <sheet name="Pico" sheetId="1" r:id="rId2"/>
    <sheet name="FTIR" sheetId="15" r:id="rId3"/>
  </sheets>
  <externalReferences>
    <externalReference r:id="rId4"/>
    <externalReference r:id="rId5"/>
  </externalReferences>
  <definedNames>
    <definedName name="____MCO2">[1]konstanty!$C$7</definedName>
    <definedName name="____MN2">[1]konstanty!$C$8</definedName>
    <definedName name="____MO2">[1]konstanty!$C$6</definedName>
    <definedName name="___MCO2">[1]konstanty!$C$7</definedName>
    <definedName name="___MN2">[1]konstanty!$C$8</definedName>
    <definedName name="___MO2">[1]konstanty!$C$6</definedName>
    <definedName name="__MCO2">[1]konstanty!$C$7</definedName>
    <definedName name="__MN2">[1]konstanty!$C$8</definedName>
    <definedName name="__MO2">[1]konstanty!$C$6</definedName>
    <definedName name="_160726__1046_test_kotel" localSheetId="0">Labview!$A$1:$AO$151</definedName>
    <definedName name="_MCO2">#REF!</definedName>
    <definedName name="_MN2">#REF!</definedName>
    <definedName name="_MO2">#REF!</definedName>
    <definedName name="hhh">'[2]Mat. vlast.'!$E$18</definedName>
    <definedName name="MC">#REF!</definedName>
    <definedName name="MH2O">#REF!</definedName>
    <definedName name="plyn.konst">#REF!</definedName>
    <definedName name="plynkonst">[2]konstanty!$C$2</definedName>
    <definedName name="T">[2]konstanty!$E$3</definedName>
    <definedName name="tlak">[2]konstanty!$C$4</definedName>
  </definedNames>
  <calcPr calcId="162913"/>
  <extLs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Q8" i="15" l="1"/>
  <c r="X8" i="15"/>
  <c r="Q9" i="15"/>
  <c r="X9" i="15" s="1"/>
  <c r="Q10" i="15"/>
  <c r="X10" i="15" s="1"/>
  <c r="Q11" i="15"/>
  <c r="X11" i="15"/>
  <c r="Q12" i="15"/>
  <c r="X12" i="15"/>
  <c r="Q13" i="15"/>
  <c r="X13" i="15" s="1"/>
  <c r="Q14" i="15"/>
  <c r="X14" i="15" s="1"/>
  <c r="Q15" i="15"/>
  <c r="X15" i="15"/>
  <c r="Q16" i="15"/>
  <c r="X16" i="15"/>
  <c r="Q17" i="15"/>
  <c r="X17" i="15" s="1"/>
  <c r="Q18" i="15"/>
  <c r="X18" i="15" s="1"/>
  <c r="Q19" i="15"/>
  <c r="X19" i="15"/>
  <c r="Q20" i="15"/>
  <c r="X20" i="15"/>
  <c r="Q21" i="15"/>
  <c r="X21" i="15" s="1"/>
  <c r="Q22" i="15"/>
  <c r="X22" i="15" s="1"/>
  <c r="Q23" i="15"/>
  <c r="X23" i="15"/>
  <c r="Q24" i="15"/>
  <c r="X24" i="15"/>
  <c r="Q25" i="15"/>
  <c r="X25" i="15" s="1"/>
  <c r="Q26" i="15"/>
  <c r="X26" i="15" s="1"/>
  <c r="Q27" i="15"/>
  <c r="X27" i="15"/>
  <c r="Q28" i="15"/>
  <c r="X28" i="15"/>
  <c r="Q29" i="15"/>
  <c r="X29" i="15" s="1"/>
  <c r="Q30" i="15"/>
  <c r="X30" i="15" s="1"/>
  <c r="Q31" i="15"/>
  <c r="X31" i="15"/>
  <c r="Q32" i="15"/>
  <c r="X32" i="15"/>
  <c r="Q33" i="15"/>
  <c r="X33" i="15" s="1"/>
  <c r="Q34" i="15"/>
  <c r="X34" i="15" s="1"/>
  <c r="Q35" i="15"/>
  <c r="X35" i="15"/>
  <c r="Q36" i="15"/>
  <c r="X36" i="15"/>
  <c r="Q37" i="15"/>
  <c r="X37" i="15" s="1"/>
  <c r="Q38" i="15"/>
  <c r="X38" i="15" s="1"/>
  <c r="Q39" i="15"/>
  <c r="X39" i="15"/>
  <c r="Q40" i="15"/>
  <c r="X40" i="15"/>
  <c r="Q41" i="15"/>
  <c r="X41" i="15" s="1"/>
  <c r="Q42" i="15"/>
  <c r="X42" i="15" s="1"/>
  <c r="Q43" i="15"/>
  <c r="X43" i="15"/>
  <c r="Q44" i="15"/>
  <c r="X44" i="15"/>
  <c r="Q45" i="15"/>
  <c r="X45" i="15" s="1"/>
  <c r="Q46" i="15"/>
  <c r="X46" i="15" s="1"/>
  <c r="Q47" i="15"/>
  <c r="X47" i="15"/>
  <c r="Q48" i="15"/>
  <c r="X48" i="15"/>
  <c r="Q49" i="15"/>
  <c r="X49" i="15" s="1"/>
  <c r="Q50" i="15"/>
  <c r="X50" i="15" s="1"/>
  <c r="Q51" i="15"/>
  <c r="X51" i="15"/>
  <c r="Q52" i="15"/>
  <c r="X52" i="15"/>
  <c r="Q53" i="15"/>
  <c r="X53" i="15" s="1"/>
  <c r="Q54" i="15"/>
  <c r="X54" i="15" s="1"/>
  <c r="Q55" i="15"/>
  <c r="X55" i="15"/>
  <c r="Q56" i="15"/>
  <c r="X56" i="15"/>
  <c r="Q57" i="15"/>
  <c r="X57" i="15" s="1"/>
  <c r="Q58" i="15"/>
  <c r="X58" i="15" s="1"/>
  <c r="Q59" i="15"/>
  <c r="X59" i="15"/>
  <c r="Q60" i="15"/>
  <c r="X60" i="15"/>
  <c r="Q61" i="15"/>
  <c r="X61" i="15" s="1"/>
  <c r="Q62" i="15"/>
  <c r="X62" i="15" s="1"/>
  <c r="Q63" i="15"/>
  <c r="X63" i="15"/>
  <c r="Q64" i="15"/>
  <c r="X64" i="15"/>
  <c r="Q65" i="15"/>
  <c r="X65" i="15" s="1"/>
  <c r="Q66" i="15"/>
  <c r="X66" i="15" s="1"/>
  <c r="Q67" i="15"/>
  <c r="X67" i="15"/>
  <c r="Q68" i="15"/>
  <c r="X68" i="15"/>
  <c r="Q69" i="15"/>
  <c r="X69" i="15" s="1"/>
  <c r="Q70" i="15"/>
  <c r="X70" i="15" s="1"/>
  <c r="Q71" i="15"/>
  <c r="X71" i="15"/>
  <c r="Q72" i="15"/>
  <c r="X72" i="15"/>
  <c r="Q73" i="15"/>
  <c r="X73" i="15" s="1"/>
  <c r="Q74" i="15"/>
  <c r="X74" i="15" s="1"/>
  <c r="Q75" i="15"/>
  <c r="X75" i="15"/>
  <c r="Q76" i="15"/>
  <c r="X76" i="15"/>
  <c r="Q77" i="15"/>
  <c r="X77" i="15" s="1"/>
  <c r="Q78" i="15"/>
  <c r="X78" i="15" s="1"/>
  <c r="Q79" i="15"/>
  <c r="X79" i="15"/>
  <c r="Q80" i="15"/>
  <c r="X80" i="15"/>
  <c r="Q81" i="15"/>
  <c r="X81" i="15" s="1"/>
  <c r="Q82" i="15"/>
  <c r="X82" i="15" s="1"/>
  <c r="Q83" i="15"/>
  <c r="X83" i="15"/>
  <c r="Q84" i="15"/>
  <c r="X84" i="15"/>
  <c r="Q85" i="15"/>
  <c r="X85" i="15" s="1"/>
  <c r="Q86" i="15"/>
  <c r="X86" i="15" s="1"/>
  <c r="Q87" i="15"/>
  <c r="X87" i="15"/>
  <c r="Q88" i="15"/>
  <c r="X88" i="15"/>
  <c r="Q89" i="15"/>
  <c r="X89" i="15" s="1"/>
  <c r="Q90" i="15"/>
  <c r="X90" i="15" s="1"/>
  <c r="Q91" i="15"/>
  <c r="X91" i="15"/>
  <c r="Q92" i="15"/>
  <c r="X92" i="15"/>
  <c r="Q93" i="15"/>
  <c r="X93" i="15" s="1"/>
  <c r="Q94" i="15"/>
  <c r="X94" i="15" s="1"/>
  <c r="Q95" i="15"/>
  <c r="X95" i="15"/>
  <c r="Q96" i="15"/>
  <c r="X96" i="15"/>
  <c r="Q97" i="15"/>
  <c r="X97" i="15" s="1"/>
  <c r="Q98" i="15"/>
  <c r="X98" i="15" s="1"/>
  <c r="Q99" i="15"/>
  <c r="X99" i="15"/>
  <c r="Q100" i="15"/>
  <c r="X100" i="15"/>
  <c r="Q101" i="15"/>
  <c r="X101" i="15" s="1"/>
  <c r="Q102" i="15"/>
  <c r="X102" i="15" s="1"/>
  <c r="Q103" i="15"/>
  <c r="X103" i="15"/>
  <c r="Q104" i="15"/>
  <c r="X104" i="15"/>
  <c r="Q105" i="15"/>
  <c r="X105" i="15" s="1"/>
  <c r="Q106" i="15"/>
  <c r="X106" i="15" s="1"/>
  <c r="Q107" i="15"/>
  <c r="X107" i="15"/>
  <c r="Q108" i="15"/>
  <c r="X108" i="15"/>
  <c r="Q109" i="15"/>
  <c r="X109" i="15" s="1"/>
  <c r="Q110" i="15"/>
  <c r="X110" i="15" s="1"/>
  <c r="Q111" i="15"/>
  <c r="X111" i="15"/>
  <c r="Q112" i="15"/>
  <c r="X112" i="15"/>
  <c r="Q113" i="15"/>
  <c r="X113" i="15" s="1"/>
  <c r="Q114" i="15"/>
  <c r="X114" i="15" s="1"/>
  <c r="Q115" i="15"/>
  <c r="X115" i="15"/>
  <c r="Q116" i="15"/>
  <c r="X116" i="15"/>
  <c r="Q117" i="15"/>
  <c r="X117" i="15" s="1"/>
  <c r="Q118" i="15"/>
  <c r="X118" i="15" s="1"/>
  <c r="Q119" i="15"/>
  <c r="X119" i="15"/>
  <c r="Q120" i="15"/>
  <c r="X120" i="15"/>
  <c r="Q121" i="15"/>
  <c r="X121" i="15" s="1"/>
  <c r="Q122" i="15"/>
  <c r="X122" i="15" s="1"/>
  <c r="Q123" i="15"/>
  <c r="X123" i="15"/>
  <c r="Q124" i="15"/>
  <c r="X124" i="15"/>
  <c r="Q125" i="15"/>
  <c r="X125" i="15" s="1"/>
  <c r="Q126" i="15"/>
  <c r="X126" i="15" s="1"/>
  <c r="Q127" i="15"/>
  <c r="X127" i="15"/>
  <c r="Q128" i="15"/>
  <c r="X128" i="15"/>
  <c r="Q129" i="15"/>
  <c r="X129" i="15" s="1"/>
  <c r="Q130" i="15"/>
  <c r="X130" i="15" s="1"/>
  <c r="Q131" i="15"/>
  <c r="X131" i="15"/>
  <c r="Q132" i="15"/>
  <c r="X132" i="15"/>
  <c r="Q133" i="15"/>
  <c r="X133" i="15" s="1"/>
  <c r="Q134" i="15"/>
  <c r="X134" i="15" s="1"/>
  <c r="Q135" i="15"/>
  <c r="X135" i="15"/>
  <c r="Q136" i="15"/>
  <c r="X136" i="15"/>
  <c r="Q137" i="15"/>
  <c r="X137" i="15" s="1"/>
  <c r="Q138" i="15"/>
  <c r="X138" i="15" s="1"/>
  <c r="Q139" i="15"/>
  <c r="X139" i="15"/>
  <c r="Q140" i="15"/>
  <c r="X140" i="15"/>
  <c r="Q141" i="15"/>
  <c r="X141" i="15" s="1"/>
  <c r="Q142" i="15"/>
  <c r="X142" i="15" s="1"/>
  <c r="Q143" i="15"/>
  <c r="X143" i="15"/>
  <c r="Q144" i="15"/>
  <c r="X144" i="15"/>
  <c r="Q145" i="15"/>
  <c r="X145" i="15" s="1"/>
  <c r="Q146" i="15"/>
  <c r="X146" i="15" s="1"/>
  <c r="Q147" i="15"/>
  <c r="X147" i="15"/>
  <c r="Q148" i="15"/>
  <c r="X148" i="15"/>
  <c r="Q149" i="15"/>
  <c r="X149" i="15" s="1"/>
  <c r="Q150" i="15"/>
  <c r="X150" i="15" s="1"/>
  <c r="Q151" i="15"/>
  <c r="X151" i="15"/>
  <c r="Q152" i="15"/>
  <c r="X152" i="15"/>
  <c r="Q153" i="15"/>
  <c r="X153" i="15" s="1"/>
  <c r="Q154" i="15"/>
  <c r="X154" i="15" s="1"/>
  <c r="Q155" i="15"/>
  <c r="X155" i="15"/>
  <c r="Q156" i="15"/>
  <c r="X156" i="15"/>
  <c r="Q157" i="15"/>
  <c r="X157" i="15" s="1"/>
  <c r="Q158" i="15"/>
  <c r="X158" i="15" s="1"/>
  <c r="Q159" i="15"/>
  <c r="X159" i="15"/>
  <c r="Q160" i="15"/>
  <c r="X160" i="15"/>
  <c r="Q161" i="15"/>
  <c r="X161" i="15" s="1"/>
  <c r="Q162" i="15"/>
  <c r="X162" i="15" s="1"/>
  <c r="Q163" i="15"/>
  <c r="X163" i="15"/>
  <c r="Q164" i="15"/>
  <c r="X164" i="15"/>
  <c r="Q165" i="15"/>
  <c r="X165" i="15" s="1"/>
  <c r="Q166" i="15"/>
  <c r="X166" i="15" s="1"/>
  <c r="Q167" i="15"/>
  <c r="X167" i="15"/>
  <c r="Q168" i="15"/>
  <c r="X168" i="15"/>
  <c r="Q169" i="15"/>
  <c r="X169" i="15" s="1"/>
  <c r="Q170" i="15"/>
  <c r="X170" i="15" s="1"/>
  <c r="Q171" i="15"/>
  <c r="X171" i="15"/>
  <c r="Q172" i="15"/>
  <c r="X172" i="15"/>
  <c r="Q173" i="15"/>
  <c r="X173" i="15" s="1"/>
  <c r="Q174" i="15"/>
  <c r="X174" i="15" s="1"/>
  <c r="Q175" i="15"/>
  <c r="X175" i="15"/>
  <c r="Q176" i="15"/>
  <c r="X176" i="15"/>
  <c r="Q177" i="15"/>
  <c r="X177" i="15" s="1"/>
  <c r="Q178" i="15"/>
  <c r="X178" i="15" s="1"/>
  <c r="Q179" i="15"/>
  <c r="X179" i="15"/>
  <c r="Q180" i="15"/>
  <c r="X180" i="15"/>
  <c r="Q181" i="15"/>
  <c r="X181" i="15" s="1"/>
  <c r="Q182" i="15"/>
  <c r="X182" i="15" s="1"/>
  <c r="Q183" i="15"/>
  <c r="X183" i="15"/>
  <c r="Q184" i="15"/>
  <c r="X184" i="15"/>
  <c r="Q185" i="15"/>
  <c r="X185" i="15" s="1"/>
  <c r="Q186" i="15"/>
  <c r="X186" i="15" s="1"/>
  <c r="Q187" i="15"/>
  <c r="X187" i="15"/>
  <c r="Q188" i="15"/>
  <c r="X188" i="15"/>
  <c r="Q189" i="15"/>
  <c r="X189" i="15" s="1"/>
  <c r="Q190" i="15"/>
  <c r="X190" i="15" s="1"/>
  <c r="Q191" i="15"/>
  <c r="X191" i="15"/>
  <c r="Q192" i="15"/>
  <c r="X192" i="15"/>
  <c r="Q193" i="15"/>
  <c r="X193" i="15" s="1"/>
  <c r="Q194" i="15"/>
  <c r="X194" i="15" s="1"/>
  <c r="Q195" i="15"/>
  <c r="X195" i="15"/>
  <c r="Q196" i="15"/>
  <c r="X196" i="15"/>
  <c r="Q197" i="15"/>
  <c r="X197" i="15" s="1"/>
  <c r="Q198" i="15"/>
  <c r="X198" i="15" s="1"/>
  <c r="Q199" i="15"/>
  <c r="X199" i="15"/>
  <c r="Q200" i="15"/>
  <c r="X200" i="15"/>
  <c r="Q201" i="15"/>
  <c r="X201" i="15" s="1"/>
  <c r="Q202" i="15"/>
  <c r="X202" i="15" s="1"/>
  <c r="Q203" i="15"/>
  <c r="X203" i="15"/>
  <c r="Q204" i="15"/>
  <c r="X204" i="15" s="1"/>
  <c r="Q205" i="15"/>
  <c r="X205" i="15" s="1"/>
  <c r="Q206" i="15"/>
  <c r="X206" i="15" s="1"/>
  <c r="Q207" i="15"/>
  <c r="X207" i="15"/>
  <c r="Q208" i="15"/>
  <c r="X208" i="15"/>
  <c r="Q209" i="15"/>
  <c r="X209" i="15" s="1"/>
  <c r="Q210" i="15"/>
  <c r="X210" i="15" s="1"/>
  <c r="Q211" i="15"/>
  <c r="X211" i="15"/>
  <c r="Q212" i="15"/>
  <c r="X212" i="15"/>
  <c r="Q213" i="15"/>
  <c r="X213" i="15" s="1"/>
  <c r="Q214" i="15"/>
  <c r="X214" i="15" s="1"/>
  <c r="Q215" i="15"/>
  <c r="X215" i="15" s="1"/>
  <c r="Q216" i="15"/>
  <c r="X216" i="15"/>
  <c r="Q217" i="15"/>
  <c r="X217" i="15" s="1"/>
  <c r="Q218" i="15"/>
  <c r="X218" i="15" s="1"/>
  <c r="Q219" i="15"/>
  <c r="X219" i="15"/>
  <c r="Q220" i="15"/>
  <c r="X220" i="15" s="1"/>
  <c r="Q221" i="15"/>
  <c r="X221" i="15" s="1"/>
  <c r="Q222" i="15"/>
  <c r="X222" i="15" s="1"/>
  <c r="Q223" i="15"/>
  <c r="X223" i="15"/>
  <c r="Q224" i="15"/>
  <c r="X224" i="15"/>
  <c r="Q225" i="15"/>
  <c r="X225" i="15" s="1"/>
  <c r="Q226" i="15"/>
  <c r="X226" i="15" s="1"/>
  <c r="Q227" i="15"/>
  <c r="X227" i="15"/>
  <c r="Q228" i="15"/>
  <c r="X228" i="15"/>
  <c r="Q229" i="15"/>
  <c r="X229" i="15" s="1"/>
  <c r="Q230" i="15"/>
  <c r="X230" i="15" s="1"/>
  <c r="Q231" i="15"/>
  <c r="X231" i="15" s="1"/>
  <c r="Q232" i="15"/>
  <c r="X232" i="15"/>
  <c r="Q233" i="15"/>
  <c r="X233" i="15" s="1"/>
  <c r="Q234" i="15"/>
  <c r="X234" i="15" s="1"/>
  <c r="Q235" i="15"/>
  <c r="X235" i="15"/>
  <c r="Q236" i="15"/>
  <c r="X236" i="15" s="1"/>
  <c r="Q237" i="15"/>
  <c r="X237" i="15" s="1"/>
  <c r="Q238" i="15"/>
  <c r="X238" i="15" s="1"/>
  <c r="Q239" i="15"/>
  <c r="X239" i="15"/>
  <c r="Q240" i="15"/>
  <c r="X240" i="15"/>
  <c r="Q241" i="15"/>
  <c r="X241" i="15" s="1"/>
  <c r="Q242" i="15"/>
  <c r="X242" i="15" s="1"/>
  <c r="Q243" i="15"/>
  <c r="X243" i="15"/>
  <c r="Q244" i="15"/>
  <c r="X244" i="15"/>
  <c r="Q245" i="15"/>
  <c r="X245" i="15" s="1"/>
  <c r="Q246" i="15"/>
  <c r="X246" i="15" s="1"/>
  <c r="Q247" i="15"/>
  <c r="X247" i="15" s="1"/>
  <c r="Q248" i="15"/>
  <c r="X248" i="15"/>
  <c r="Q249" i="15"/>
  <c r="X249" i="15" s="1"/>
  <c r="Q250" i="15"/>
  <c r="X250" i="15" s="1"/>
  <c r="Q251" i="15"/>
  <c r="X251" i="15"/>
  <c r="Q252" i="15"/>
  <c r="X252" i="15" s="1"/>
  <c r="Q253" i="15"/>
  <c r="X253" i="15" s="1"/>
  <c r="Q254" i="15"/>
  <c r="X254" i="15" s="1"/>
  <c r="Q255" i="15"/>
  <c r="X255" i="15"/>
  <c r="Q256" i="15"/>
  <c r="X256" i="15"/>
  <c r="Q257" i="15"/>
  <c r="X257" i="15" s="1"/>
  <c r="Q258" i="15"/>
  <c r="X258" i="15" s="1"/>
  <c r="Q259" i="15"/>
  <c r="X259" i="15"/>
  <c r="Q260" i="15"/>
  <c r="X260" i="15"/>
  <c r="Q261" i="15"/>
  <c r="X261" i="15" s="1"/>
  <c r="Q262" i="15"/>
  <c r="X262" i="15" s="1"/>
  <c r="Q263" i="15"/>
  <c r="X263" i="15" s="1"/>
  <c r="Q264" i="15"/>
  <c r="X264" i="15"/>
  <c r="Q265" i="15"/>
  <c r="X265" i="15" s="1"/>
  <c r="Q266" i="15"/>
  <c r="X266" i="15" s="1"/>
  <c r="Q267" i="15"/>
  <c r="X267" i="15"/>
  <c r="Q268" i="15"/>
  <c r="X268" i="15" s="1"/>
  <c r="Q269" i="15"/>
  <c r="X269" i="15" s="1"/>
  <c r="Q270" i="15"/>
  <c r="X270" i="15" s="1"/>
  <c r="Q271" i="15"/>
  <c r="X271" i="15"/>
  <c r="Q272" i="15"/>
  <c r="X272" i="15"/>
  <c r="Q273" i="15"/>
  <c r="X273" i="15" s="1"/>
  <c r="Q274" i="15"/>
  <c r="X274" i="15" s="1"/>
  <c r="Q275" i="15"/>
  <c r="X275" i="15"/>
  <c r="Q276" i="15"/>
  <c r="X276" i="15"/>
  <c r="Q277" i="15"/>
  <c r="X277" i="15" s="1"/>
  <c r="Q278" i="15"/>
  <c r="X278" i="15" s="1"/>
  <c r="Q279" i="15"/>
  <c r="X279" i="15" s="1"/>
  <c r="Q280" i="15"/>
  <c r="X280" i="15"/>
  <c r="Q281" i="15"/>
  <c r="X281" i="15" s="1"/>
  <c r="Q282" i="15"/>
  <c r="X282" i="15" s="1"/>
  <c r="Q283" i="15"/>
  <c r="X283" i="15"/>
  <c r="Q284" i="15"/>
  <c r="X284" i="15" s="1"/>
  <c r="Q285" i="15"/>
  <c r="X285" i="15" s="1"/>
  <c r="Q286" i="15"/>
  <c r="X286" i="15" s="1"/>
  <c r="Q287" i="15"/>
  <c r="X287" i="15"/>
  <c r="Q288" i="15"/>
  <c r="X288" i="15"/>
  <c r="Q289" i="15"/>
  <c r="X289" i="15" s="1"/>
  <c r="Q290" i="15"/>
  <c r="X290" i="15" s="1"/>
  <c r="Q291" i="15"/>
  <c r="X291" i="15"/>
  <c r="Q292" i="15"/>
  <c r="X292" i="15"/>
  <c r="Q293" i="15"/>
  <c r="X293" i="15" s="1"/>
  <c r="Q294" i="15"/>
  <c r="X294" i="15" s="1"/>
  <c r="Q295" i="15"/>
  <c r="X295" i="15" s="1"/>
  <c r="Q296" i="15"/>
  <c r="X296" i="15"/>
  <c r="Q297" i="15"/>
  <c r="X297" i="15" s="1"/>
  <c r="Q298" i="15"/>
  <c r="X298" i="15" s="1"/>
  <c r="Q299" i="15"/>
  <c r="X299" i="15"/>
  <c r="Q300" i="15"/>
  <c r="X300" i="15" s="1"/>
  <c r="Q301" i="15"/>
  <c r="X301" i="15" s="1"/>
  <c r="Q302" i="15"/>
  <c r="X302" i="15" s="1"/>
  <c r="Q303" i="15"/>
  <c r="X303" i="15"/>
  <c r="Q304" i="15"/>
  <c r="X304" i="15"/>
  <c r="Q305" i="15"/>
  <c r="X305" i="15" s="1"/>
  <c r="Q306" i="15"/>
  <c r="X306" i="15" s="1"/>
  <c r="Q307" i="15"/>
  <c r="X307" i="15"/>
  <c r="Q308" i="15"/>
  <c r="X308" i="15"/>
  <c r="Q309" i="15"/>
  <c r="X309" i="15" s="1"/>
  <c r="Q310" i="15"/>
  <c r="X310" i="15" s="1"/>
  <c r="Q311" i="15"/>
  <c r="X311" i="15" s="1"/>
  <c r="Q312" i="15"/>
  <c r="X312" i="15"/>
  <c r="Q313" i="15"/>
  <c r="X313" i="15" s="1"/>
  <c r="Q314" i="15"/>
  <c r="X314" i="15" s="1"/>
  <c r="Q315" i="15"/>
  <c r="X315" i="15"/>
  <c r="Q316" i="15"/>
  <c r="X316" i="15" s="1"/>
  <c r="Q317" i="15"/>
  <c r="X317" i="15" s="1"/>
  <c r="Q318" i="15"/>
  <c r="X318" i="15" s="1"/>
  <c r="Q319" i="15"/>
  <c r="X319" i="15"/>
  <c r="Q320" i="15"/>
  <c r="X320" i="15"/>
  <c r="Q321" i="15"/>
  <c r="X321" i="15" s="1"/>
  <c r="Q322" i="15"/>
  <c r="X322" i="15" s="1"/>
  <c r="Q323" i="15"/>
  <c r="X323" i="15"/>
  <c r="Q324" i="15"/>
  <c r="X324" i="15"/>
  <c r="Q325" i="15"/>
  <c r="X325" i="15" s="1"/>
  <c r="Q326" i="15"/>
  <c r="X326" i="15" s="1"/>
  <c r="Q327" i="15"/>
  <c r="X327" i="15" s="1"/>
  <c r="Q328" i="15"/>
  <c r="X328" i="15"/>
  <c r="Q329" i="15"/>
  <c r="X329" i="15" s="1"/>
  <c r="Q330" i="15"/>
  <c r="X330" i="15" s="1"/>
  <c r="Q331" i="15"/>
  <c r="X331" i="15"/>
  <c r="Q332" i="15"/>
  <c r="X332" i="15" s="1"/>
  <c r="Q333" i="15"/>
  <c r="X333" i="15" s="1"/>
  <c r="Q334" i="15"/>
  <c r="X334" i="15" s="1"/>
  <c r="Q335" i="15"/>
  <c r="X335" i="15"/>
  <c r="Q336" i="15"/>
  <c r="X336" i="15"/>
  <c r="Q337" i="15"/>
  <c r="X337" i="15" s="1"/>
  <c r="Q338" i="15"/>
  <c r="X338" i="15"/>
  <c r="Q339" i="15"/>
  <c r="X339" i="15"/>
  <c r="Q340" i="15"/>
  <c r="X340" i="15"/>
  <c r="Q341" i="15"/>
  <c r="X341" i="15" s="1"/>
  <c r="Q342" i="15"/>
  <c r="X342" i="15"/>
  <c r="Q343" i="15"/>
  <c r="X343" i="15"/>
  <c r="Q344" i="15"/>
  <c r="X344" i="15"/>
  <c r="Q345" i="15"/>
  <c r="X345" i="15" s="1"/>
  <c r="Q346" i="15"/>
  <c r="X346" i="15"/>
  <c r="Q347" i="15"/>
  <c r="X347" i="15"/>
  <c r="Q348" i="15"/>
  <c r="X348" i="15"/>
  <c r="Q349" i="15"/>
  <c r="X349" i="15" s="1"/>
  <c r="Q350" i="15"/>
  <c r="X350" i="15"/>
  <c r="Q351" i="15"/>
  <c r="X351" i="15"/>
  <c r="Q352" i="15"/>
  <c r="X352" i="15"/>
  <c r="Q353" i="15"/>
  <c r="X353" i="15" s="1"/>
  <c r="Q354" i="15"/>
  <c r="X354" i="15"/>
  <c r="Q355" i="15"/>
  <c r="X355" i="15"/>
  <c r="Q356" i="15"/>
  <c r="X356" i="15"/>
  <c r="Q357" i="15"/>
  <c r="X357" i="15" s="1"/>
  <c r="Q358" i="15"/>
  <c r="X358" i="15"/>
  <c r="Q359" i="15"/>
  <c r="X359" i="15"/>
  <c r="Q360" i="15"/>
  <c r="X360" i="15"/>
  <c r="Q361" i="15"/>
  <c r="X361" i="15" s="1"/>
  <c r="Q362" i="15"/>
  <c r="X362" i="15"/>
  <c r="Q363" i="15"/>
  <c r="X363" i="15"/>
  <c r="Q364" i="15"/>
  <c r="X364" i="15"/>
  <c r="Q365" i="15"/>
  <c r="X365" i="15" s="1"/>
  <c r="Q366" i="15"/>
  <c r="X366" i="15"/>
  <c r="Q367" i="15"/>
  <c r="X367" i="15"/>
  <c r="Q368" i="15"/>
  <c r="X368" i="15"/>
  <c r="Q369" i="15"/>
  <c r="X369" i="15" s="1"/>
  <c r="Q370" i="15"/>
  <c r="X370" i="15"/>
  <c r="Q371" i="15"/>
  <c r="X371" i="15"/>
  <c r="Q372" i="15"/>
  <c r="X372" i="15"/>
  <c r="Q373" i="15"/>
  <c r="X373" i="15" s="1"/>
  <c r="Q374" i="15"/>
  <c r="X374" i="15"/>
  <c r="Q375" i="15"/>
  <c r="X375" i="15"/>
  <c r="Q376" i="15"/>
  <c r="X376" i="15"/>
  <c r="Q377" i="15"/>
  <c r="X377" i="15" s="1"/>
  <c r="Q378" i="15"/>
  <c r="X378" i="15"/>
  <c r="Q379" i="15"/>
  <c r="X379" i="15"/>
  <c r="Q380" i="15"/>
  <c r="X380" i="15"/>
  <c r="Q381" i="15"/>
  <c r="X381" i="15" s="1"/>
  <c r="Q382" i="15"/>
  <c r="X382" i="15"/>
  <c r="Q383" i="15"/>
  <c r="X383" i="15"/>
  <c r="Q384" i="15"/>
  <c r="X384" i="15"/>
  <c r="Q385" i="15"/>
  <c r="X385" i="15" s="1"/>
  <c r="Q386" i="15"/>
  <c r="X386" i="15"/>
  <c r="Q387" i="15"/>
  <c r="X387" i="15"/>
  <c r="Q388" i="15"/>
  <c r="X388" i="15"/>
  <c r="Q389" i="15"/>
  <c r="X389" i="15" s="1"/>
  <c r="Q390" i="15"/>
  <c r="X390" i="15"/>
  <c r="Q391" i="15"/>
  <c r="X391" i="15"/>
  <c r="Q392" i="15"/>
  <c r="X392" i="15"/>
  <c r="Q393" i="15"/>
  <c r="X393" i="15" s="1"/>
  <c r="Q394" i="15"/>
  <c r="X394" i="15"/>
  <c r="Q395" i="15"/>
  <c r="X395" i="15"/>
  <c r="Q396" i="15"/>
  <c r="X396" i="15"/>
  <c r="Q397" i="15"/>
  <c r="X397" i="15" s="1"/>
  <c r="Q398" i="15"/>
  <c r="X398" i="15"/>
  <c r="Q399" i="15"/>
  <c r="X399" i="15"/>
  <c r="Q400" i="15"/>
  <c r="X400" i="15"/>
  <c r="Q401" i="15"/>
  <c r="X401" i="15" s="1"/>
  <c r="Q402" i="15"/>
  <c r="X402" i="15"/>
  <c r="Q403" i="15"/>
  <c r="X403" i="15"/>
  <c r="Q404" i="15"/>
  <c r="X404" i="15"/>
  <c r="Q405" i="15"/>
  <c r="X405" i="15" s="1"/>
  <c r="Q406" i="15"/>
  <c r="X406" i="15"/>
  <c r="Q407" i="15"/>
  <c r="X407" i="15"/>
  <c r="Q408" i="15"/>
  <c r="X408" i="15"/>
  <c r="Q409" i="15"/>
  <c r="X409" i="15" s="1"/>
  <c r="Q410" i="15"/>
  <c r="X410" i="15"/>
  <c r="Q411" i="15"/>
  <c r="X411" i="15"/>
  <c r="Q412" i="15"/>
  <c r="X412" i="15"/>
  <c r="Q413" i="15"/>
  <c r="X413" i="15" s="1"/>
  <c r="Q414" i="15"/>
  <c r="X414" i="15"/>
  <c r="Q415" i="15"/>
  <c r="X415" i="15"/>
  <c r="Q416" i="15"/>
  <c r="X416" i="15"/>
  <c r="Q417" i="15"/>
  <c r="X417" i="15" s="1"/>
  <c r="Q418" i="15"/>
  <c r="X418" i="15"/>
  <c r="Q419" i="15"/>
  <c r="X419" i="15"/>
  <c r="Q420" i="15"/>
  <c r="X420" i="15"/>
  <c r="Q421" i="15"/>
  <c r="X421" i="15" s="1"/>
  <c r="Q422" i="15"/>
  <c r="X422" i="15"/>
  <c r="Q423" i="15"/>
  <c r="X423" i="15"/>
  <c r="Q424" i="15"/>
  <c r="X424" i="15"/>
  <c r="Q425" i="15"/>
  <c r="X425" i="15" s="1"/>
  <c r="Q426" i="15"/>
  <c r="X426" i="15"/>
  <c r="Q427" i="15"/>
  <c r="X427" i="15"/>
  <c r="Q428" i="15"/>
  <c r="X428" i="15"/>
  <c r="Q429" i="15"/>
  <c r="X429" i="15" s="1"/>
  <c r="Q430" i="15"/>
  <c r="X430" i="15"/>
  <c r="Q431" i="15"/>
  <c r="X431" i="15"/>
  <c r="Q432" i="15"/>
  <c r="X432" i="15"/>
  <c r="Q433" i="15"/>
  <c r="X433" i="15" s="1"/>
  <c r="Q434" i="15"/>
  <c r="X434" i="15"/>
  <c r="Q435" i="15"/>
  <c r="X435" i="15"/>
  <c r="Q436" i="15"/>
  <c r="X436" i="15"/>
  <c r="Q437" i="15"/>
  <c r="X437" i="15" s="1"/>
  <c r="Q438" i="15"/>
  <c r="X438" i="15"/>
  <c r="Q439" i="15"/>
  <c r="X439" i="15"/>
  <c r="Q440" i="15"/>
  <c r="X440" i="15"/>
  <c r="Q441" i="15"/>
  <c r="X441" i="15" s="1"/>
  <c r="Q442" i="15"/>
  <c r="X442" i="15"/>
  <c r="Q443" i="15"/>
  <c r="X443" i="15"/>
  <c r="Q444" i="15"/>
  <c r="X444" i="15"/>
  <c r="Q445" i="15"/>
  <c r="X445" i="15" s="1"/>
  <c r="Q446" i="15"/>
  <c r="X446" i="15"/>
  <c r="Q447" i="15"/>
  <c r="X447" i="15"/>
  <c r="Q448" i="15"/>
  <c r="X448" i="15"/>
  <c r="Q449" i="15"/>
  <c r="X449" i="15" s="1"/>
  <c r="Q450" i="15"/>
  <c r="X450" i="15"/>
  <c r="Q451" i="15"/>
  <c r="X451" i="15"/>
  <c r="Q452" i="15"/>
  <c r="X452" i="15"/>
  <c r="Q453" i="15"/>
  <c r="X453" i="15" s="1"/>
  <c r="Q454" i="15"/>
  <c r="X454" i="15"/>
  <c r="Q455" i="15"/>
  <c r="X455" i="15"/>
  <c r="Q456" i="15"/>
  <c r="X456" i="15"/>
  <c r="Q457" i="15"/>
  <c r="X457" i="15" s="1"/>
  <c r="Q458" i="15"/>
  <c r="X458" i="15"/>
  <c r="Q459" i="15"/>
  <c r="X459" i="15"/>
  <c r="Q460" i="15"/>
  <c r="X460" i="15"/>
  <c r="Q461" i="15"/>
  <c r="X461" i="15" s="1"/>
  <c r="Q462" i="15"/>
  <c r="X462" i="15"/>
  <c r="Q463" i="15"/>
  <c r="X463" i="15"/>
  <c r="Q464" i="15"/>
  <c r="X464" i="15"/>
  <c r="Q465" i="15"/>
  <c r="X465" i="15" s="1"/>
  <c r="Q466" i="15"/>
  <c r="X466" i="15"/>
  <c r="Q467" i="15"/>
  <c r="X467" i="15"/>
  <c r="Q468" i="15"/>
  <c r="X468" i="15"/>
  <c r="Q469" i="15"/>
  <c r="X469" i="15" s="1"/>
  <c r="Q470" i="15"/>
  <c r="X470" i="15"/>
  <c r="Q471" i="15"/>
  <c r="X471" i="15"/>
  <c r="Q472" i="15"/>
  <c r="X472" i="15"/>
  <c r="Q473" i="15"/>
  <c r="X473" i="15" s="1"/>
  <c r="Q474" i="15"/>
  <c r="X474" i="15"/>
  <c r="Q475" i="15"/>
  <c r="X475" i="15"/>
  <c r="Q476" i="15"/>
  <c r="X476" i="15"/>
  <c r="Q477" i="15"/>
  <c r="X477" i="15" s="1"/>
  <c r="Q478" i="15"/>
  <c r="X478" i="15"/>
  <c r="Q479" i="15"/>
  <c r="X479" i="15"/>
  <c r="Q480" i="15"/>
  <c r="X480" i="15"/>
  <c r="Q481" i="15"/>
  <c r="X481" i="15" s="1"/>
  <c r="Q482" i="15"/>
  <c r="X482" i="15"/>
  <c r="Q483" i="15"/>
  <c r="X483" i="15"/>
  <c r="Q484" i="15"/>
  <c r="X484" i="15"/>
  <c r="Q485" i="15"/>
  <c r="X485" i="15" s="1"/>
  <c r="Q486" i="15"/>
  <c r="X486" i="15"/>
  <c r="Q487" i="15"/>
  <c r="X487" i="15"/>
  <c r="Q488" i="15"/>
  <c r="X488" i="15"/>
  <c r="Q489" i="15"/>
  <c r="X489" i="15" s="1"/>
  <c r="Q490" i="15"/>
  <c r="X490" i="15"/>
  <c r="Q491" i="15"/>
  <c r="X491" i="15"/>
  <c r="Q492" i="15"/>
  <c r="X492" i="15"/>
  <c r="Q493" i="15"/>
  <c r="X493" i="15" s="1"/>
  <c r="Q494" i="15"/>
  <c r="X494" i="15"/>
  <c r="Q495" i="15"/>
  <c r="X495" i="15"/>
  <c r="Q496" i="15"/>
  <c r="X496" i="15"/>
  <c r="Q497" i="15"/>
  <c r="X497" i="15" s="1"/>
  <c r="Q498" i="15"/>
  <c r="X498" i="15"/>
  <c r="Q499" i="15"/>
  <c r="X499" i="15"/>
  <c r="Q500" i="15"/>
  <c r="X500" i="15"/>
  <c r="Q501" i="15"/>
  <c r="X501" i="15" s="1"/>
  <c r="Q502" i="15"/>
  <c r="X502" i="15"/>
  <c r="Q503" i="15"/>
  <c r="X503" i="15"/>
  <c r="Q504" i="15"/>
  <c r="X504" i="15"/>
  <c r="Q505" i="15"/>
  <c r="X505" i="15" s="1"/>
  <c r="Q506" i="15"/>
  <c r="X506" i="15"/>
  <c r="Q507" i="15"/>
  <c r="X507" i="15"/>
  <c r="Q508" i="15"/>
  <c r="X508" i="15" s="1"/>
  <c r="Q509" i="15"/>
  <c r="X509" i="15" s="1"/>
  <c r="Q510" i="15"/>
  <c r="X510" i="15"/>
  <c r="Q511" i="15"/>
  <c r="X511" i="15" s="1"/>
  <c r="Q512" i="15"/>
  <c r="X512" i="15"/>
  <c r="Q513" i="15"/>
  <c r="X513" i="15" s="1"/>
  <c r="Q514" i="15"/>
  <c r="X514" i="15"/>
  <c r="Q515" i="15"/>
  <c r="X515" i="15"/>
  <c r="Q516" i="15"/>
  <c r="X516" i="15"/>
  <c r="Q517" i="15"/>
  <c r="X517" i="15" s="1"/>
  <c r="Q518" i="15"/>
  <c r="X518" i="15" s="1"/>
  <c r="Q519" i="15"/>
  <c r="X519" i="15"/>
  <c r="Q520" i="15"/>
  <c r="X520" i="15" s="1"/>
  <c r="Q521" i="15"/>
  <c r="X521" i="15" s="1"/>
  <c r="Q522" i="15"/>
  <c r="X522" i="15" s="1"/>
  <c r="Q523" i="15"/>
  <c r="X523" i="15"/>
  <c r="Q524" i="15"/>
  <c r="X524" i="15"/>
  <c r="Q525" i="15"/>
  <c r="X525" i="15" s="1"/>
  <c r="Q526" i="15"/>
  <c r="X526" i="15"/>
  <c r="Q527" i="15"/>
  <c r="X527" i="15" s="1"/>
  <c r="Q528" i="15"/>
  <c r="X528" i="15"/>
  <c r="Q529" i="15"/>
  <c r="X529" i="15" s="1"/>
  <c r="Q530" i="15"/>
  <c r="X530" i="15"/>
  <c r="Q531" i="15"/>
  <c r="X531" i="15" s="1"/>
  <c r="Q532" i="15"/>
  <c r="X532" i="15"/>
  <c r="Q533" i="15"/>
  <c r="X533" i="15" s="1"/>
  <c r="Q534" i="15"/>
  <c r="X534" i="15" s="1"/>
  <c r="Q535" i="15"/>
  <c r="X535" i="15"/>
  <c r="Q536" i="15"/>
  <c r="X536" i="15" s="1"/>
  <c r="Q537" i="15"/>
  <c r="X537" i="15" s="1"/>
  <c r="Q538" i="15"/>
  <c r="X538" i="15"/>
  <c r="Q539" i="15"/>
  <c r="X539" i="15"/>
  <c r="Q540" i="15"/>
  <c r="X540" i="15" s="1"/>
  <c r="Q541" i="15"/>
  <c r="X541" i="15" s="1"/>
  <c r="Q542" i="15"/>
  <c r="X542" i="15"/>
  <c r="Q543" i="15"/>
  <c r="X543" i="15" s="1"/>
  <c r="Q544" i="15"/>
  <c r="X544" i="15" s="1"/>
  <c r="Q545" i="15"/>
  <c r="X545" i="15" s="1"/>
  <c r="Q546" i="15"/>
  <c r="X546" i="15"/>
  <c r="Q547" i="15"/>
  <c r="X547" i="15"/>
  <c r="Q548" i="15"/>
  <c r="X548" i="15"/>
  <c r="Q549" i="15"/>
  <c r="X549" i="15" s="1"/>
  <c r="Q550" i="15"/>
  <c r="X550" i="15" s="1"/>
  <c r="Q551" i="15"/>
  <c r="X551" i="15"/>
  <c r="Q552" i="15"/>
  <c r="X552" i="15" s="1"/>
  <c r="Q553" i="15"/>
  <c r="X553" i="15" s="1"/>
  <c r="Q554" i="15"/>
  <c r="X554" i="15" s="1"/>
  <c r="Q555" i="15"/>
  <c r="X555" i="15"/>
  <c r="Q556" i="15"/>
  <c r="X556" i="15"/>
  <c r="Q557" i="15"/>
  <c r="X557" i="15" s="1"/>
  <c r="Q558" i="15"/>
  <c r="X558" i="15"/>
  <c r="Q559" i="15"/>
  <c r="X559" i="15" s="1"/>
  <c r="Q560" i="15"/>
  <c r="X560" i="15"/>
  <c r="Q561" i="15"/>
  <c r="X561" i="15" s="1"/>
  <c r="Q562" i="15"/>
  <c r="X562" i="15"/>
  <c r="Q563" i="15"/>
  <c r="X563" i="15" s="1"/>
  <c r="Q564" i="15"/>
  <c r="X564" i="15"/>
  <c r="Q565" i="15"/>
  <c r="X565" i="15" s="1"/>
  <c r="Q566" i="15"/>
  <c r="X566" i="15" s="1"/>
  <c r="Q567" i="15"/>
  <c r="X567" i="15"/>
  <c r="Q568" i="15"/>
  <c r="X568" i="15" s="1"/>
  <c r="Q569" i="15"/>
  <c r="X569" i="15" s="1"/>
  <c r="Q570" i="15"/>
  <c r="X570" i="15"/>
  <c r="Q571" i="15"/>
  <c r="X571" i="15"/>
  <c r="Q572" i="15"/>
  <c r="X572" i="15" s="1"/>
  <c r="Q573" i="15"/>
  <c r="X573" i="15" s="1"/>
  <c r="Q574" i="15"/>
  <c r="X574" i="15"/>
  <c r="Q575" i="15"/>
  <c r="X575" i="15" s="1"/>
  <c r="Q576" i="15"/>
  <c r="X576" i="15"/>
  <c r="Q577" i="15"/>
  <c r="X577" i="15" s="1"/>
  <c r="Q578" i="15"/>
  <c r="X578" i="15"/>
  <c r="Q579" i="15"/>
  <c r="X579" i="15"/>
  <c r="Q580" i="15"/>
  <c r="X580" i="15"/>
  <c r="Q581" i="15"/>
  <c r="X581" i="15" s="1"/>
  <c r="Q582" i="15"/>
  <c r="X582" i="15" s="1"/>
  <c r="Q583" i="15"/>
  <c r="X583" i="15"/>
  <c r="Q584" i="15"/>
  <c r="X584" i="15" s="1"/>
  <c r="Q585" i="15"/>
  <c r="X585" i="15" s="1"/>
  <c r="Q586" i="15"/>
  <c r="X586" i="15" s="1"/>
  <c r="Q587" i="15"/>
  <c r="X587" i="15"/>
  <c r="Q588" i="15"/>
  <c r="X588" i="15"/>
  <c r="Q589" i="15"/>
  <c r="X589" i="15" s="1"/>
  <c r="Q590" i="15"/>
  <c r="X590" i="15" s="1"/>
  <c r="Q591" i="15"/>
  <c r="X591" i="15" s="1"/>
  <c r="Q592" i="15"/>
  <c r="X592" i="15"/>
  <c r="Q593" i="15"/>
  <c r="X593" i="15" s="1"/>
  <c r="Q594" i="15"/>
  <c r="X594" i="15"/>
  <c r="Q595" i="15"/>
  <c r="X595" i="15" s="1"/>
  <c r="Q596" i="15"/>
  <c r="X596" i="15"/>
  <c r="Q597" i="15"/>
  <c r="X597" i="15" s="1"/>
  <c r="Q598" i="15"/>
  <c r="X598" i="15" s="1"/>
  <c r="Q599" i="15"/>
  <c r="X599" i="15"/>
  <c r="Q600" i="15"/>
  <c r="X600" i="15" s="1"/>
  <c r="Q601" i="15"/>
  <c r="X601" i="15" s="1"/>
  <c r="Q602" i="15"/>
  <c r="X602" i="15"/>
  <c r="Q603" i="15"/>
  <c r="X603" i="15"/>
  <c r="Q604" i="15"/>
  <c r="X604" i="15" s="1"/>
  <c r="Q605" i="15"/>
  <c r="X605" i="15" s="1"/>
  <c r="Q606" i="15"/>
  <c r="X606" i="15"/>
  <c r="Q607" i="15"/>
  <c r="X607" i="15" s="1"/>
  <c r="Q608" i="15"/>
  <c r="X608" i="15" s="1"/>
  <c r="Q609" i="15"/>
  <c r="X609" i="15"/>
  <c r="Q610" i="15"/>
  <c r="X610" i="15"/>
  <c r="Q611" i="15"/>
  <c r="X611" i="15" s="1"/>
  <c r="Q612" i="15"/>
  <c r="X612" i="15"/>
  <c r="Q613" i="15"/>
  <c r="X613" i="15"/>
  <c r="Q614" i="15"/>
  <c r="X614" i="15"/>
  <c r="Q615" i="15"/>
  <c r="X615" i="15" s="1"/>
  <c r="Q616" i="15"/>
  <c r="X616" i="15" s="1"/>
  <c r="Q617" i="15"/>
  <c r="X617" i="15"/>
  <c r="Q618" i="15"/>
  <c r="X618" i="15"/>
  <c r="Q619" i="15"/>
  <c r="X619" i="15" s="1"/>
  <c r="Q620" i="15"/>
  <c r="X620" i="15"/>
  <c r="Q621" i="15"/>
  <c r="X621" i="15"/>
  <c r="Q622" i="15"/>
  <c r="X622" i="15"/>
  <c r="Q623" i="15"/>
  <c r="X623" i="15" s="1"/>
  <c r="Q624" i="15"/>
  <c r="X624" i="15"/>
  <c r="Q625" i="15"/>
  <c r="X625" i="15"/>
  <c r="Q626" i="15"/>
  <c r="X626" i="15"/>
  <c r="Q627" i="15"/>
  <c r="X627" i="15" s="1"/>
  <c r="Q628" i="15"/>
  <c r="X628" i="15"/>
  <c r="Q629" i="15"/>
  <c r="X629" i="15"/>
  <c r="Q630" i="15"/>
  <c r="X630" i="15"/>
  <c r="Q631" i="15"/>
  <c r="X631" i="15" s="1"/>
  <c r="Q632" i="15"/>
  <c r="X632" i="15" s="1"/>
  <c r="Q633" i="15"/>
  <c r="X633" i="15"/>
  <c r="Q634" i="15"/>
  <c r="X634" i="15"/>
  <c r="Q635" i="15"/>
  <c r="X635" i="15" s="1"/>
  <c r="Q636" i="15"/>
  <c r="X636" i="15"/>
  <c r="Q637" i="15"/>
  <c r="X637" i="15"/>
  <c r="Q638" i="15"/>
  <c r="X638" i="15"/>
  <c r="Q639" i="15"/>
  <c r="X639" i="15" s="1"/>
  <c r="Q640" i="15"/>
  <c r="X640" i="15" s="1"/>
  <c r="Q641" i="15"/>
  <c r="X641" i="15"/>
  <c r="Q642" i="15"/>
  <c r="X642" i="15"/>
  <c r="Q643" i="15"/>
  <c r="X643" i="15" s="1"/>
  <c r="Q644" i="15"/>
  <c r="X644" i="15"/>
  <c r="Q645" i="15"/>
  <c r="X645" i="15"/>
  <c r="Q646" i="15"/>
  <c r="X646" i="15"/>
  <c r="Q647" i="15"/>
  <c r="X647" i="15" s="1"/>
  <c r="Q648" i="15"/>
  <c r="X648" i="15" s="1"/>
  <c r="Q649" i="15"/>
  <c r="X649" i="15"/>
  <c r="Q650" i="15"/>
  <c r="X650" i="15"/>
  <c r="Q651" i="15"/>
  <c r="X651" i="15" s="1"/>
  <c r="Q652" i="15"/>
  <c r="X652" i="15" s="1"/>
  <c r="Q653" i="15"/>
  <c r="X653" i="15"/>
  <c r="Q654" i="15"/>
  <c r="X654" i="15"/>
  <c r="Q655" i="15"/>
  <c r="X655" i="15" s="1"/>
  <c r="Q656" i="15"/>
  <c r="X656" i="15"/>
  <c r="Q657" i="15"/>
  <c r="X657" i="15"/>
  <c r="Q658" i="15"/>
  <c r="X658" i="15"/>
  <c r="Q659" i="15"/>
  <c r="X659" i="15" s="1"/>
  <c r="Q660" i="15"/>
  <c r="X660" i="15"/>
  <c r="Q661" i="15"/>
  <c r="X661" i="15"/>
  <c r="Q662" i="15"/>
  <c r="X662" i="15"/>
  <c r="Q663" i="15"/>
  <c r="X663" i="15" s="1"/>
  <c r="Q664" i="15"/>
  <c r="X664" i="15" s="1"/>
  <c r="Q665" i="15"/>
  <c r="X665" i="15"/>
  <c r="Q666" i="15"/>
  <c r="X666" i="15"/>
  <c r="Q667" i="15"/>
  <c r="X667" i="15" s="1"/>
  <c r="Q668" i="15"/>
  <c r="X668" i="15"/>
  <c r="Q669" i="15"/>
  <c r="X669" i="15"/>
  <c r="Q670" i="15"/>
  <c r="X670" i="15"/>
  <c r="Q671" i="15"/>
  <c r="X671" i="15" s="1"/>
  <c r="Q672" i="15"/>
  <c r="X672" i="15" s="1"/>
  <c r="Q673" i="15"/>
  <c r="X673" i="15"/>
  <c r="Q674" i="15"/>
  <c r="X674" i="15"/>
  <c r="Q675" i="15"/>
  <c r="X675" i="15" s="1"/>
  <c r="Q676" i="15"/>
  <c r="X676" i="15"/>
  <c r="Q677" i="15"/>
  <c r="X677" i="15"/>
  <c r="Q678" i="15"/>
  <c r="X678" i="15"/>
  <c r="Q679" i="15"/>
  <c r="X679" i="15" s="1"/>
  <c r="Q680" i="15"/>
  <c r="X680" i="15" s="1"/>
  <c r="Q681" i="15"/>
  <c r="X681" i="15"/>
  <c r="Q682" i="15"/>
  <c r="X682" i="15"/>
  <c r="Q683" i="15"/>
  <c r="X683" i="15" s="1"/>
  <c r="Q684" i="15"/>
  <c r="X684" i="15" s="1"/>
  <c r="Q685" i="15"/>
  <c r="X685" i="15"/>
  <c r="Q686" i="15"/>
  <c r="X686" i="15"/>
  <c r="Q687" i="15"/>
  <c r="X687" i="15" s="1"/>
  <c r="Q688" i="15"/>
  <c r="X688" i="15"/>
  <c r="Q689" i="15"/>
  <c r="X689" i="15"/>
  <c r="Q690" i="15"/>
  <c r="X690" i="15"/>
  <c r="Q691" i="15"/>
  <c r="X691" i="15" s="1"/>
  <c r="Q692" i="15"/>
  <c r="X692" i="15"/>
  <c r="Q693" i="15"/>
  <c r="X693" i="15"/>
  <c r="Q694" i="15"/>
  <c r="X694" i="15"/>
  <c r="Q695" i="15"/>
  <c r="X695" i="15" s="1"/>
  <c r="Q696" i="15"/>
  <c r="X696" i="15" s="1"/>
  <c r="Q697" i="15"/>
  <c r="X697" i="15"/>
  <c r="Q698" i="15"/>
  <c r="X698" i="15"/>
  <c r="Q699" i="15"/>
  <c r="X699" i="15" s="1"/>
  <c r="Q700" i="15"/>
  <c r="X700" i="15"/>
  <c r="Q701" i="15"/>
  <c r="X701" i="15"/>
  <c r="Q702" i="15"/>
  <c r="X702" i="15"/>
  <c r="Q703" i="15"/>
  <c r="X703" i="15" s="1"/>
  <c r="Q704" i="15"/>
  <c r="X704" i="15" s="1"/>
  <c r="Q705" i="15"/>
  <c r="X705" i="15"/>
  <c r="Q706" i="15"/>
  <c r="X706" i="15"/>
  <c r="Q707" i="15"/>
  <c r="X707" i="15" s="1"/>
  <c r="Q708" i="15"/>
  <c r="X708" i="15"/>
  <c r="Q709" i="15"/>
  <c r="X709" i="15"/>
  <c r="Q710" i="15"/>
  <c r="X710" i="15"/>
  <c r="Q711" i="15"/>
  <c r="X711" i="15" s="1"/>
  <c r="Q712" i="15"/>
  <c r="X712" i="15" s="1"/>
  <c r="Q713" i="15"/>
  <c r="X713" i="15"/>
  <c r="Q714" i="15"/>
  <c r="X714" i="15"/>
  <c r="Q715" i="15"/>
  <c r="X715" i="15" s="1"/>
  <c r="Q716" i="15"/>
  <c r="X716" i="15"/>
  <c r="Q717" i="15"/>
  <c r="X717" i="15"/>
  <c r="Q718" i="15"/>
  <c r="X718" i="15"/>
  <c r="Q719" i="15"/>
  <c r="X719" i="15" s="1"/>
  <c r="Q7" i="15"/>
  <c r="X7" i="15"/>
  <c r="B3" i="1"/>
  <c r="B1228" i="1"/>
  <c r="B1204" i="1"/>
  <c r="B1208" i="1"/>
  <c r="B1212" i="1"/>
  <c r="B1216" i="1"/>
  <c r="AA4" i="2"/>
  <c r="AA5" i="2"/>
  <c r="AA6" i="2"/>
  <c r="AA7" i="2" s="1"/>
  <c r="AA8" i="2" s="1"/>
  <c r="AA9" i="2" s="1"/>
  <c r="AA10" i="2" s="1"/>
  <c r="AA11" i="2" s="1"/>
  <c r="AA12" i="2" s="1"/>
  <c r="AA13" i="2"/>
  <c r="AA14" i="2" s="1"/>
  <c r="AA15" i="2" s="1"/>
  <c r="AA16" i="2" s="1"/>
  <c r="AA17" i="2" s="1"/>
  <c r="AA18" i="2" s="1"/>
  <c r="AA19" i="2" s="1"/>
  <c r="AA20" i="2" s="1"/>
  <c r="AA21" i="2" s="1"/>
  <c r="AA22" i="2" s="1"/>
  <c r="AA23" i="2" s="1"/>
  <c r="AA24" i="2" s="1"/>
  <c r="AA25" i="2" s="1"/>
  <c r="AA26" i="2" s="1"/>
  <c r="AA27" i="2" s="1"/>
  <c r="AA28" i="2" s="1"/>
  <c r="AA29" i="2" s="1"/>
  <c r="AA30" i="2" s="1"/>
  <c r="AA31" i="2" s="1"/>
  <c r="AA32" i="2" s="1"/>
  <c r="AA33" i="2"/>
  <c r="AA34" i="2" s="1"/>
  <c r="AA35" i="2" s="1"/>
  <c r="AA36" i="2" s="1"/>
  <c r="AA37" i="2" s="1"/>
  <c r="AA38" i="2" s="1"/>
  <c r="AA39" i="2" s="1"/>
  <c r="AA40" i="2" s="1"/>
  <c r="AA41" i="2" s="1"/>
  <c r="AA42" i="2" s="1"/>
  <c r="AA43" i="2" s="1"/>
  <c r="AA44" i="2" s="1"/>
  <c r="AA45" i="2" s="1"/>
  <c r="AA46" i="2" s="1"/>
  <c r="AA47" i="2" s="1"/>
  <c r="AA48" i="2" s="1"/>
  <c r="AA49" i="2" s="1"/>
  <c r="AA50" i="2" s="1"/>
  <c r="AA51" i="2" s="1"/>
  <c r="AA52" i="2" s="1"/>
  <c r="AA53" i="2" s="1"/>
  <c r="AA54" i="2" s="1"/>
  <c r="AA55" i="2" s="1"/>
  <c r="AA56" i="2" s="1"/>
  <c r="AA57" i="2" s="1"/>
  <c r="AA58" i="2" s="1"/>
  <c r="AA59" i="2" s="1"/>
  <c r="AA60" i="2" s="1"/>
  <c r="AA61" i="2" s="1"/>
  <c r="AA62" i="2" s="1"/>
  <c r="AA63" i="2" s="1"/>
  <c r="AA64" i="2" s="1"/>
  <c r="AA65" i="2" s="1"/>
  <c r="AA66" i="2" s="1"/>
  <c r="AA67" i="2" s="1"/>
  <c r="AA68" i="2" s="1"/>
  <c r="AA69" i="2" s="1"/>
  <c r="AA70" i="2" s="1"/>
  <c r="AA71" i="2" s="1"/>
  <c r="AA72" i="2" s="1"/>
  <c r="AA73" i="2" s="1"/>
  <c r="AA74" i="2" s="1"/>
  <c r="AA75" i="2" s="1"/>
  <c r="AA76" i="2" s="1"/>
  <c r="AA77" i="2" s="1"/>
  <c r="AA78" i="2" s="1"/>
  <c r="AA79" i="2" s="1"/>
  <c r="AA80" i="2" s="1"/>
  <c r="AA81" i="2" s="1"/>
  <c r="AA82" i="2" s="1"/>
  <c r="AA83" i="2" s="1"/>
  <c r="AA84" i="2" s="1"/>
  <c r="AA85" i="2" s="1"/>
  <c r="AA86" i="2" s="1"/>
  <c r="AA87" i="2" s="1"/>
  <c r="AA88" i="2" s="1"/>
  <c r="AA89" i="2" s="1"/>
  <c r="AA90" i="2" s="1"/>
  <c r="AA91" i="2" s="1"/>
  <c r="AA92" i="2" s="1"/>
  <c r="AA93" i="2" s="1"/>
  <c r="AA94" i="2" s="1"/>
  <c r="AA95" i="2" s="1"/>
  <c r="AA96" i="2" s="1"/>
  <c r="AA97" i="2" s="1"/>
  <c r="AA98" i="2" s="1"/>
  <c r="AA99" i="2" s="1"/>
  <c r="AA100" i="2" s="1"/>
  <c r="AA101" i="2" s="1"/>
  <c r="AA102" i="2" s="1"/>
  <c r="AA103" i="2" s="1"/>
  <c r="AA104" i="2" s="1"/>
  <c r="AA105" i="2" s="1"/>
  <c r="AA106" i="2" s="1"/>
  <c r="AA107" i="2" s="1"/>
  <c r="AA108" i="2" s="1"/>
  <c r="AA109" i="2" s="1"/>
  <c r="AA110" i="2" s="1"/>
  <c r="AA111" i="2" s="1"/>
  <c r="AA112" i="2" s="1"/>
  <c r="AA113" i="2" s="1"/>
  <c r="AA114" i="2" s="1"/>
  <c r="AA115" i="2" s="1"/>
  <c r="AA116" i="2" s="1"/>
  <c r="AA117" i="2" s="1"/>
  <c r="AA118" i="2" s="1"/>
  <c r="AA119" i="2" s="1"/>
  <c r="AA120" i="2" s="1"/>
  <c r="AA121" i="2" s="1"/>
  <c r="AA122" i="2" s="1"/>
  <c r="AA123" i="2" s="1"/>
  <c r="AA124" i="2" s="1"/>
  <c r="AA125" i="2" s="1"/>
  <c r="AA126" i="2" s="1"/>
  <c r="AA127" i="2" s="1"/>
  <c r="AA128" i="2" s="1"/>
  <c r="AA129" i="2" s="1"/>
  <c r="AA130" i="2" s="1"/>
  <c r="AA131" i="2" s="1"/>
  <c r="AA132" i="2" s="1"/>
  <c r="AA133" i="2" s="1"/>
  <c r="AA134" i="2" s="1"/>
  <c r="AA135" i="2" s="1"/>
  <c r="AA136" i="2" s="1"/>
  <c r="AA137" i="2" s="1"/>
  <c r="AA138" i="2" s="1"/>
  <c r="AA139" i="2" s="1"/>
  <c r="AA140" i="2" s="1"/>
  <c r="AA141" i="2" s="1"/>
  <c r="AA142" i="2" s="1"/>
  <c r="AA143" i="2" s="1"/>
  <c r="AA144" i="2" s="1"/>
  <c r="AA145" i="2" s="1"/>
  <c r="AA146" i="2" s="1"/>
  <c r="AA147" i="2" s="1"/>
  <c r="AA148" i="2" s="1"/>
  <c r="AA149" i="2" s="1"/>
  <c r="AA150" i="2" s="1"/>
  <c r="AA151" i="2" s="1"/>
  <c r="AA152" i="2" s="1"/>
  <c r="AA153" i="2" s="1"/>
  <c r="AA154" i="2" s="1"/>
  <c r="AA155" i="2" s="1"/>
  <c r="AA156" i="2" s="1"/>
  <c r="AA157" i="2" s="1"/>
  <c r="AA158" i="2" s="1"/>
  <c r="AA159" i="2" s="1"/>
  <c r="AA160" i="2" s="1"/>
  <c r="AA161" i="2" s="1"/>
  <c r="AA162" i="2" s="1"/>
  <c r="AA163" i="2" s="1"/>
  <c r="AA164" i="2" s="1"/>
  <c r="AA165" i="2" s="1"/>
  <c r="AA166" i="2" s="1"/>
  <c r="AA167" i="2" s="1"/>
  <c r="AA168" i="2" s="1"/>
  <c r="AA169" i="2" s="1"/>
  <c r="AA170" i="2" s="1"/>
  <c r="AA171" i="2" s="1"/>
  <c r="AA172" i="2" s="1"/>
  <c r="AA173" i="2" s="1"/>
  <c r="AA174" i="2" s="1"/>
  <c r="AA175" i="2" s="1"/>
  <c r="AA176" i="2" s="1"/>
  <c r="AA177" i="2" s="1"/>
  <c r="AA178" i="2" s="1"/>
  <c r="AA179" i="2" s="1"/>
  <c r="AA180" i="2" s="1"/>
  <c r="AA181" i="2" s="1"/>
  <c r="AA182" i="2" s="1"/>
  <c r="AA183" i="2" s="1"/>
  <c r="AA184" i="2" s="1"/>
  <c r="AA185" i="2" s="1"/>
  <c r="AA186" i="2" s="1"/>
  <c r="AA187" i="2" s="1"/>
  <c r="AA188" i="2" s="1"/>
  <c r="AA189" i="2" s="1"/>
  <c r="AA190" i="2" s="1"/>
  <c r="AA191" i="2" s="1"/>
  <c r="AA192" i="2" s="1"/>
  <c r="AA193" i="2" s="1"/>
  <c r="AA194" i="2" s="1"/>
  <c r="AA195" i="2" s="1"/>
  <c r="AA196" i="2" s="1"/>
  <c r="AA197" i="2" s="1"/>
  <c r="AA198" i="2" s="1"/>
  <c r="AA199" i="2" s="1"/>
  <c r="AA200" i="2" s="1"/>
  <c r="AA201" i="2" s="1"/>
  <c r="AA202" i="2" s="1"/>
  <c r="AA203" i="2" s="1"/>
  <c r="AA204" i="2" s="1"/>
  <c r="AA205" i="2" s="1"/>
  <c r="AA206" i="2" s="1"/>
  <c r="AA207" i="2" s="1"/>
  <c r="AA208" i="2" s="1"/>
  <c r="AA209" i="2" s="1"/>
  <c r="AA210" i="2" s="1"/>
  <c r="AA211" i="2" s="1"/>
  <c r="AA212" i="2" s="1"/>
  <c r="AA213" i="2" s="1"/>
  <c r="AA214" i="2" s="1"/>
  <c r="AA215" i="2" s="1"/>
  <c r="AA216" i="2" s="1"/>
  <c r="AA217" i="2" s="1"/>
  <c r="AA218" i="2" s="1"/>
  <c r="AA219" i="2" s="1"/>
  <c r="AA220" i="2" s="1"/>
  <c r="AA221" i="2" s="1"/>
  <c r="AA222" i="2" s="1"/>
  <c r="AA223" i="2" s="1"/>
  <c r="AA224" i="2" s="1"/>
  <c r="AA225" i="2" s="1"/>
  <c r="AA226" i="2" s="1"/>
  <c r="AA227" i="2" s="1"/>
  <c r="AA228" i="2" s="1"/>
  <c r="AA229" i="2" s="1"/>
  <c r="AA230" i="2" s="1"/>
  <c r="AA231" i="2" s="1"/>
  <c r="AA232" i="2" s="1"/>
  <c r="AA233" i="2" s="1"/>
  <c r="AA234" i="2" s="1"/>
  <c r="AA235" i="2" s="1"/>
  <c r="AA236" i="2" s="1"/>
  <c r="AA237" i="2" s="1"/>
  <c r="AA238" i="2" s="1"/>
  <c r="AA239" i="2" s="1"/>
  <c r="AA240" i="2" s="1"/>
  <c r="AA241" i="2" s="1"/>
  <c r="AA242" i="2" s="1"/>
  <c r="AA243" i="2" s="1"/>
  <c r="AA244" i="2" s="1"/>
  <c r="AA245" i="2" s="1"/>
  <c r="AA246" i="2" s="1"/>
  <c r="AA247" i="2" s="1"/>
  <c r="AA248" i="2" s="1"/>
  <c r="AA249" i="2" s="1"/>
  <c r="AA250" i="2" s="1"/>
  <c r="AA251" i="2" s="1"/>
  <c r="AA252" i="2" s="1"/>
  <c r="AA253" i="2" s="1"/>
  <c r="AA254" i="2" s="1"/>
  <c r="AA255" i="2" s="1"/>
  <c r="AA256" i="2" s="1"/>
  <c r="AA257" i="2" s="1"/>
  <c r="AA258" i="2" s="1"/>
  <c r="AA259" i="2" s="1"/>
  <c r="AA260" i="2" s="1"/>
  <c r="AA261" i="2" s="1"/>
  <c r="AA262" i="2" s="1"/>
  <c r="AA263" i="2" s="1"/>
  <c r="AA264" i="2" s="1"/>
  <c r="AA265" i="2" s="1"/>
  <c r="AA266" i="2" s="1"/>
  <c r="AA267" i="2" s="1"/>
  <c r="AA268" i="2" s="1"/>
  <c r="AA269" i="2" s="1"/>
  <c r="AA270" i="2" s="1"/>
  <c r="AA271" i="2" s="1"/>
  <c r="AA272" i="2" s="1"/>
  <c r="AA273" i="2" s="1"/>
  <c r="AA274" i="2" s="1"/>
  <c r="AA275" i="2" s="1"/>
  <c r="AA276" i="2" s="1"/>
  <c r="AA277" i="2" s="1"/>
  <c r="AA278" i="2" s="1"/>
  <c r="AA279" i="2" s="1"/>
  <c r="AA280" i="2" s="1"/>
  <c r="AA281" i="2" s="1"/>
  <c r="AA282" i="2" s="1"/>
  <c r="AA283" i="2" s="1"/>
  <c r="AA284" i="2" s="1"/>
  <c r="AA285" i="2" s="1"/>
  <c r="AA286" i="2" s="1"/>
  <c r="AA287" i="2" s="1"/>
  <c r="AA288" i="2" s="1"/>
  <c r="AA289" i="2" s="1"/>
  <c r="AA290" i="2" s="1"/>
  <c r="AA291" i="2" s="1"/>
  <c r="AA292" i="2" s="1"/>
  <c r="AA293" i="2" s="1"/>
  <c r="AA294" i="2" s="1"/>
  <c r="AA295" i="2" s="1"/>
  <c r="AA296" i="2" s="1"/>
  <c r="AA297" i="2" s="1"/>
  <c r="AA298" i="2" s="1"/>
  <c r="AA299" i="2" s="1"/>
  <c r="AA300" i="2" s="1"/>
  <c r="AA301" i="2" s="1"/>
  <c r="AA302" i="2" s="1"/>
  <c r="AA303" i="2" s="1"/>
  <c r="AA304" i="2" s="1"/>
  <c r="AA305" i="2" s="1"/>
  <c r="AA306" i="2" s="1"/>
  <c r="AA307" i="2" s="1"/>
  <c r="AA308" i="2" s="1"/>
  <c r="AA309" i="2" s="1"/>
  <c r="AA310" i="2" s="1"/>
  <c r="AA311" i="2" s="1"/>
  <c r="AA312" i="2" s="1"/>
  <c r="AA313" i="2" s="1"/>
  <c r="AA314" i="2" s="1"/>
  <c r="AA315" i="2" s="1"/>
  <c r="AA316" i="2" s="1"/>
  <c r="AA317" i="2" s="1"/>
  <c r="AA318" i="2" s="1"/>
  <c r="AA319" i="2" s="1"/>
  <c r="AA320" i="2" s="1"/>
  <c r="AA321" i="2" s="1"/>
  <c r="AA322" i="2" s="1"/>
  <c r="AA323" i="2" s="1"/>
  <c r="AA324" i="2" s="1"/>
  <c r="AA325" i="2" s="1"/>
  <c r="AA326" i="2" s="1"/>
  <c r="AA327" i="2" s="1"/>
  <c r="AA328" i="2" s="1"/>
  <c r="AA329" i="2" s="1"/>
  <c r="AA330" i="2" s="1"/>
  <c r="AA331" i="2" s="1"/>
  <c r="AA332" i="2" s="1"/>
  <c r="AA333" i="2" s="1"/>
  <c r="AA334" i="2" s="1"/>
  <c r="AA335" i="2" s="1"/>
  <c r="AA336" i="2" s="1"/>
  <c r="AA337" i="2" s="1"/>
  <c r="AA338" i="2" s="1"/>
  <c r="AA339" i="2" s="1"/>
  <c r="AA340" i="2" s="1"/>
  <c r="AA341" i="2" s="1"/>
  <c r="AA342" i="2" s="1"/>
  <c r="AA343" i="2" s="1"/>
  <c r="AA344" i="2" s="1"/>
  <c r="AA345" i="2" s="1"/>
  <c r="AA346" i="2" s="1"/>
  <c r="AA347" i="2" s="1"/>
  <c r="AA348" i="2" s="1"/>
  <c r="AA349" i="2" s="1"/>
  <c r="AA350" i="2" s="1"/>
  <c r="AA351" i="2" s="1"/>
  <c r="AA352" i="2" s="1"/>
  <c r="AA353" i="2" s="1"/>
  <c r="AA354" i="2" s="1"/>
  <c r="AA355" i="2" s="1"/>
  <c r="AA356" i="2" s="1"/>
  <c r="AA357" i="2" s="1"/>
  <c r="AA358" i="2" s="1"/>
  <c r="AA359" i="2" s="1"/>
  <c r="AA360" i="2" s="1"/>
  <c r="AA361" i="2" s="1"/>
  <c r="AA362" i="2" s="1"/>
  <c r="AA363" i="2" s="1"/>
  <c r="AA364" i="2" s="1"/>
  <c r="AA365" i="2" s="1"/>
  <c r="AA366" i="2" s="1"/>
  <c r="AA367" i="2" s="1"/>
  <c r="AA368" i="2" s="1"/>
  <c r="AA369" i="2" s="1"/>
  <c r="AA370" i="2" s="1"/>
  <c r="AA371" i="2" s="1"/>
  <c r="AA372" i="2" s="1"/>
  <c r="AA373" i="2" s="1"/>
  <c r="AA374" i="2" s="1"/>
  <c r="AA375" i="2" s="1"/>
  <c r="AA376" i="2" s="1"/>
  <c r="AA377" i="2" s="1"/>
  <c r="AA378" i="2" s="1"/>
  <c r="AA379" i="2" s="1"/>
  <c r="AA380" i="2" s="1"/>
  <c r="AA381" i="2" s="1"/>
  <c r="AA382" i="2" s="1"/>
  <c r="AA383" i="2" s="1"/>
  <c r="AA384" i="2" s="1"/>
  <c r="AA385" i="2" s="1"/>
  <c r="AA386" i="2" s="1"/>
  <c r="AA387" i="2" s="1"/>
  <c r="AA388" i="2" s="1"/>
  <c r="AA389" i="2" s="1"/>
  <c r="AA390" i="2" s="1"/>
  <c r="AA391" i="2" s="1"/>
  <c r="AA392" i="2" s="1"/>
  <c r="AA393" i="2" s="1"/>
  <c r="AA394" i="2" s="1"/>
  <c r="AA395" i="2" s="1"/>
  <c r="AA396" i="2" s="1"/>
  <c r="AA397" i="2" s="1"/>
  <c r="AA398" i="2" s="1"/>
  <c r="AA399" i="2" s="1"/>
  <c r="AA400" i="2" s="1"/>
  <c r="AA401" i="2" s="1"/>
  <c r="AA402" i="2" s="1"/>
  <c r="AA403" i="2" s="1"/>
  <c r="AA404" i="2" s="1"/>
  <c r="AA405" i="2" s="1"/>
  <c r="AA406" i="2" s="1"/>
  <c r="AA407" i="2" s="1"/>
  <c r="AA408" i="2" s="1"/>
  <c r="AA409" i="2" s="1"/>
  <c r="AA410" i="2" s="1"/>
  <c r="AA411" i="2" s="1"/>
  <c r="AA412" i="2" s="1"/>
  <c r="AA413" i="2" s="1"/>
  <c r="AA414" i="2" s="1"/>
  <c r="AA415" i="2" s="1"/>
  <c r="AA416" i="2" s="1"/>
  <c r="AA417" i="2" s="1"/>
  <c r="AA418" i="2" s="1"/>
  <c r="AA419" i="2" s="1"/>
  <c r="AA420" i="2" s="1"/>
  <c r="AA421" i="2" s="1"/>
  <c r="AA422" i="2" s="1"/>
  <c r="AA423" i="2" s="1"/>
  <c r="AA424" i="2" s="1"/>
  <c r="AA425" i="2" s="1"/>
  <c r="AA426" i="2" s="1"/>
  <c r="AA427" i="2" s="1"/>
  <c r="AA428" i="2" s="1"/>
  <c r="AA429" i="2" s="1"/>
  <c r="AA430" i="2" s="1"/>
  <c r="AA431" i="2" s="1"/>
  <c r="AA432" i="2" s="1"/>
  <c r="AA433" i="2" s="1"/>
  <c r="AA434" i="2" s="1"/>
  <c r="AA435" i="2" s="1"/>
  <c r="AA436" i="2" s="1"/>
  <c r="AA437" i="2" s="1"/>
  <c r="AA438" i="2" s="1"/>
  <c r="AA439" i="2" s="1"/>
  <c r="AA440" i="2" s="1"/>
  <c r="AA441" i="2" s="1"/>
  <c r="AA442" i="2" s="1"/>
  <c r="AA443" i="2" s="1"/>
  <c r="AA444" i="2" s="1"/>
  <c r="AA445" i="2" s="1"/>
  <c r="AA446" i="2" s="1"/>
  <c r="AA447" i="2" s="1"/>
  <c r="AA448" i="2" s="1"/>
  <c r="AA449" i="2" s="1"/>
  <c r="AA450" i="2" s="1"/>
  <c r="AA451" i="2" s="1"/>
  <c r="AA452" i="2" s="1"/>
  <c r="AA453" i="2" s="1"/>
  <c r="AA454" i="2" s="1"/>
  <c r="AA455" i="2" s="1"/>
  <c r="AA456" i="2" s="1"/>
  <c r="AA457" i="2" s="1"/>
  <c r="AA458" i="2" s="1"/>
  <c r="AA459" i="2" s="1"/>
  <c r="AA460" i="2" s="1"/>
  <c r="AA461" i="2" s="1"/>
  <c r="AA462" i="2" s="1"/>
  <c r="AA463" i="2" s="1"/>
  <c r="AA464" i="2" s="1"/>
  <c r="AA465" i="2" s="1"/>
  <c r="AA466" i="2" s="1"/>
  <c r="AA467" i="2" s="1"/>
  <c r="AA468" i="2" s="1"/>
  <c r="AA469" i="2" s="1"/>
  <c r="AA470" i="2" s="1"/>
  <c r="AA471" i="2" s="1"/>
  <c r="AA472" i="2" s="1"/>
  <c r="AA473" i="2" s="1"/>
  <c r="AA474" i="2" s="1"/>
  <c r="AA475" i="2" s="1"/>
  <c r="AA476" i="2" s="1"/>
  <c r="AA477" i="2" s="1"/>
  <c r="AA478" i="2" s="1"/>
  <c r="AA479" i="2" s="1"/>
  <c r="AA480" i="2" s="1"/>
  <c r="AA481" i="2" s="1"/>
  <c r="AA482" i="2" s="1"/>
  <c r="AA483" i="2" s="1"/>
  <c r="AA484" i="2" s="1"/>
  <c r="AA485" i="2" s="1"/>
  <c r="AA486" i="2" s="1"/>
  <c r="AA487" i="2" s="1"/>
  <c r="AA488" i="2" s="1"/>
  <c r="AA489" i="2" s="1"/>
  <c r="AA490" i="2" s="1"/>
  <c r="AA491" i="2" s="1"/>
  <c r="AA492" i="2" s="1"/>
  <c r="AA493" i="2" s="1"/>
  <c r="AA494" i="2" s="1"/>
  <c r="AA495" i="2" s="1"/>
  <c r="AA496" i="2" s="1"/>
  <c r="AA497" i="2" s="1"/>
  <c r="AA498" i="2" s="1"/>
  <c r="AA499" i="2" s="1"/>
  <c r="AA500" i="2" s="1"/>
  <c r="AA501" i="2" s="1"/>
  <c r="AA502" i="2" s="1"/>
  <c r="AA503" i="2" s="1"/>
  <c r="AA504" i="2" s="1"/>
  <c r="AA505" i="2" s="1"/>
  <c r="AA506" i="2" s="1"/>
  <c r="AA507" i="2" s="1"/>
  <c r="AA508" i="2" s="1"/>
  <c r="AA509" i="2" s="1"/>
  <c r="AA510" i="2" s="1"/>
  <c r="AA511" i="2" s="1"/>
  <c r="AA512" i="2" s="1"/>
  <c r="AA513" i="2" s="1"/>
  <c r="AA514" i="2" s="1"/>
  <c r="AA515" i="2" s="1"/>
  <c r="AA516" i="2" s="1"/>
  <c r="AA517" i="2" s="1"/>
  <c r="AA518" i="2" s="1"/>
  <c r="AA519" i="2" s="1"/>
  <c r="AA520" i="2" s="1"/>
  <c r="AA521" i="2" s="1"/>
  <c r="AA522" i="2" s="1"/>
  <c r="AA523" i="2" s="1"/>
  <c r="AA524" i="2" s="1"/>
  <c r="AA525" i="2" s="1"/>
  <c r="AA526" i="2" s="1"/>
  <c r="AA527" i="2" s="1"/>
  <c r="AA528" i="2" s="1"/>
  <c r="AA529" i="2" s="1"/>
  <c r="AA530" i="2" s="1"/>
  <c r="AA531" i="2" s="1"/>
  <c r="AA532" i="2" s="1"/>
  <c r="AA533" i="2" s="1"/>
  <c r="AA534" i="2" s="1"/>
  <c r="AA535" i="2" s="1"/>
  <c r="AA536" i="2" s="1"/>
  <c r="AA537" i="2" s="1"/>
  <c r="AA538" i="2" s="1"/>
  <c r="AA539" i="2" s="1"/>
  <c r="AA540" i="2" s="1"/>
  <c r="AA541" i="2" s="1"/>
  <c r="AA542" i="2" s="1"/>
  <c r="AA543" i="2" s="1"/>
  <c r="AA544" i="2" s="1"/>
  <c r="AA545" i="2" s="1"/>
  <c r="AA546" i="2" s="1"/>
  <c r="AA547" i="2" s="1"/>
  <c r="AA548" i="2" s="1"/>
  <c r="AA549" i="2" s="1"/>
  <c r="AA550" i="2" s="1"/>
  <c r="AA551" i="2" s="1"/>
  <c r="AA552" i="2" s="1"/>
  <c r="AA553" i="2" s="1"/>
  <c r="AA554" i="2" s="1"/>
  <c r="AA555" i="2" s="1"/>
  <c r="AA556" i="2" s="1"/>
  <c r="AA557" i="2" s="1"/>
  <c r="AA558" i="2" s="1"/>
  <c r="AA559" i="2" s="1"/>
  <c r="AA560" i="2" s="1"/>
  <c r="AA561" i="2" s="1"/>
  <c r="AA562" i="2" s="1"/>
  <c r="AA563" i="2" s="1"/>
  <c r="AA564" i="2" s="1"/>
  <c r="AA565" i="2" s="1"/>
  <c r="AA566" i="2" s="1"/>
  <c r="AA567" i="2" s="1"/>
  <c r="AA568" i="2" s="1"/>
  <c r="AA569" i="2" s="1"/>
  <c r="AA570" i="2" s="1"/>
  <c r="AA571" i="2" s="1"/>
  <c r="AA572" i="2" s="1"/>
  <c r="AA573" i="2" s="1"/>
  <c r="AA574" i="2" s="1"/>
  <c r="AA575" i="2" s="1"/>
  <c r="AA576" i="2" s="1"/>
  <c r="AA577" i="2" s="1"/>
  <c r="AA578" i="2" s="1"/>
  <c r="AA579" i="2" s="1"/>
  <c r="AA580" i="2" s="1"/>
  <c r="AA581" i="2" s="1"/>
  <c r="AA582" i="2" s="1"/>
  <c r="AA583" i="2" s="1"/>
  <c r="AA584" i="2" s="1"/>
  <c r="AA585" i="2" s="1"/>
  <c r="AA586" i="2" s="1"/>
  <c r="AA587" i="2" s="1"/>
  <c r="AA588" i="2" s="1"/>
  <c r="AA589" i="2" s="1"/>
  <c r="AA590" i="2" s="1"/>
  <c r="AA591" i="2" s="1"/>
  <c r="AA592" i="2" s="1"/>
  <c r="AA593" i="2" s="1"/>
  <c r="AA594" i="2" s="1"/>
  <c r="AA595" i="2" s="1"/>
  <c r="AA596" i="2" s="1"/>
  <c r="AA597" i="2" s="1"/>
  <c r="AA598" i="2" s="1"/>
  <c r="AA599" i="2" s="1"/>
  <c r="AA600" i="2" s="1"/>
  <c r="AA601" i="2" s="1"/>
  <c r="AA602" i="2" s="1"/>
  <c r="AA603" i="2" s="1"/>
  <c r="AA604" i="2" s="1"/>
  <c r="AA605" i="2" s="1"/>
  <c r="AA606" i="2" s="1"/>
  <c r="AA607" i="2" s="1"/>
  <c r="AA608" i="2" s="1"/>
  <c r="AA609" i="2" s="1"/>
  <c r="AA610" i="2" s="1"/>
  <c r="AA611" i="2" s="1"/>
  <c r="AA612" i="2" s="1"/>
  <c r="AA613" i="2" s="1"/>
  <c r="AA614" i="2" s="1"/>
  <c r="AA615" i="2" s="1"/>
  <c r="AA616" i="2" s="1"/>
  <c r="AA617" i="2" s="1"/>
  <c r="AA618" i="2" s="1"/>
  <c r="AA619" i="2" s="1"/>
  <c r="AA620" i="2" s="1"/>
  <c r="AA621" i="2" s="1"/>
  <c r="AA622" i="2" s="1"/>
  <c r="AA623" i="2" s="1"/>
  <c r="AA624" i="2" s="1"/>
  <c r="AA625" i="2" s="1"/>
  <c r="AA626" i="2" s="1"/>
  <c r="AA627" i="2" s="1"/>
  <c r="AA628" i="2" s="1"/>
  <c r="AA629" i="2" s="1"/>
  <c r="AA630" i="2" s="1"/>
  <c r="AA631" i="2" s="1"/>
  <c r="AA632" i="2" s="1"/>
  <c r="AA633" i="2" s="1"/>
  <c r="AA634" i="2" s="1"/>
  <c r="AA635" i="2" s="1"/>
  <c r="AA636" i="2" s="1"/>
  <c r="AH4" i="2"/>
  <c r="AH5" i="2" s="1"/>
  <c r="AH6" i="2" s="1"/>
  <c r="AH7" i="2" s="1"/>
  <c r="AH8" i="2" s="1"/>
  <c r="AH9" i="2" s="1"/>
  <c r="AH10" i="2" s="1"/>
  <c r="AH11" i="2"/>
  <c r="AH12" i="2" s="1"/>
  <c r="AH13" i="2" s="1"/>
  <c r="AH14" i="2" s="1"/>
  <c r="AH15" i="2" s="1"/>
  <c r="AH16" i="2" s="1"/>
  <c r="AH17" i="2" s="1"/>
  <c r="AH18" i="2" s="1"/>
  <c r="AH19" i="2" s="1"/>
  <c r="AH20" i="2" s="1"/>
  <c r="AH21" i="2" s="1"/>
  <c r="AH22" i="2" s="1"/>
  <c r="AH23" i="2" s="1"/>
  <c r="AH24" i="2" s="1"/>
  <c r="AH25" i="2" s="1"/>
  <c r="AH26" i="2" s="1"/>
  <c r="AH27" i="2" s="1"/>
  <c r="AH28" i="2" s="1"/>
  <c r="AH29" i="2" s="1"/>
  <c r="AH30" i="2" s="1"/>
  <c r="AH31" i="2" s="1"/>
  <c r="AH32" i="2" s="1"/>
  <c r="AH33" i="2" s="1"/>
  <c r="AH34" i="2" s="1"/>
  <c r="AH35" i="2" s="1"/>
  <c r="AH36" i="2" s="1"/>
  <c r="AH37" i="2" s="1"/>
  <c r="AH38" i="2" s="1"/>
  <c r="AH39" i="2" s="1"/>
  <c r="AH40" i="2" s="1"/>
  <c r="AH41" i="2" s="1"/>
  <c r="AH42" i="2" s="1"/>
  <c r="AH43" i="2" s="1"/>
  <c r="AH44" i="2" s="1"/>
  <c r="AH45" i="2" s="1"/>
  <c r="AH46" i="2" s="1"/>
  <c r="AH47" i="2" s="1"/>
  <c r="AH48" i="2" s="1"/>
  <c r="AH49" i="2" s="1"/>
  <c r="AH50" i="2" s="1"/>
  <c r="AH51" i="2" s="1"/>
  <c r="AH52" i="2" s="1"/>
  <c r="AH53" i="2" s="1"/>
  <c r="AH54" i="2" s="1"/>
  <c r="AH55" i="2" s="1"/>
  <c r="AH56" i="2" s="1"/>
  <c r="AH57" i="2" s="1"/>
  <c r="AH58" i="2" s="1"/>
  <c r="AH59" i="2" s="1"/>
  <c r="AH60" i="2" s="1"/>
  <c r="AH61" i="2" s="1"/>
  <c r="AH62" i="2" s="1"/>
  <c r="AH63" i="2" s="1"/>
  <c r="AH64" i="2" s="1"/>
  <c r="AH65" i="2" s="1"/>
  <c r="AH66" i="2" s="1"/>
  <c r="AH67" i="2" s="1"/>
  <c r="AH68" i="2" s="1"/>
  <c r="AH69" i="2" s="1"/>
  <c r="AH70" i="2" s="1"/>
  <c r="AH71" i="2" s="1"/>
  <c r="AH72" i="2" s="1"/>
  <c r="AH73" i="2" s="1"/>
  <c r="AH74" i="2" s="1"/>
  <c r="AH75" i="2" s="1"/>
  <c r="AH76" i="2" s="1"/>
  <c r="AH77" i="2" s="1"/>
  <c r="AH78" i="2" s="1"/>
  <c r="AH79" i="2" s="1"/>
  <c r="AH80" i="2" s="1"/>
  <c r="AH81" i="2" s="1"/>
  <c r="AH82" i="2" s="1"/>
  <c r="AH83" i="2" s="1"/>
  <c r="AH84" i="2" s="1"/>
  <c r="AH85" i="2" s="1"/>
  <c r="AH86" i="2" s="1"/>
  <c r="AH87" i="2" s="1"/>
  <c r="AH88" i="2" s="1"/>
  <c r="AH89" i="2" s="1"/>
  <c r="AH90" i="2" s="1"/>
  <c r="AH91" i="2" s="1"/>
  <c r="AH92" i="2" s="1"/>
  <c r="AH93" i="2" s="1"/>
  <c r="AH94" i="2" s="1"/>
  <c r="AH95" i="2" s="1"/>
  <c r="AH96" i="2" s="1"/>
  <c r="AH97" i="2" s="1"/>
  <c r="AH98" i="2" s="1"/>
  <c r="AH99" i="2" s="1"/>
  <c r="AH100" i="2" s="1"/>
  <c r="AH101" i="2" s="1"/>
  <c r="AH102" i="2" s="1"/>
  <c r="AH103" i="2" s="1"/>
  <c r="AH104" i="2" s="1"/>
  <c r="AH105" i="2" s="1"/>
  <c r="AH106" i="2" s="1"/>
  <c r="AH107" i="2" s="1"/>
  <c r="AH108" i="2" s="1"/>
  <c r="AH109" i="2" s="1"/>
  <c r="AH110" i="2" s="1"/>
  <c r="AH111" i="2" s="1"/>
  <c r="AH112" i="2" s="1"/>
  <c r="AH113" i="2" s="1"/>
  <c r="AH114" i="2" s="1"/>
  <c r="AH115" i="2" s="1"/>
  <c r="AH116" i="2" s="1"/>
  <c r="AH117" i="2" s="1"/>
  <c r="AH118" i="2" s="1"/>
  <c r="AH119" i="2" s="1"/>
  <c r="AH120" i="2" s="1"/>
  <c r="AH121" i="2" s="1"/>
  <c r="AH122" i="2" s="1"/>
  <c r="AH123" i="2" s="1"/>
  <c r="AH124" i="2" s="1"/>
  <c r="AH125" i="2" s="1"/>
  <c r="AH126" i="2" s="1"/>
  <c r="AH127" i="2" s="1"/>
  <c r="AH128" i="2" s="1"/>
  <c r="AH129" i="2" s="1"/>
  <c r="AH130" i="2" s="1"/>
  <c r="AH131" i="2" s="1"/>
  <c r="AH132" i="2" s="1"/>
  <c r="AH133" i="2" s="1"/>
  <c r="AH134" i="2" s="1"/>
  <c r="AH135" i="2" s="1"/>
  <c r="AH136" i="2" s="1"/>
  <c r="AH137" i="2" s="1"/>
  <c r="AH138" i="2" s="1"/>
  <c r="AH139" i="2" s="1"/>
  <c r="AH140" i="2" s="1"/>
  <c r="AH141" i="2" s="1"/>
  <c r="AH142" i="2" s="1"/>
  <c r="AH143" i="2" s="1"/>
  <c r="AH144" i="2" s="1"/>
  <c r="AH145" i="2" s="1"/>
  <c r="AH146" i="2" s="1"/>
  <c r="AH147" i="2" s="1"/>
  <c r="AH148" i="2" s="1"/>
  <c r="AH149" i="2" s="1"/>
  <c r="AH150" i="2" s="1"/>
  <c r="AH151" i="2" s="1"/>
  <c r="AH152" i="2" s="1"/>
  <c r="AH153" i="2" s="1"/>
  <c r="AH154" i="2" s="1"/>
  <c r="AH155" i="2" s="1"/>
  <c r="AH156" i="2" s="1"/>
  <c r="AH157" i="2" s="1"/>
  <c r="AH158" i="2" s="1"/>
  <c r="AH159" i="2" s="1"/>
  <c r="AH160" i="2" s="1"/>
  <c r="AH161" i="2" s="1"/>
  <c r="AH162" i="2" s="1"/>
  <c r="AH163" i="2" s="1"/>
  <c r="AH164" i="2" s="1"/>
  <c r="AH165" i="2" s="1"/>
  <c r="AH166" i="2" s="1"/>
  <c r="AH167" i="2" s="1"/>
  <c r="AH168" i="2" s="1"/>
  <c r="AH169" i="2" s="1"/>
  <c r="AH170" i="2" s="1"/>
  <c r="AH171" i="2" s="1"/>
  <c r="AH172" i="2" s="1"/>
  <c r="AH173" i="2" s="1"/>
  <c r="AH174" i="2" s="1"/>
  <c r="AH175" i="2" s="1"/>
  <c r="AH176" i="2" s="1"/>
  <c r="AH177" i="2" s="1"/>
  <c r="AH178" i="2" s="1"/>
  <c r="AH179" i="2" s="1"/>
  <c r="AH180" i="2" s="1"/>
  <c r="AH181" i="2" s="1"/>
  <c r="AH182" i="2" s="1"/>
  <c r="AH183" i="2" s="1"/>
  <c r="AH184" i="2" s="1"/>
  <c r="AH185" i="2" s="1"/>
  <c r="AH186" i="2" s="1"/>
  <c r="AH187" i="2" s="1"/>
  <c r="AH188" i="2" s="1"/>
  <c r="AH189" i="2" s="1"/>
  <c r="AH190" i="2" s="1"/>
  <c r="AH191" i="2" s="1"/>
  <c r="AH192" i="2" s="1"/>
  <c r="AH193" i="2" s="1"/>
  <c r="AH194" i="2" s="1"/>
  <c r="AH195" i="2" s="1"/>
  <c r="AH196" i="2" s="1"/>
  <c r="AH197" i="2" s="1"/>
  <c r="AH198" i="2" s="1"/>
  <c r="AH199" i="2" s="1"/>
  <c r="AH200" i="2" s="1"/>
  <c r="AH201" i="2" s="1"/>
  <c r="AH202" i="2" s="1"/>
  <c r="AH203" i="2"/>
  <c r="AH204" i="2" s="1"/>
  <c r="AH205" i="2" s="1"/>
  <c r="AH206" i="2" s="1"/>
  <c r="AH207" i="2" s="1"/>
  <c r="AH208" i="2" s="1"/>
  <c r="AH209" i="2" s="1"/>
  <c r="AH210" i="2" s="1"/>
  <c r="AH211" i="2" s="1"/>
  <c r="AH212" i="2" s="1"/>
  <c r="AH213" i="2" s="1"/>
  <c r="AH214" i="2" s="1"/>
  <c r="AH215" i="2" s="1"/>
  <c r="AH216" i="2" s="1"/>
  <c r="AH217" i="2" s="1"/>
  <c r="AH218" i="2" s="1"/>
  <c r="AH219" i="2" s="1"/>
  <c r="AH220" i="2" s="1"/>
  <c r="AH221" i="2" s="1"/>
  <c r="AH222" i="2" s="1"/>
  <c r="AH223" i="2" s="1"/>
  <c r="AH224" i="2" s="1"/>
  <c r="AH225" i="2" s="1"/>
  <c r="AH226" i="2" s="1"/>
  <c r="AH227" i="2" s="1"/>
  <c r="AH228" i="2" s="1"/>
  <c r="AH229" i="2" s="1"/>
  <c r="AH230" i="2" s="1"/>
  <c r="AH231" i="2" s="1"/>
  <c r="AH232" i="2" s="1"/>
  <c r="AH233" i="2" s="1"/>
  <c r="AH234" i="2" s="1"/>
  <c r="AH235" i="2" s="1"/>
  <c r="AH236" i="2" s="1"/>
  <c r="AH237" i="2" s="1"/>
  <c r="AH238" i="2" s="1"/>
  <c r="AH239" i="2" s="1"/>
  <c r="AH240" i="2" s="1"/>
  <c r="AH241" i="2" s="1"/>
  <c r="AH242" i="2" s="1"/>
  <c r="AH243" i="2" s="1"/>
  <c r="AH244" i="2" s="1"/>
  <c r="AH245" i="2" s="1"/>
  <c r="AH246" i="2" s="1"/>
  <c r="AH247" i="2" s="1"/>
  <c r="AH248" i="2" s="1"/>
  <c r="AH249" i="2" s="1"/>
  <c r="AH250" i="2" s="1"/>
  <c r="AH251" i="2" s="1"/>
  <c r="AH252" i="2" s="1"/>
  <c r="AH253" i="2" s="1"/>
  <c r="AH254" i="2" s="1"/>
  <c r="AH255" i="2" s="1"/>
  <c r="AH256" i="2" s="1"/>
  <c r="AH257" i="2" s="1"/>
  <c r="AH258" i="2" s="1"/>
  <c r="AH259" i="2" s="1"/>
  <c r="AH260" i="2" s="1"/>
  <c r="AH261" i="2" s="1"/>
  <c r="AH262" i="2" s="1"/>
  <c r="AH263" i="2" s="1"/>
  <c r="AH264" i="2" s="1"/>
  <c r="AH265" i="2" s="1"/>
  <c r="AH266" i="2" s="1"/>
  <c r="AH267" i="2" s="1"/>
  <c r="AH268" i="2" s="1"/>
  <c r="AH269" i="2" s="1"/>
  <c r="AH270" i="2" s="1"/>
  <c r="AH271" i="2" s="1"/>
  <c r="AH272" i="2" s="1"/>
  <c r="AH273" i="2" s="1"/>
  <c r="AH274" i="2" s="1"/>
  <c r="AH275" i="2" s="1"/>
  <c r="AH276" i="2" s="1"/>
  <c r="AH277" i="2" s="1"/>
  <c r="AH278" i="2" s="1"/>
  <c r="AH279" i="2" s="1"/>
  <c r="AH280" i="2" s="1"/>
  <c r="AH281" i="2" s="1"/>
  <c r="AH282" i="2" s="1"/>
  <c r="AH283" i="2" s="1"/>
  <c r="AH284" i="2" s="1"/>
  <c r="AH285" i="2" s="1"/>
  <c r="AH286" i="2" s="1"/>
  <c r="AH287" i="2" s="1"/>
  <c r="AH288" i="2" s="1"/>
  <c r="AH289" i="2" s="1"/>
  <c r="AH290" i="2" s="1"/>
  <c r="AH291" i="2" s="1"/>
  <c r="AH292" i="2" s="1"/>
  <c r="AH293" i="2" s="1"/>
  <c r="AH294" i="2" s="1"/>
  <c r="AH295" i="2" s="1"/>
  <c r="AH296" i="2" s="1"/>
  <c r="AH297" i="2" s="1"/>
  <c r="AH298" i="2" s="1"/>
  <c r="AH299" i="2" s="1"/>
  <c r="AH300" i="2" s="1"/>
  <c r="AH301" i="2" s="1"/>
  <c r="AH302" i="2" s="1"/>
  <c r="AH303" i="2" s="1"/>
  <c r="AH304" i="2" s="1"/>
  <c r="AH305" i="2" s="1"/>
  <c r="AH306" i="2" s="1"/>
  <c r="AH307" i="2" s="1"/>
  <c r="AH308" i="2" s="1"/>
  <c r="AH309" i="2" s="1"/>
  <c r="AH310" i="2" s="1"/>
  <c r="AH311" i="2" s="1"/>
  <c r="AH312" i="2" s="1"/>
  <c r="AH313" i="2" s="1"/>
  <c r="AH314" i="2" s="1"/>
  <c r="AH315" i="2" s="1"/>
  <c r="AH316" i="2" s="1"/>
  <c r="AH317" i="2" s="1"/>
  <c r="AH318" i="2" s="1"/>
  <c r="AH319" i="2" s="1"/>
  <c r="AH320" i="2" s="1"/>
  <c r="AH321" i="2" s="1"/>
  <c r="AH322" i="2" s="1"/>
  <c r="AH323" i="2" s="1"/>
  <c r="AH324" i="2" s="1"/>
  <c r="AH325" i="2" s="1"/>
  <c r="AH326" i="2" s="1"/>
  <c r="AH327" i="2" s="1"/>
  <c r="AH328" i="2" s="1"/>
  <c r="AH329" i="2" s="1"/>
  <c r="AH330" i="2" s="1"/>
  <c r="AH331" i="2" s="1"/>
  <c r="AH332" i="2" s="1"/>
  <c r="AH333" i="2" s="1"/>
  <c r="AH334" i="2" s="1"/>
  <c r="AH335" i="2" s="1"/>
  <c r="AH336" i="2" s="1"/>
  <c r="AH337" i="2" s="1"/>
  <c r="AH338" i="2" s="1"/>
  <c r="AH339" i="2" s="1"/>
  <c r="AH340" i="2" s="1"/>
  <c r="AH341" i="2" s="1"/>
  <c r="AH342" i="2" s="1"/>
  <c r="AH343" i="2" s="1"/>
  <c r="AH344" i="2" s="1"/>
  <c r="AH345" i="2" s="1"/>
  <c r="AH346" i="2" s="1"/>
  <c r="AH347" i="2" s="1"/>
  <c r="AH348" i="2" s="1"/>
  <c r="AH349" i="2" s="1"/>
  <c r="AH350" i="2" s="1"/>
  <c r="AH351" i="2" s="1"/>
  <c r="AH352" i="2" s="1"/>
  <c r="AH353" i="2" s="1"/>
  <c r="AH354" i="2" s="1"/>
  <c r="AH355" i="2" s="1"/>
  <c r="AH356" i="2" s="1"/>
  <c r="AH357" i="2" s="1"/>
  <c r="AH358" i="2" s="1"/>
  <c r="AH359" i="2" s="1"/>
  <c r="AH360" i="2" s="1"/>
  <c r="AH361" i="2" s="1"/>
  <c r="AH362" i="2" s="1"/>
  <c r="AH363" i="2" s="1"/>
  <c r="AH364" i="2" s="1"/>
  <c r="AH365" i="2" s="1"/>
  <c r="AH366" i="2" s="1"/>
  <c r="AH367" i="2" s="1"/>
  <c r="AH368" i="2" s="1"/>
  <c r="AH369" i="2" s="1"/>
  <c r="AH370" i="2" s="1"/>
  <c r="AH371" i="2" s="1"/>
  <c r="AH372" i="2" s="1"/>
  <c r="AH373" i="2" s="1"/>
  <c r="AH374" i="2" s="1"/>
  <c r="AH375" i="2" s="1"/>
  <c r="AH376" i="2" s="1"/>
  <c r="AH377" i="2" s="1"/>
  <c r="AH378" i="2" s="1"/>
  <c r="AH379" i="2" s="1"/>
  <c r="AH380" i="2" s="1"/>
  <c r="AH381" i="2" s="1"/>
  <c r="AH382" i="2" s="1"/>
  <c r="AH383" i="2" s="1"/>
  <c r="AH384" i="2" s="1"/>
  <c r="AH385" i="2" s="1"/>
  <c r="AH386" i="2" s="1"/>
  <c r="AH387" i="2" s="1"/>
  <c r="AH388" i="2" s="1"/>
  <c r="AH389" i="2" s="1"/>
  <c r="AH390" i="2" s="1"/>
  <c r="AH391" i="2" s="1"/>
  <c r="AH392" i="2" s="1"/>
  <c r="AH393" i="2" s="1"/>
  <c r="AH394" i="2" s="1"/>
  <c r="AH395" i="2" s="1"/>
  <c r="AH396" i="2" s="1"/>
  <c r="AH397" i="2" s="1"/>
  <c r="AH398" i="2" s="1"/>
  <c r="AH399" i="2" s="1"/>
  <c r="AH400" i="2" s="1"/>
  <c r="AH401" i="2" s="1"/>
  <c r="AH402" i="2" s="1"/>
  <c r="AH403" i="2" s="1"/>
  <c r="AH404" i="2" s="1"/>
  <c r="AH405" i="2" s="1"/>
  <c r="AH406" i="2" s="1"/>
  <c r="AH407" i="2" s="1"/>
  <c r="AH408" i="2" s="1"/>
  <c r="AH409" i="2" s="1"/>
  <c r="AH410" i="2" s="1"/>
  <c r="AH411" i="2" s="1"/>
  <c r="AH412" i="2" s="1"/>
  <c r="AH413" i="2" s="1"/>
  <c r="AH414" i="2" s="1"/>
  <c r="AH415" i="2" s="1"/>
  <c r="AH416" i="2" s="1"/>
  <c r="AH417" i="2" s="1"/>
  <c r="AH418" i="2" s="1"/>
  <c r="AF4" i="2"/>
  <c r="AF5" i="2" s="1"/>
  <c r="AF6" i="2"/>
  <c r="AF7" i="2" s="1"/>
  <c r="AF8" i="2" s="1"/>
  <c r="AF9" i="2" s="1"/>
  <c r="AF10" i="2" s="1"/>
  <c r="AF11" i="2" s="1"/>
  <c r="AF12" i="2" s="1"/>
  <c r="AF13" i="2" s="1"/>
  <c r="AF14" i="2" s="1"/>
  <c r="AF15" i="2" s="1"/>
  <c r="AF16" i="2" s="1"/>
  <c r="AF17" i="2" s="1"/>
  <c r="AF18" i="2" s="1"/>
  <c r="AF19" i="2" s="1"/>
  <c r="AF20" i="2" s="1"/>
  <c r="AF21" i="2" s="1"/>
  <c r="AF22" i="2" s="1"/>
  <c r="AF23" i="2" s="1"/>
  <c r="AF24" i="2" s="1"/>
  <c r="AF25" i="2" s="1"/>
  <c r="AF26" i="2" s="1"/>
  <c r="AF27" i="2" s="1"/>
  <c r="AF28" i="2" s="1"/>
  <c r="AF29" i="2" s="1"/>
  <c r="AF30" i="2" s="1"/>
  <c r="AF31" i="2" s="1"/>
  <c r="AF32" i="2" s="1"/>
  <c r="AF33" i="2" s="1"/>
  <c r="AF34" i="2" s="1"/>
  <c r="AF35" i="2" s="1"/>
  <c r="AF36" i="2" s="1"/>
  <c r="AF37" i="2" s="1"/>
  <c r="AF38" i="2" s="1"/>
  <c r="AF39" i="2" s="1"/>
  <c r="AF40" i="2" s="1"/>
  <c r="AF41" i="2" s="1"/>
  <c r="AF42" i="2" s="1"/>
  <c r="AF43" i="2" s="1"/>
  <c r="AF44" i="2" s="1"/>
  <c r="AF45" i="2" s="1"/>
  <c r="AF46" i="2" s="1"/>
  <c r="AF47" i="2" s="1"/>
  <c r="AF48" i="2" s="1"/>
  <c r="AF49" i="2" s="1"/>
  <c r="AF50" i="2" s="1"/>
  <c r="AF51" i="2" s="1"/>
  <c r="AF52" i="2" s="1"/>
  <c r="AF53" i="2" s="1"/>
  <c r="AF54" i="2" s="1"/>
  <c r="AF55" i="2" s="1"/>
  <c r="AF56" i="2" s="1"/>
  <c r="AF57" i="2" s="1"/>
  <c r="AF58" i="2" s="1"/>
  <c r="AF59" i="2" s="1"/>
  <c r="AF60" i="2" s="1"/>
  <c r="AF61" i="2" s="1"/>
  <c r="AF62" i="2" s="1"/>
  <c r="AF63" i="2" s="1"/>
  <c r="AF64" i="2" s="1"/>
  <c r="AF65" i="2" s="1"/>
  <c r="AF66" i="2" s="1"/>
  <c r="AF67" i="2" s="1"/>
  <c r="AF68" i="2" s="1"/>
  <c r="AF69" i="2" s="1"/>
  <c r="AF70" i="2" s="1"/>
  <c r="AF71" i="2" s="1"/>
  <c r="AF72" i="2" s="1"/>
  <c r="AF73" i="2" s="1"/>
  <c r="AF74" i="2" s="1"/>
  <c r="AF75" i="2" s="1"/>
  <c r="AF76" i="2" s="1"/>
  <c r="AF77" i="2" s="1"/>
  <c r="AF78" i="2" s="1"/>
  <c r="AF79" i="2" s="1"/>
  <c r="AF80" i="2" s="1"/>
  <c r="AF81" i="2" s="1"/>
  <c r="AF82" i="2" s="1"/>
  <c r="AF83" i="2" s="1"/>
  <c r="AF84" i="2" s="1"/>
  <c r="AF85" i="2" s="1"/>
  <c r="AF86" i="2" s="1"/>
  <c r="AF87" i="2" s="1"/>
  <c r="AF88" i="2" s="1"/>
  <c r="AF89" i="2" s="1"/>
  <c r="AF90" i="2" s="1"/>
  <c r="AF91" i="2" s="1"/>
  <c r="AF92" i="2" s="1"/>
  <c r="AF93" i="2" s="1"/>
  <c r="AF94" i="2" s="1"/>
  <c r="AF95" i="2" s="1"/>
  <c r="AF96" i="2" s="1"/>
  <c r="AF97" i="2" s="1"/>
  <c r="AF98" i="2" s="1"/>
  <c r="AF99" i="2" s="1"/>
  <c r="AF100" i="2" s="1"/>
  <c r="AF101" i="2" s="1"/>
  <c r="AF102" i="2"/>
  <c r="AF103" i="2" s="1"/>
  <c r="AF104" i="2" s="1"/>
  <c r="AF105" i="2" s="1"/>
  <c r="AF106" i="2" s="1"/>
  <c r="AF107" i="2" s="1"/>
  <c r="AF108" i="2" s="1"/>
  <c r="AF109" i="2" s="1"/>
  <c r="AF110" i="2" s="1"/>
  <c r="AF111" i="2" s="1"/>
  <c r="AF112" i="2" s="1"/>
  <c r="AF113" i="2" s="1"/>
  <c r="AF114" i="2" s="1"/>
  <c r="AF115" i="2" s="1"/>
  <c r="AF116" i="2" s="1"/>
  <c r="AF117" i="2" s="1"/>
  <c r="AF118" i="2" s="1"/>
  <c r="AF119" i="2" s="1"/>
  <c r="AF120" i="2" s="1"/>
  <c r="AF121" i="2" s="1"/>
  <c r="AF122" i="2" s="1"/>
  <c r="AF123" i="2" s="1"/>
  <c r="AF124" i="2" s="1"/>
  <c r="AF125" i="2" s="1"/>
  <c r="AF126" i="2" s="1"/>
  <c r="AF127" i="2" s="1"/>
  <c r="AF128" i="2" s="1"/>
  <c r="AF129" i="2" s="1"/>
  <c r="AF130" i="2" s="1"/>
  <c r="AF131" i="2" s="1"/>
  <c r="AF132" i="2" s="1"/>
  <c r="AF133" i="2" s="1"/>
  <c r="AF134" i="2" s="1"/>
  <c r="AF135" i="2" s="1"/>
  <c r="AF136" i="2" s="1"/>
  <c r="AF137" i="2" s="1"/>
  <c r="AF138" i="2" s="1"/>
  <c r="AF139" i="2" s="1"/>
  <c r="AF140" i="2" s="1"/>
  <c r="AF141" i="2" s="1"/>
  <c r="AF142" i="2" s="1"/>
  <c r="AF143" i="2" s="1"/>
  <c r="AF144" i="2" s="1"/>
  <c r="AF145" i="2" s="1"/>
  <c r="AF146" i="2" s="1"/>
  <c r="AF147" i="2" s="1"/>
  <c r="AF148" i="2" s="1"/>
  <c r="AF149" i="2" s="1"/>
  <c r="AF150" i="2" s="1"/>
  <c r="AF151" i="2" s="1"/>
  <c r="AF152" i="2" s="1"/>
  <c r="AF153" i="2" s="1"/>
  <c r="AF154" i="2" s="1"/>
  <c r="AF155" i="2" s="1"/>
  <c r="AF156" i="2" s="1"/>
  <c r="AF157" i="2" s="1"/>
  <c r="AF158" i="2" s="1"/>
  <c r="AF159" i="2" s="1"/>
  <c r="AF160" i="2" s="1"/>
  <c r="AF161" i="2" s="1"/>
  <c r="AF162" i="2" s="1"/>
  <c r="AF163" i="2" s="1"/>
  <c r="AF164" i="2" s="1"/>
  <c r="AF165" i="2" s="1"/>
  <c r="AF166" i="2" s="1"/>
  <c r="AF167" i="2" s="1"/>
  <c r="AF168" i="2" s="1"/>
  <c r="AF169" i="2" s="1"/>
  <c r="AF170" i="2" s="1"/>
  <c r="AF171" i="2" s="1"/>
  <c r="AF172" i="2" s="1"/>
  <c r="AF173" i="2" s="1"/>
  <c r="AF174" i="2" s="1"/>
  <c r="AF175" i="2" s="1"/>
  <c r="AF176" i="2" s="1"/>
  <c r="AF177" i="2" s="1"/>
  <c r="AF178" i="2" s="1"/>
  <c r="AF179" i="2" s="1"/>
  <c r="AF180" i="2" s="1"/>
  <c r="AF181" i="2" s="1"/>
  <c r="AF182" i="2" s="1"/>
  <c r="AF183" i="2" s="1"/>
  <c r="AF184" i="2" s="1"/>
  <c r="AF185" i="2" s="1"/>
  <c r="AF186" i="2" s="1"/>
  <c r="AF187" i="2" s="1"/>
  <c r="AF188" i="2" s="1"/>
  <c r="AF189" i="2" s="1"/>
  <c r="AF190" i="2" s="1"/>
  <c r="AF191" i="2" s="1"/>
  <c r="AF192" i="2" s="1"/>
  <c r="AF193" i="2" s="1"/>
  <c r="AF194" i="2" s="1"/>
  <c r="AF195" i="2" s="1"/>
  <c r="AF196" i="2" s="1"/>
  <c r="AF197" i="2" s="1"/>
  <c r="AF198" i="2" s="1"/>
  <c r="AF199" i="2" s="1"/>
  <c r="AF200" i="2" s="1"/>
  <c r="AF201" i="2" s="1"/>
  <c r="AF202" i="2" s="1"/>
  <c r="AF203" i="2" s="1"/>
  <c r="AF204" i="2" s="1"/>
  <c r="AF205" i="2" s="1"/>
  <c r="AF206" i="2" s="1"/>
  <c r="AF207" i="2" s="1"/>
  <c r="AF208" i="2" s="1"/>
  <c r="AF209" i="2" s="1"/>
  <c r="AF210" i="2" s="1"/>
  <c r="AF211" i="2" s="1"/>
  <c r="AF212" i="2" s="1"/>
  <c r="AF213" i="2" s="1"/>
  <c r="AF214" i="2" s="1"/>
  <c r="AF215" i="2" s="1"/>
  <c r="AF216" i="2" s="1"/>
  <c r="AF217" i="2" s="1"/>
  <c r="AF218" i="2" s="1"/>
  <c r="AF219" i="2" s="1"/>
  <c r="AF220" i="2" s="1"/>
  <c r="AF221" i="2" s="1"/>
  <c r="AF222" i="2" s="1"/>
  <c r="AF223" i="2" s="1"/>
  <c r="AF224" i="2" s="1"/>
  <c r="AF225" i="2" s="1"/>
  <c r="AF226" i="2" s="1"/>
  <c r="AF227" i="2" s="1"/>
  <c r="AF228" i="2" s="1"/>
  <c r="AF229" i="2" s="1"/>
  <c r="AF230" i="2" s="1"/>
  <c r="AF231" i="2" s="1"/>
  <c r="AF232" i="2" s="1"/>
  <c r="AF233" i="2" s="1"/>
  <c r="AF234" i="2" s="1"/>
  <c r="AF235" i="2" s="1"/>
  <c r="AF236" i="2" s="1"/>
  <c r="AF237" i="2" s="1"/>
  <c r="AF238" i="2" s="1"/>
  <c r="AF239" i="2" s="1"/>
  <c r="AF240" i="2" s="1"/>
  <c r="AF241" i="2" s="1"/>
  <c r="AF242" i="2" s="1"/>
  <c r="AF243" i="2" s="1"/>
  <c r="AF244" i="2" s="1"/>
  <c r="AF245" i="2" s="1"/>
  <c r="AF246" i="2" s="1"/>
  <c r="AF247" i="2" s="1"/>
  <c r="AF248" i="2" s="1"/>
  <c r="AF249" i="2" s="1"/>
  <c r="AF250" i="2" s="1"/>
  <c r="AF251" i="2" s="1"/>
  <c r="AF252" i="2" s="1"/>
  <c r="AF253" i="2" s="1"/>
  <c r="AF254" i="2" s="1"/>
  <c r="AF255" i="2" s="1"/>
  <c r="AF256" i="2" s="1"/>
  <c r="AF257" i="2" s="1"/>
  <c r="AF258" i="2" s="1"/>
  <c r="AF259" i="2" s="1"/>
  <c r="AF260" i="2" s="1"/>
  <c r="AF261" i="2" s="1"/>
  <c r="AF262" i="2" s="1"/>
  <c r="AF263" i="2" s="1"/>
  <c r="AF264" i="2" s="1"/>
  <c r="AF265" i="2" s="1"/>
  <c r="AF266" i="2" s="1"/>
  <c r="AF267" i="2" s="1"/>
  <c r="AF268" i="2" s="1"/>
  <c r="AF269" i="2" s="1"/>
  <c r="AF270" i="2" s="1"/>
  <c r="AF271" i="2" s="1"/>
  <c r="AF272" i="2" s="1"/>
  <c r="AF273" i="2" s="1"/>
  <c r="AF274" i="2" s="1"/>
  <c r="AF275" i="2" s="1"/>
  <c r="AF276" i="2" s="1"/>
  <c r="AF277" i="2" s="1"/>
  <c r="AF278" i="2" s="1"/>
  <c r="AF279" i="2" s="1"/>
  <c r="AF280" i="2" s="1"/>
  <c r="AF281" i="2" s="1"/>
  <c r="AF282" i="2" s="1"/>
  <c r="AF283" i="2" s="1"/>
  <c r="AF284" i="2" s="1"/>
  <c r="AF285" i="2" s="1"/>
  <c r="AF286" i="2" s="1"/>
  <c r="AF287" i="2" s="1"/>
  <c r="AF288" i="2" s="1"/>
  <c r="AF289" i="2" s="1"/>
  <c r="AF290" i="2" s="1"/>
  <c r="AF291" i="2" s="1"/>
  <c r="AF292" i="2" s="1"/>
  <c r="AF293" i="2" s="1"/>
  <c r="AF294" i="2" s="1"/>
  <c r="AF295" i="2" s="1"/>
  <c r="AF296" i="2" s="1"/>
  <c r="AF297" i="2" s="1"/>
  <c r="AF298" i="2" s="1"/>
  <c r="AF299" i="2" s="1"/>
  <c r="AF300" i="2" s="1"/>
  <c r="AF301" i="2" s="1"/>
  <c r="AF302" i="2" s="1"/>
  <c r="AF303" i="2" s="1"/>
  <c r="AF304" i="2" s="1"/>
  <c r="AF305" i="2" s="1"/>
  <c r="AF306" i="2" s="1"/>
  <c r="AF307" i="2" s="1"/>
  <c r="AF308" i="2" s="1"/>
  <c r="AF309" i="2" s="1"/>
  <c r="AF310" i="2" s="1"/>
  <c r="AF311" i="2" s="1"/>
  <c r="AF312" i="2" s="1"/>
  <c r="AF313" i="2" s="1"/>
  <c r="AF314" i="2" s="1"/>
  <c r="AF315" i="2" s="1"/>
  <c r="AF316" i="2" s="1"/>
  <c r="AF317" i="2" s="1"/>
  <c r="AF318" i="2" s="1"/>
  <c r="AF319" i="2" s="1"/>
  <c r="AF320" i="2" s="1"/>
  <c r="AF321" i="2" s="1"/>
  <c r="AF322" i="2" s="1"/>
  <c r="AF323" i="2" s="1"/>
  <c r="AF324" i="2" s="1"/>
  <c r="AF325" i="2" s="1"/>
  <c r="AF326" i="2" s="1"/>
  <c r="AF327" i="2" s="1"/>
  <c r="AF328" i="2" s="1"/>
  <c r="AF329" i="2" s="1"/>
  <c r="AF330" i="2" s="1"/>
  <c r="AF331" i="2" s="1"/>
  <c r="AF332" i="2" s="1"/>
  <c r="AF333" i="2" s="1"/>
  <c r="AF334" i="2" s="1"/>
  <c r="AF335" i="2" s="1"/>
  <c r="AF336" i="2" s="1"/>
  <c r="AF337" i="2" s="1"/>
  <c r="AF338" i="2" s="1"/>
  <c r="AF339" i="2" s="1"/>
  <c r="AF340" i="2" s="1"/>
  <c r="AF341" i="2" s="1"/>
  <c r="AF342" i="2" s="1"/>
  <c r="AF343" i="2" s="1"/>
  <c r="AF344" i="2" s="1"/>
  <c r="AF345" i="2" s="1"/>
  <c r="AF346" i="2" s="1"/>
  <c r="AF347" i="2" s="1"/>
  <c r="AF348" i="2" s="1"/>
  <c r="AF349" i="2" s="1"/>
  <c r="AF350" i="2" s="1"/>
  <c r="AF351" i="2" s="1"/>
  <c r="AF352" i="2" s="1"/>
  <c r="AF353" i="2" s="1"/>
  <c r="AF354" i="2" s="1"/>
  <c r="AF355" i="2" s="1"/>
  <c r="AF356" i="2" s="1"/>
  <c r="AF357" i="2" s="1"/>
  <c r="AF358" i="2" s="1"/>
  <c r="AF359" i="2" s="1"/>
  <c r="AF360" i="2" s="1"/>
  <c r="AF361" i="2" s="1"/>
  <c r="AF362" i="2" s="1"/>
  <c r="AF363" i="2" s="1"/>
  <c r="AF364" i="2" s="1"/>
  <c r="AF365" i="2" s="1"/>
  <c r="AF366" i="2" s="1"/>
  <c r="AF367" i="2" s="1"/>
  <c r="AF368" i="2" s="1"/>
  <c r="AF369" i="2" s="1"/>
  <c r="AF370" i="2" s="1"/>
  <c r="AF371" i="2" s="1"/>
  <c r="AF372" i="2" s="1"/>
  <c r="AF373" i="2" s="1"/>
  <c r="AF374" i="2" s="1"/>
  <c r="AF375" i="2" s="1"/>
  <c r="AF376" i="2" s="1"/>
  <c r="AF377" i="2" s="1"/>
  <c r="AF378" i="2" s="1"/>
  <c r="AF379" i="2" s="1"/>
  <c r="AF380" i="2" s="1"/>
  <c r="AF381" i="2" s="1"/>
  <c r="AF382" i="2" s="1"/>
  <c r="AF383" i="2" s="1"/>
  <c r="AF384" i="2" s="1"/>
  <c r="AF385" i="2" s="1"/>
  <c r="AF386" i="2" s="1"/>
  <c r="AF387" i="2" s="1"/>
  <c r="AF388" i="2" s="1"/>
  <c r="AF389" i="2" s="1"/>
  <c r="AF390" i="2" s="1"/>
  <c r="AF391" i="2" s="1"/>
  <c r="AF392" i="2" s="1"/>
  <c r="AF393" i="2" s="1"/>
  <c r="AF394" i="2" s="1"/>
  <c r="AF395" i="2" s="1"/>
  <c r="AF396" i="2" s="1"/>
  <c r="AF397" i="2" s="1"/>
  <c r="AF398" i="2" s="1"/>
  <c r="AF399" i="2" s="1"/>
  <c r="AF400" i="2" s="1"/>
  <c r="AF401" i="2" s="1"/>
  <c r="AF402" i="2" s="1"/>
  <c r="AF403" i="2" s="1"/>
  <c r="AF404" i="2" s="1"/>
  <c r="AF405" i="2" s="1"/>
  <c r="AF406" i="2" s="1"/>
  <c r="AF407" i="2" s="1"/>
  <c r="AF408" i="2" s="1"/>
  <c r="AF409" i="2" s="1"/>
  <c r="AF410" i="2" s="1"/>
  <c r="AF411" i="2" s="1"/>
  <c r="AF412" i="2" s="1"/>
  <c r="AF413" i="2" s="1"/>
  <c r="AF414" i="2" s="1"/>
  <c r="AF415" i="2" s="1"/>
  <c r="AF416" i="2" s="1"/>
  <c r="AF417" i="2" s="1"/>
  <c r="AF418" i="2" s="1"/>
  <c r="AF419" i="2" s="1"/>
  <c r="AF420" i="2" s="1"/>
  <c r="AF421" i="2" s="1"/>
  <c r="AF422" i="2" s="1"/>
  <c r="AF423" i="2" s="1"/>
  <c r="AF424" i="2" s="1"/>
  <c r="AF425" i="2" s="1"/>
  <c r="AF426" i="2" s="1"/>
  <c r="AF427" i="2" s="1"/>
  <c r="AF428" i="2" s="1"/>
  <c r="AF429" i="2" s="1"/>
  <c r="AF430" i="2" s="1"/>
  <c r="AF431" i="2" s="1"/>
  <c r="AF432" i="2" s="1"/>
  <c r="AF433" i="2" s="1"/>
  <c r="AF434" i="2" s="1"/>
  <c r="AF435" i="2" s="1"/>
  <c r="AF436" i="2" s="1"/>
  <c r="AF437" i="2" s="1"/>
  <c r="AF438" i="2" s="1"/>
  <c r="AF439" i="2" s="1"/>
  <c r="AF440" i="2" s="1"/>
  <c r="AF441" i="2" s="1"/>
  <c r="AF442" i="2" s="1"/>
  <c r="AF443" i="2" s="1"/>
  <c r="AF444" i="2" s="1"/>
  <c r="AF445" i="2" s="1"/>
  <c r="AF446" i="2" s="1"/>
  <c r="AF447" i="2" s="1"/>
  <c r="AF448" i="2" s="1"/>
  <c r="AF449" i="2" s="1"/>
  <c r="AF450" i="2" s="1"/>
  <c r="AF451" i="2" s="1"/>
  <c r="AF452" i="2" s="1"/>
  <c r="AF453" i="2" s="1"/>
  <c r="AF454" i="2" s="1"/>
  <c r="AF455" i="2" s="1"/>
  <c r="AF456" i="2" s="1"/>
  <c r="AF457" i="2" s="1"/>
  <c r="AF458" i="2" s="1"/>
  <c r="AF459" i="2" s="1"/>
  <c r="AF460" i="2" s="1"/>
  <c r="AF461" i="2" s="1"/>
  <c r="AF462" i="2" s="1"/>
  <c r="AF463" i="2" s="1"/>
  <c r="AF464" i="2" s="1"/>
  <c r="AF465" i="2" s="1"/>
  <c r="AF466" i="2" s="1"/>
  <c r="AF467" i="2" s="1"/>
  <c r="AF468" i="2" s="1"/>
  <c r="AF469" i="2" s="1"/>
  <c r="AF470" i="2" s="1"/>
  <c r="AF471" i="2" s="1"/>
  <c r="AF472" i="2" s="1"/>
  <c r="AF473" i="2" s="1"/>
  <c r="AF474" i="2" s="1"/>
  <c r="AF475" i="2" s="1"/>
  <c r="AF476" i="2" s="1"/>
  <c r="AF477" i="2" s="1"/>
  <c r="AF478" i="2" s="1"/>
  <c r="AF479" i="2" s="1"/>
  <c r="AF480" i="2" s="1"/>
  <c r="AF481" i="2" s="1"/>
  <c r="AF482" i="2" s="1"/>
  <c r="AF483" i="2" s="1"/>
  <c r="AF484" i="2" s="1"/>
  <c r="AF485" i="2" s="1"/>
  <c r="AF486" i="2" s="1"/>
  <c r="AF487" i="2" s="1"/>
  <c r="AF488" i="2" s="1"/>
  <c r="AF489" i="2" s="1"/>
  <c r="AF490" i="2" s="1"/>
  <c r="AF491" i="2" s="1"/>
  <c r="AF492" i="2" s="1"/>
  <c r="AF493" i="2" s="1"/>
  <c r="AF494" i="2" s="1"/>
  <c r="AF495" i="2" s="1"/>
  <c r="AF496" i="2" s="1"/>
  <c r="AF497" i="2" s="1"/>
  <c r="AF498" i="2" s="1"/>
  <c r="AF499" i="2" s="1"/>
  <c r="AF500" i="2" s="1"/>
  <c r="AF501" i="2" s="1"/>
  <c r="AF502" i="2" s="1"/>
  <c r="AF503" i="2" s="1"/>
  <c r="AF504" i="2" s="1"/>
  <c r="AF505" i="2" s="1"/>
  <c r="AF506" i="2" s="1"/>
  <c r="AF507" i="2" s="1"/>
  <c r="AF508" i="2" s="1"/>
  <c r="AF509" i="2" s="1"/>
  <c r="AF510" i="2" s="1"/>
  <c r="AF511" i="2" s="1"/>
  <c r="AF512" i="2" s="1"/>
  <c r="AF513" i="2" s="1"/>
  <c r="AF514" i="2" s="1"/>
  <c r="AF515" i="2" s="1"/>
  <c r="AF516" i="2" s="1"/>
  <c r="AF517" i="2" s="1"/>
  <c r="AF518" i="2" s="1"/>
  <c r="AF519" i="2" s="1"/>
  <c r="AF520" i="2" s="1"/>
  <c r="AF521" i="2" s="1"/>
  <c r="AF522" i="2" s="1"/>
  <c r="AF523" i="2" s="1"/>
  <c r="AF524" i="2" s="1"/>
  <c r="AF525" i="2" s="1"/>
  <c r="AF526" i="2" s="1"/>
  <c r="AF527" i="2" s="1"/>
  <c r="AF528" i="2" s="1"/>
  <c r="AF529" i="2" s="1"/>
  <c r="AF530" i="2" s="1"/>
  <c r="AF531" i="2" s="1"/>
  <c r="AF532" i="2" s="1"/>
  <c r="AF533" i="2" s="1"/>
  <c r="AF534" i="2" s="1"/>
  <c r="AF535" i="2" s="1"/>
  <c r="AF536" i="2" s="1"/>
  <c r="AF537" i="2" s="1"/>
  <c r="AF538" i="2" s="1"/>
  <c r="AF539" i="2" s="1"/>
  <c r="AF540" i="2" s="1"/>
  <c r="AF541" i="2" s="1"/>
  <c r="AF542" i="2" s="1"/>
  <c r="AF543" i="2" s="1"/>
  <c r="AF544" i="2" s="1"/>
  <c r="AF545" i="2" s="1"/>
  <c r="AF546" i="2" s="1"/>
  <c r="AF547" i="2" s="1"/>
  <c r="AF548" i="2" s="1"/>
  <c r="AF549" i="2" s="1"/>
  <c r="AF550" i="2" s="1"/>
  <c r="AF551" i="2" s="1"/>
  <c r="AF552" i="2" s="1"/>
  <c r="AF553" i="2" s="1"/>
  <c r="AF554" i="2" s="1"/>
  <c r="AF555" i="2" s="1"/>
  <c r="AF556" i="2" s="1"/>
  <c r="AF557" i="2" s="1"/>
  <c r="AF558" i="2" s="1"/>
  <c r="AF559" i="2" s="1"/>
  <c r="AF560" i="2" s="1"/>
  <c r="AF561" i="2" s="1"/>
  <c r="AF562" i="2" s="1"/>
  <c r="AF563" i="2" s="1"/>
  <c r="AF564" i="2" s="1"/>
  <c r="AF565" i="2" s="1"/>
  <c r="AF566" i="2" s="1"/>
  <c r="AF567" i="2" s="1"/>
  <c r="AF568" i="2" s="1"/>
  <c r="AF569" i="2" s="1"/>
  <c r="AF570" i="2" s="1"/>
  <c r="AF571" i="2" s="1"/>
  <c r="AF572" i="2" s="1"/>
  <c r="AF573" i="2" s="1"/>
  <c r="AF574" i="2" s="1"/>
  <c r="AF575" i="2" s="1"/>
  <c r="AF576" i="2" s="1"/>
  <c r="AF577" i="2" s="1"/>
  <c r="AF578" i="2" s="1"/>
  <c r="AF579" i="2" s="1"/>
  <c r="AF580" i="2" s="1"/>
  <c r="AF581" i="2" s="1"/>
  <c r="AF582" i="2" s="1"/>
  <c r="AF583" i="2" s="1"/>
  <c r="AF584" i="2" s="1"/>
  <c r="AF585" i="2" s="1"/>
  <c r="AF586" i="2" s="1"/>
  <c r="AF587" i="2" s="1"/>
  <c r="AF588" i="2" s="1"/>
  <c r="AF589" i="2" s="1"/>
  <c r="AF590" i="2" s="1"/>
  <c r="AF591" i="2" s="1"/>
  <c r="AF592" i="2" s="1"/>
  <c r="AF593" i="2" s="1"/>
  <c r="AF594" i="2" s="1"/>
  <c r="AF595" i="2" s="1"/>
  <c r="AF596" i="2" s="1"/>
  <c r="AF597" i="2" s="1"/>
  <c r="AF598" i="2" s="1"/>
  <c r="AF599" i="2" s="1"/>
  <c r="AF600" i="2" s="1"/>
  <c r="AF601" i="2" s="1"/>
  <c r="AF602" i="2" s="1"/>
  <c r="AF603" i="2" s="1"/>
  <c r="AF604" i="2" s="1"/>
  <c r="AF605" i="2" s="1"/>
  <c r="AF606" i="2" s="1"/>
  <c r="AF607" i="2" s="1"/>
  <c r="AF608" i="2" s="1"/>
  <c r="AF609" i="2" s="1"/>
  <c r="AF610" i="2" s="1"/>
  <c r="AF611" i="2" s="1"/>
  <c r="AF612" i="2" s="1"/>
  <c r="AF613" i="2" s="1"/>
  <c r="AF614" i="2" s="1"/>
  <c r="AF615" i="2" s="1"/>
  <c r="AF616" i="2" s="1"/>
  <c r="AF617" i="2" s="1"/>
  <c r="AF618" i="2" s="1"/>
  <c r="AF619" i="2" s="1"/>
  <c r="AF620" i="2" s="1"/>
  <c r="AF621" i="2" s="1"/>
  <c r="AF622" i="2" s="1"/>
  <c r="AF623" i="2" s="1"/>
  <c r="AF624" i="2" s="1"/>
  <c r="AF625" i="2" s="1"/>
  <c r="AF626" i="2" s="1"/>
  <c r="AF627" i="2" s="1"/>
  <c r="AF628" i="2" s="1"/>
  <c r="AF629" i="2" s="1"/>
  <c r="AF630" i="2" s="1"/>
  <c r="AF631" i="2" s="1"/>
  <c r="AF632" i="2" s="1"/>
  <c r="AF633" i="2" s="1"/>
  <c r="AF634" i="2" s="1"/>
  <c r="AF635" i="2" s="1"/>
  <c r="AF636" i="2" s="1"/>
  <c r="AD4" i="2"/>
  <c r="AD5" i="2"/>
  <c r="AD6" i="2"/>
  <c r="AD7" i="2" s="1"/>
  <c r="AD8" i="2" s="1"/>
  <c r="AD9" i="2" s="1"/>
  <c r="AD10" i="2" s="1"/>
  <c r="AD11" i="2" s="1"/>
  <c r="AD12" i="2" s="1"/>
  <c r="AD13" i="2" s="1"/>
  <c r="AD14" i="2" s="1"/>
  <c r="AD15" i="2" s="1"/>
  <c r="AD16" i="2" s="1"/>
  <c r="AD17" i="2" s="1"/>
  <c r="AD18" i="2" s="1"/>
  <c r="AD19" i="2" s="1"/>
  <c r="AD20" i="2" s="1"/>
  <c r="AD21" i="2" s="1"/>
  <c r="AD22" i="2"/>
  <c r="AD23" i="2" s="1"/>
  <c r="AD24" i="2" s="1"/>
  <c r="AD25" i="2" s="1"/>
  <c r="AD26" i="2" s="1"/>
  <c r="AD27" i="2" s="1"/>
  <c r="AD28" i="2" s="1"/>
  <c r="AD29" i="2" s="1"/>
  <c r="AD30" i="2" s="1"/>
  <c r="AD31" i="2" s="1"/>
  <c r="AD32" i="2" s="1"/>
  <c r="AD33" i="2" s="1"/>
  <c r="AD34" i="2" s="1"/>
  <c r="AD35" i="2" s="1"/>
  <c r="AD36" i="2" s="1"/>
  <c r="AD37" i="2" s="1"/>
  <c r="AD38" i="2" s="1"/>
  <c r="AD39" i="2" s="1"/>
  <c r="AD40" i="2" s="1"/>
  <c r="AD41" i="2" s="1"/>
  <c r="AD42" i="2" s="1"/>
  <c r="AD43" i="2" s="1"/>
  <c r="AD44" i="2" s="1"/>
  <c r="AD45" i="2" s="1"/>
  <c r="AD46" i="2" s="1"/>
  <c r="AD47" i="2" s="1"/>
  <c r="AD48" i="2" s="1"/>
  <c r="AD49" i="2" s="1"/>
  <c r="AD50" i="2" s="1"/>
  <c r="AD51" i="2" s="1"/>
  <c r="AD52" i="2" s="1"/>
  <c r="AD53" i="2" s="1"/>
  <c r="AD54" i="2" s="1"/>
  <c r="AD55" i="2" s="1"/>
  <c r="AD56" i="2" s="1"/>
  <c r="AD57" i="2" s="1"/>
  <c r="AD58" i="2" s="1"/>
  <c r="AD59" i="2" s="1"/>
  <c r="AD60" i="2" s="1"/>
  <c r="AD61" i="2" s="1"/>
  <c r="AD62" i="2" s="1"/>
  <c r="AD63" i="2" s="1"/>
  <c r="AD64" i="2" s="1"/>
  <c r="AD65" i="2" s="1"/>
  <c r="AD66" i="2" s="1"/>
  <c r="AD67" i="2" s="1"/>
  <c r="AD68" i="2" s="1"/>
  <c r="AD69" i="2" s="1"/>
  <c r="AD70" i="2" s="1"/>
  <c r="AD71" i="2" s="1"/>
  <c r="AD72" i="2" s="1"/>
  <c r="AD73" i="2" s="1"/>
  <c r="AD74" i="2" s="1"/>
  <c r="AD75" i="2" s="1"/>
  <c r="AD76" i="2" s="1"/>
  <c r="AD77" i="2" s="1"/>
  <c r="AD78" i="2" s="1"/>
  <c r="AD79" i="2" s="1"/>
  <c r="AD80" i="2" s="1"/>
  <c r="AD81" i="2" s="1"/>
  <c r="AD82" i="2" s="1"/>
  <c r="AD83" i="2" s="1"/>
  <c r="AD84" i="2" s="1"/>
  <c r="AD85" i="2" s="1"/>
  <c r="AD86" i="2" s="1"/>
  <c r="AD87" i="2" s="1"/>
  <c r="AD88" i="2" s="1"/>
  <c r="AD89" i="2" s="1"/>
  <c r="AD90" i="2" s="1"/>
  <c r="AD91" i="2" s="1"/>
  <c r="AD92" i="2" s="1"/>
  <c r="AD93" i="2" s="1"/>
  <c r="AD94" i="2" s="1"/>
  <c r="AD95" i="2" s="1"/>
  <c r="AD96" i="2" s="1"/>
  <c r="AD97" i="2" s="1"/>
  <c r="AD98" i="2" s="1"/>
  <c r="AD99" i="2" s="1"/>
  <c r="AD100" i="2" s="1"/>
  <c r="AD101" i="2" s="1"/>
  <c r="AD102" i="2" s="1"/>
  <c r="AD103" i="2" s="1"/>
  <c r="AD104" i="2" s="1"/>
  <c r="AD105" i="2" s="1"/>
  <c r="AD106" i="2" s="1"/>
  <c r="AD107" i="2" s="1"/>
  <c r="AD108" i="2" s="1"/>
  <c r="AD109" i="2" s="1"/>
  <c r="AD110" i="2" s="1"/>
  <c r="AD111" i="2" s="1"/>
  <c r="AD112" i="2" s="1"/>
  <c r="AD113" i="2" s="1"/>
  <c r="AD114" i="2" s="1"/>
  <c r="AD115" i="2" s="1"/>
  <c r="AD116" i="2" s="1"/>
  <c r="AD117" i="2" s="1"/>
  <c r="AD118" i="2" s="1"/>
  <c r="AD119" i="2" s="1"/>
  <c r="AD120" i="2" s="1"/>
  <c r="AD121" i="2" s="1"/>
  <c r="AD122" i="2" s="1"/>
  <c r="AD123" i="2" s="1"/>
  <c r="AD124" i="2" s="1"/>
  <c r="AD125" i="2" s="1"/>
  <c r="AD126" i="2" s="1"/>
  <c r="AD127" i="2" s="1"/>
  <c r="AD128" i="2" s="1"/>
  <c r="AD129" i="2" s="1"/>
  <c r="AD130" i="2" s="1"/>
  <c r="AD131" i="2" s="1"/>
  <c r="AD132" i="2" s="1"/>
  <c r="AD133" i="2" s="1"/>
  <c r="AD134" i="2" s="1"/>
  <c r="AD135" i="2" s="1"/>
  <c r="AD136" i="2" s="1"/>
  <c r="AD137" i="2" s="1"/>
  <c r="AD138" i="2" s="1"/>
  <c r="AD139" i="2" s="1"/>
  <c r="AD140" i="2" s="1"/>
  <c r="AD141" i="2" s="1"/>
  <c r="AD142" i="2" s="1"/>
  <c r="AD143" i="2" s="1"/>
  <c r="AD144" i="2" s="1"/>
  <c r="AD145" i="2" s="1"/>
  <c r="AD146" i="2" s="1"/>
  <c r="AD147" i="2" s="1"/>
  <c r="AD148" i="2" s="1"/>
  <c r="AD149" i="2" s="1"/>
  <c r="AD150" i="2" s="1"/>
  <c r="AD151" i="2" s="1"/>
  <c r="AD152" i="2" s="1"/>
  <c r="AD153" i="2" s="1"/>
  <c r="AD154" i="2" s="1"/>
  <c r="AD155" i="2" s="1"/>
  <c r="AD156" i="2" s="1"/>
  <c r="AD157" i="2" s="1"/>
  <c r="AD158" i="2" s="1"/>
  <c r="AD159" i="2" s="1"/>
  <c r="AD160" i="2" s="1"/>
  <c r="AD161" i="2" s="1"/>
  <c r="AD162" i="2" s="1"/>
  <c r="AD163" i="2" s="1"/>
  <c r="AD164" i="2" s="1"/>
  <c r="AD165" i="2" s="1"/>
  <c r="AD166" i="2" s="1"/>
  <c r="AD167" i="2" s="1"/>
  <c r="AD168" i="2" s="1"/>
  <c r="AD169" i="2" s="1"/>
  <c r="AD170" i="2" s="1"/>
  <c r="AD171" i="2" s="1"/>
  <c r="AD172" i="2" s="1"/>
  <c r="AD173" i="2" s="1"/>
  <c r="AD174" i="2" s="1"/>
  <c r="AD175" i="2" s="1"/>
  <c r="AD176" i="2" s="1"/>
  <c r="AD177" i="2" s="1"/>
  <c r="AD178" i="2" s="1"/>
  <c r="AD179" i="2" s="1"/>
  <c r="AD180" i="2" s="1"/>
  <c r="AD181" i="2" s="1"/>
  <c r="AD182" i="2" s="1"/>
  <c r="AD183" i="2" s="1"/>
  <c r="AD184" i="2" s="1"/>
  <c r="AD185" i="2" s="1"/>
  <c r="AD186" i="2" s="1"/>
  <c r="AD187" i="2" s="1"/>
  <c r="AD188" i="2" s="1"/>
  <c r="AD189" i="2" s="1"/>
  <c r="AD190" i="2" s="1"/>
  <c r="AD191" i="2" s="1"/>
  <c r="AD192" i="2" s="1"/>
  <c r="AD193" i="2" s="1"/>
  <c r="AD194" i="2" s="1"/>
  <c r="AD195" i="2" s="1"/>
  <c r="AD196" i="2" s="1"/>
  <c r="AD197" i="2" s="1"/>
  <c r="AD198" i="2" s="1"/>
  <c r="AD199" i="2" s="1"/>
  <c r="AD200" i="2" s="1"/>
  <c r="AD201" i="2" s="1"/>
  <c r="AD202" i="2" s="1"/>
  <c r="AD203" i="2" s="1"/>
  <c r="AD204" i="2" s="1"/>
  <c r="AD205" i="2" s="1"/>
  <c r="AD206" i="2" s="1"/>
  <c r="AD207" i="2" s="1"/>
  <c r="AD208" i="2" s="1"/>
  <c r="AD209" i="2" s="1"/>
  <c r="AD210" i="2" s="1"/>
  <c r="AD211" i="2" s="1"/>
  <c r="AD212" i="2" s="1"/>
  <c r="AD213" i="2" s="1"/>
  <c r="AD214" i="2" s="1"/>
  <c r="AD215" i="2" s="1"/>
  <c r="AD216" i="2" s="1"/>
  <c r="AD217" i="2" s="1"/>
  <c r="AD218" i="2" s="1"/>
  <c r="AD219" i="2" s="1"/>
  <c r="AD220" i="2" s="1"/>
  <c r="AD221" i="2" s="1"/>
  <c r="AD222" i="2" s="1"/>
  <c r="AD223" i="2" s="1"/>
  <c r="AD224" i="2" s="1"/>
  <c r="AD225" i="2" s="1"/>
  <c r="AD226" i="2" s="1"/>
  <c r="AD227" i="2" s="1"/>
  <c r="AD228" i="2" s="1"/>
  <c r="AD229" i="2" s="1"/>
  <c r="AD230" i="2" s="1"/>
  <c r="AD231" i="2" s="1"/>
  <c r="AD232" i="2" s="1"/>
  <c r="AD233" i="2" s="1"/>
  <c r="AD234" i="2" s="1"/>
  <c r="AD235" i="2" s="1"/>
  <c r="AD236" i="2" s="1"/>
  <c r="AD237" i="2" s="1"/>
  <c r="AD238" i="2" s="1"/>
  <c r="AD239" i="2" s="1"/>
  <c r="AD240" i="2" s="1"/>
  <c r="AD241" i="2" s="1"/>
  <c r="AD242" i="2" s="1"/>
  <c r="AD243" i="2" s="1"/>
  <c r="AD244" i="2" s="1"/>
  <c r="AD245" i="2" s="1"/>
  <c r="AD246" i="2" s="1"/>
  <c r="AD247" i="2" s="1"/>
  <c r="AD248" i="2" s="1"/>
  <c r="AD249" i="2" s="1"/>
  <c r="AD250" i="2" s="1"/>
  <c r="AD251" i="2" s="1"/>
  <c r="AD252" i="2" s="1"/>
  <c r="AD253" i="2" s="1"/>
  <c r="AD254" i="2" s="1"/>
  <c r="AD255" i="2" s="1"/>
  <c r="AD256" i="2" s="1"/>
  <c r="AD257" i="2" s="1"/>
  <c r="AD258" i="2" s="1"/>
  <c r="AD259" i="2" s="1"/>
  <c r="AD260" i="2" s="1"/>
  <c r="AD261" i="2" s="1"/>
  <c r="AD262" i="2" s="1"/>
  <c r="AD263" i="2" s="1"/>
  <c r="AD264" i="2" s="1"/>
  <c r="AD265" i="2" s="1"/>
  <c r="AD266" i="2" s="1"/>
  <c r="AD267" i="2" s="1"/>
  <c r="AD268" i="2" s="1"/>
  <c r="AD269" i="2" s="1"/>
  <c r="AD270" i="2" s="1"/>
  <c r="AD271" i="2" s="1"/>
  <c r="AD272" i="2" s="1"/>
  <c r="AD273" i="2" s="1"/>
  <c r="AD274" i="2" s="1"/>
  <c r="AD275" i="2" s="1"/>
  <c r="AD276" i="2" s="1"/>
  <c r="AD277" i="2" s="1"/>
  <c r="AD278" i="2" s="1"/>
  <c r="AD279" i="2" s="1"/>
  <c r="AD280" i="2" s="1"/>
  <c r="AD281" i="2" s="1"/>
  <c r="AD282" i="2" s="1"/>
  <c r="AD283" i="2" s="1"/>
  <c r="AD284" i="2" s="1"/>
  <c r="AD285" i="2" s="1"/>
  <c r="AD286" i="2" s="1"/>
  <c r="AD287" i="2" s="1"/>
  <c r="AD288" i="2" s="1"/>
  <c r="AD289" i="2" s="1"/>
  <c r="AD290" i="2" s="1"/>
  <c r="AD291" i="2" s="1"/>
  <c r="AD292" i="2" s="1"/>
  <c r="AD293" i="2" s="1"/>
  <c r="AD294" i="2" s="1"/>
  <c r="AD295" i="2" s="1"/>
  <c r="AD296" i="2" s="1"/>
  <c r="AD297" i="2" s="1"/>
  <c r="AD298" i="2" s="1"/>
  <c r="AD299" i="2" s="1"/>
  <c r="AD300" i="2" s="1"/>
  <c r="AD301" i="2" s="1"/>
  <c r="AD302" i="2" s="1"/>
  <c r="AD303" i="2" s="1"/>
  <c r="AD304" i="2" s="1"/>
  <c r="AD305" i="2" s="1"/>
  <c r="AD306" i="2" s="1"/>
  <c r="AD307" i="2" s="1"/>
  <c r="AD308" i="2" s="1"/>
  <c r="AD309" i="2" s="1"/>
  <c r="AD310" i="2" s="1"/>
  <c r="AD311" i="2" s="1"/>
  <c r="AD312" i="2" s="1"/>
  <c r="AD313" i="2" s="1"/>
  <c r="AD314" i="2" s="1"/>
  <c r="AD315" i="2" s="1"/>
  <c r="AD316" i="2" s="1"/>
  <c r="AD317" i="2" s="1"/>
  <c r="AD318" i="2" s="1"/>
  <c r="AD319" i="2" s="1"/>
  <c r="AD320" i="2" s="1"/>
  <c r="AD321" i="2" s="1"/>
  <c r="AD322" i="2" s="1"/>
  <c r="AD323" i="2" s="1"/>
  <c r="AD324" i="2" s="1"/>
  <c r="AD325" i="2" s="1"/>
  <c r="AD326" i="2" s="1"/>
  <c r="AD327" i="2" s="1"/>
  <c r="AD328" i="2" s="1"/>
  <c r="AD329" i="2" s="1"/>
  <c r="AD330" i="2" s="1"/>
  <c r="AD331" i="2" s="1"/>
  <c r="AD332" i="2" s="1"/>
  <c r="AD333" i="2" s="1"/>
  <c r="AD334" i="2" s="1"/>
  <c r="AD335" i="2" s="1"/>
  <c r="AD336" i="2" s="1"/>
  <c r="AD337" i="2" s="1"/>
  <c r="AD338" i="2" s="1"/>
  <c r="AD339" i="2" s="1"/>
  <c r="AD340" i="2" s="1"/>
  <c r="AD341" i="2" s="1"/>
  <c r="AD342" i="2" s="1"/>
  <c r="AD343" i="2" s="1"/>
  <c r="AD344" i="2" s="1"/>
  <c r="AD345" i="2" s="1"/>
  <c r="AD346" i="2" s="1"/>
  <c r="AD347" i="2" s="1"/>
  <c r="AD348" i="2" s="1"/>
  <c r="AD349" i="2" s="1"/>
  <c r="AD350" i="2" s="1"/>
  <c r="AD351" i="2" s="1"/>
  <c r="AD352" i="2" s="1"/>
  <c r="AD353" i="2" s="1"/>
  <c r="AD354" i="2" s="1"/>
  <c r="AD355" i="2" s="1"/>
  <c r="AD356" i="2" s="1"/>
  <c r="AD357" i="2" s="1"/>
  <c r="AD358" i="2" s="1"/>
  <c r="AD359" i="2" s="1"/>
  <c r="AD360" i="2" s="1"/>
  <c r="AD361" i="2" s="1"/>
  <c r="AD362" i="2" s="1"/>
  <c r="AD363" i="2" s="1"/>
  <c r="AD364" i="2" s="1"/>
  <c r="AD365" i="2" s="1"/>
  <c r="AD366" i="2" s="1"/>
  <c r="AD367" i="2" s="1"/>
  <c r="AD368" i="2" s="1"/>
  <c r="AD369" i="2" s="1"/>
  <c r="AD370" i="2" s="1"/>
  <c r="AD371" i="2" s="1"/>
  <c r="AD372" i="2" s="1"/>
  <c r="AD373" i="2" s="1"/>
  <c r="AD374" i="2" s="1"/>
  <c r="AD375" i="2" s="1"/>
  <c r="AD376" i="2" s="1"/>
  <c r="AD377" i="2" s="1"/>
  <c r="AD378" i="2" s="1"/>
  <c r="AD379" i="2" s="1"/>
  <c r="AD380" i="2" s="1"/>
  <c r="AD381" i="2" s="1"/>
  <c r="AD382" i="2" s="1"/>
  <c r="AD383" i="2" s="1"/>
  <c r="AD384" i="2" s="1"/>
  <c r="AD385" i="2" s="1"/>
  <c r="AD386" i="2" s="1"/>
  <c r="AD387" i="2" s="1"/>
  <c r="AD388" i="2" s="1"/>
  <c r="AD389" i="2" s="1"/>
  <c r="AD390" i="2" s="1"/>
  <c r="AD391" i="2" s="1"/>
  <c r="AD392" i="2" s="1"/>
  <c r="AD393" i="2" s="1"/>
  <c r="AD394" i="2" s="1"/>
  <c r="AD395" i="2" s="1"/>
  <c r="AD396" i="2" s="1"/>
  <c r="AD397" i="2" s="1"/>
  <c r="AD398" i="2" s="1"/>
  <c r="AD399" i="2" s="1"/>
  <c r="AD400" i="2" s="1"/>
  <c r="AD401" i="2" s="1"/>
  <c r="AD402" i="2" s="1"/>
  <c r="AD403" i="2" s="1"/>
  <c r="AD404" i="2" s="1"/>
  <c r="AD405" i="2" s="1"/>
  <c r="AD406" i="2" s="1"/>
  <c r="AD407" i="2" s="1"/>
  <c r="AD408" i="2" s="1"/>
  <c r="AD409" i="2" s="1"/>
  <c r="AD410" i="2" s="1"/>
  <c r="AD411" i="2" s="1"/>
  <c r="AD412" i="2" s="1"/>
  <c r="AD413" i="2" s="1"/>
  <c r="AD414" i="2" s="1"/>
  <c r="AD415" i="2" s="1"/>
  <c r="AD416" i="2" s="1"/>
  <c r="AD417" i="2" s="1"/>
  <c r="AD418" i="2" s="1"/>
  <c r="AD419" i="2" s="1"/>
  <c r="AD420" i="2" s="1"/>
  <c r="AD421" i="2" s="1"/>
  <c r="AD422" i="2" s="1"/>
  <c r="AD423" i="2" s="1"/>
  <c r="AD424" i="2" s="1"/>
  <c r="AD425" i="2" s="1"/>
  <c r="AD426" i="2" s="1"/>
  <c r="AD427" i="2" s="1"/>
  <c r="AD428" i="2" s="1"/>
  <c r="AD429" i="2" s="1"/>
  <c r="AD430" i="2" s="1"/>
  <c r="AD431" i="2" s="1"/>
  <c r="AD432" i="2" s="1"/>
  <c r="AD433" i="2" s="1"/>
  <c r="AD434" i="2" s="1"/>
  <c r="AD435" i="2" s="1"/>
  <c r="AD436" i="2" s="1"/>
  <c r="AD437" i="2" s="1"/>
  <c r="AD438" i="2" s="1"/>
  <c r="AD439" i="2" s="1"/>
  <c r="AD440" i="2" s="1"/>
  <c r="AD441" i="2" s="1"/>
  <c r="AD442" i="2" s="1"/>
  <c r="AD443" i="2" s="1"/>
  <c r="AD444" i="2" s="1"/>
  <c r="AD445" i="2" s="1"/>
  <c r="AD446" i="2" s="1"/>
  <c r="AD447" i="2" s="1"/>
  <c r="AD448" i="2" s="1"/>
  <c r="AD449" i="2" s="1"/>
  <c r="AD450" i="2" s="1"/>
  <c r="AD451" i="2" s="1"/>
  <c r="AD452" i="2" s="1"/>
  <c r="AD453" i="2" s="1"/>
  <c r="AD454" i="2" s="1"/>
  <c r="AD455" i="2" s="1"/>
  <c r="AD456" i="2" s="1"/>
  <c r="AD457" i="2" s="1"/>
  <c r="AD458" i="2" s="1"/>
  <c r="AD459" i="2" s="1"/>
  <c r="AD460" i="2" s="1"/>
  <c r="AD461" i="2" s="1"/>
  <c r="AD462" i="2" s="1"/>
  <c r="AD463" i="2" s="1"/>
  <c r="AD464" i="2" s="1"/>
  <c r="AD465" i="2" s="1"/>
  <c r="AD466" i="2" s="1"/>
  <c r="AD467" i="2" s="1"/>
  <c r="AD468" i="2" s="1"/>
  <c r="AD469" i="2" s="1"/>
  <c r="AD470" i="2" s="1"/>
  <c r="AD471" i="2" s="1"/>
  <c r="AD472" i="2" s="1"/>
  <c r="AD473" i="2" s="1"/>
  <c r="AD474" i="2" s="1"/>
  <c r="AD475" i="2" s="1"/>
  <c r="AD476" i="2" s="1"/>
  <c r="AD477" i="2" s="1"/>
  <c r="AD478" i="2" s="1"/>
  <c r="AD479" i="2" s="1"/>
  <c r="AD480" i="2" s="1"/>
  <c r="AD481" i="2" s="1"/>
  <c r="AD482" i="2" s="1"/>
  <c r="AD483" i="2" s="1"/>
  <c r="AD484" i="2" s="1"/>
  <c r="AD485" i="2" s="1"/>
  <c r="AD486" i="2" s="1"/>
  <c r="AD487" i="2" s="1"/>
  <c r="AD488" i="2" s="1"/>
  <c r="AD489" i="2" s="1"/>
  <c r="AD490" i="2" s="1"/>
  <c r="AD491" i="2" s="1"/>
  <c r="AD492" i="2" s="1"/>
  <c r="AD493" i="2" s="1"/>
  <c r="AD494" i="2" s="1"/>
  <c r="AD495" i="2" s="1"/>
  <c r="AD496" i="2" s="1"/>
  <c r="AD497" i="2" s="1"/>
  <c r="AD498" i="2" s="1"/>
  <c r="AD499" i="2" s="1"/>
  <c r="AD500" i="2" s="1"/>
  <c r="AD501" i="2" s="1"/>
  <c r="AD502" i="2" s="1"/>
  <c r="AD503" i="2" s="1"/>
  <c r="AD504" i="2" s="1"/>
  <c r="AD505" i="2" s="1"/>
  <c r="AD506" i="2" s="1"/>
  <c r="AD507" i="2" s="1"/>
  <c r="AD508" i="2" s="1"/>
  <c r="AD509" i="2" s="1"/>
  <c r="AD510" i="2" s="1"/>
  <c r="AD511" i="2" s="1"/>
  <c r="AD512" i="2" s="1"/>
  <c r="AD513" i="2" s="1"/>
  <c r="AD514" i="2" s="1"/>
  <c r="AD515" i="2" s="1"/>
  <c r="AD516" i="2" s="1"/>
  <c r="AD517" i="2" s="1"/>
  <c r="AD518" i="2" s="1"/>
  <c r="AD519" i="2" s="1"/>
  <c r="AD520" i="2" s="1"/>
  <c r="AD521" i="2" s="1"/>
  <c r="AD522" i="2" s="1"/>
  <c r="AD523" i="2" s="1"/>
  <c r="AD524" i="2" s="1"/>
  <c r="AD525" i="2" s="1"/>
  <c r="AD526" i="2" s="1"/>
  <c r="AD527" i="2" s="1"/>
  <c r="AD528" i="2" s="1"/>
  <c r="AD529" i="2" s="1"/>
  <c r="AD530" i="2" s="1"/>
  <c r="AD531" i="2" s="1"/>
  <c r="AD532" i="2" s="1"/>
  <c r="AD533" i="2" s="1"/>
  <c r="AD534" i="2" s="1"/>
  <c r="AD535" i="2" s="1"/>
  <c r="AD536" i="2" s="1"/>
  <c r="AD537" i="2" s="1"/>
  <c r="AD538" i="2" s="1"/>
  <c r="AD539" i="2" s="1"/>
  <c r="AD540" i="2" s="1"/>
  <c r="AD541" i="2" s="1"/>
  <c r="AD542" i="2" s="1"/>
  <c r="AD543" i="2" s="1"/>
  <c r="AD544" i="2" s="1"/>
  <c r="AD545" i="2" s="1"/>
  <c r="AD546" i="2" s="1"/>
  <c r="AD547" i="2" s="1"/>
  <c r="AD548" i="2" s="1"/>
  <c r="AD549" i="2" s="1"/>
  <c r="AD550" i="2" s="1"/>
  <c r="AD551" i="2" s="1"/>
  <c r="AD552" i="2" s="1"/>
  <c r="AD553" i="2" s="1"/>
  <c r="AD554" i="2" s="1"/>
  <c r="AD555" i="2" s="1"/>
  <c r="AD556" i="2" s="1"/>
  <c r="AD557" i="2" s="1"/>
  <c r="AD558" i="2" s="1"/>
  <c r="AD559" i="2" s="1"/>
  <c r="AD560" i="2" s="1"/>
  <c r="AD561" i="2" s="1"/>
  <c r="AD562" i="2" s="1"/>
  <c r="AD563" i="2" s="1"/>
  <c r="AD564" i="2" s="1"/>
  <c r="AD565" i="2" s="1"/>
  <c r="AD566" i="2" s="1"/>
  <c r="AD567" i="2" s="1"/>
  <c r="AD568" i="2" s="1"/>
  <c r="AD569" i="2" s="1"/>
  <c r="AD570" i="2" s="1"/>
  <c r="AD571" i="2" s="1"/>
  <c r="AD572" i="2" s="1"/>
  <c r="AD573" i="2" s="1"/>
  <c r="AD574" i="2" s="1"/>
  <c r="AD575" i="2" s="1"/>
  <c r="AD576" i="2" s="1"/>
  <c r="AD577" i="2" s="1"/>
  <c r="AD578" i="2" s="1"/>
  <c r="AD579" i="2" s="1"/>
  <c r="AD580" i="2" s="1"/>
  <c r="AD581" i="2" s="1"/>
  <c r="AD582" i="2" s="1"/>
  <c r="AD583" i="2" s="1"/>
  <c r="AD584" i="2" s="1"/>
  <c r="AD585" i="2" s="1"/>
  <c r="AD586" i="2" s="1"/>
  <c r="AD587" i="2" s="1"/>
  <c r="AD588" i="2" s="1"/>
  <c r="AD589" i="2" s="1"/>
  <c r="AD590" i="2" s="1"/>
  <c r="AD591" i="2" s="1"/>
  <c r="AD592" i="2" s="1"/>
  <c r="AD593" i="2" s="1"/>
  <c r="AD594" i="2" s="1"/>
  <c r="AD595" i="2" s="1"/>
  <c r="AD596" i="2" s="1"/>
  <c r="AD597" i="2" s="1"/>
  <c r="AD598" i="2" s="1"/>
  <c r="AD599" i="2" s="1"/>
  <c r="AD600" i="2" s="1"/>
  <c r="AD601" i="2" s="1"/>
  <c r="AD602" i="2" s="1"/>
  <c r="AD603" i="2" s="1"/>
  <c r="AD604" i="2" s="1"/>
  <c r="AD605" i="2" s="1"/>
  <c r="AD606" i="2" s="1"/>
  <c r="AD607" i="2" s="1"/>
  <c r="AD608" i="2" s="1"/>
  <c r="AD609" i="2" s="1"/>
  <c r="AD610" i="2" s="1"/>
  <c r="AD611" i="2" s="1"/>
  <c r="AD612" i="2" s="1"/>
  <c r="AD613" i="2" s="1"/>
  <c r="AD614" i="2" s="1"/>
  <c r="AD615" i="2" s="1"/>
  <c r="AD616" i="2" s="1"/>
  <c r="AD617" i="2" s="1"/>
  <c r="AD618" i="2" s="1"/>
  <c r="AD619" i="2" s="1"/>
  <c r="AD620" i="2" s="1"/>
  <c r="AD621" i="2" s="1"/>
  <c r="AD622" i="2" s="1"/>
  <c r="AD623" i="2" s="1"/>
  <c r="AD624" i="2" s="1"/>
  <c r="AD625" i="2" s="1"/>
  <c r="AD626" i="2" s="1"/>
  <c r="AD627" i="2" s="1"/>
  <c r="AD628" i="2" s="1"/>
  <c r="AD629" i="2" s="1"/>
  <c r="AD630" i="2" s="1"/>
  <c r="AD631" i="2" s="1"/>
  <c r="AD632" i="2" s="1"/>
  <c r="AD633" i="2" s="1"/>
  <c r="AD634" i="2" s="1"/>
  <c r="AD635" i="2" s="1"/>
  <c r="AD636" i="2" s="1"/>
  <c r="AB4" i="2"/>
  <c r="AB5" i="2" s="1"/>
  <c r="AG4" i="2"/>
  <c r="AG3" i="2"/>
  <c r="AE3" i="2"/>
  <c r="B829" i="1"/>
  <c r="B830" i="1"/>
  <c r="B831" i="1"/>
  <c r="B832" i="1"/>
  <c r="B833" i="1"/>
  <c r="B834" i="1"/>
  <c r="B835" i="1"/>
  <c r="B836" i="1"/>
  <c r="B837" i="1"/>
  <c r="B838" i="1"/>
  <c r="B839" i="1"/>
  <c r="B840" i="1"/>
  <c r="B841" i="1"/>
  <c r="B842" i="1"/>
  <c r="B843" i="1"/>
  <c r="B844" i="1"/>
  <c r="B845" i="1"/>
  <c r="B846" i="1"/>
  <c r="B847" i="1"/>
  <c r="B848" i="1"/>
  <c r="B849" i="1"/>
  <c r="B850" i="1"/>
  <c r="B851" i="1"/>
  <c r="B852" i="1"/>
  <c r="B853" i="1"/>
  <c r="B854" i="1"/>
  <c r="B855" i="1"/>
  <c r="B856" i="1"/>
  <c r="B857" i="1"/>
  <c r="B858" i="1"/>
  <c r="B859" i="1"/>
  <c r="B860" i="1"/>
  <c r="B861" i="1"/>
  <c r="B862" i="1"/>
  <c r="B863" i="1"/>
  <c r="B864" i="1"/>
  <c r="B865" i="1"/>
  <c r="B866" i="1"/>
  <c r="B867" i="1"/>
  <c r="B868" i="1"/>
  <c r="B869" i="1"/>
  <c r="B870" i="1"/>
  <c r="B871" i="1"/>
  <c r="B872" i="1"/>
  <c r="B873" i="1"/>
  <c r="B874" i="1"/>
  <c r="B875" i="1"/>
  <c r="B876" i="1"/>
  <c r="B877" i="1"/>
  <c r="B878" i="1"/>
  <c r="B879" i="1"/>
  <c r="B880" i="1"/>
  <c r="B881" i="1"/>
  <c r="B882" i="1"/>
  <c r="B883" i="1"/>
  <c r="B884" i="1"/>
  <c r="B885" i="1"/>
  <c r="B886" i="1"/>
  <c r="B887" i="1"/>
  <c r="B888" i="1"/>
  <c r="B889" i="1"/>
  <c r="B890" i="1"/>
  <c r="B891" i="1"/>
  <c r="B892" i="1"/>
  <c r="B893" i="1"/>
  <c r="B894" i="1"/>
  <c r="B895" i="1"/>
  <c r="B896" i="1"/>
  <c r="B897" i="1"/>
  <c r="B898" i="1"/>
  <c r="B899" i="1"/>
  <c r="B900" i="1"/>
  <c r="B901" i="1"/>
  <c r="B902" i="1"/>
  <c r="B903" i="1"/>
  <c r="B904" i="1"/>
  <c r="B905" i="1"/>
  <c r="B906" i="1"/>
  <c r="B907" i="1"/>
  <c r="B908" i="1"/>
  <c r="B909" i="1"/>
  <c r="B910" i="1"/>
  <c r="B911" i="1"/>
  <c r="B912" i="1"/>
  <c r="B913" i="1"/>
  <c r="B914" i="1"/>
  <c r="B915" i="1"/>
  <c r="B916" i="1"/>
  <c r="B917" i="1"/>
  <c r="B918" i="1"/>
  <c r="B919" i="1"/>
  <c r="B920" i="1"/>
  <c r="B921" i="1"/>
  <c r="B922" i="1"/>
  <c r="B923" i="1"/>
  <c r="B924" i="1"/>
  <c r="B925" i="1"/>
  <c r="B926" i="1"/>
  <c r="B927" i="1"/>
  <c r="B928" i="1"/>
  <c r="B929" i="1"/>
  <c r="B930" i="1"/>
  <c r="B931" i="1"/>
  <c r="B932" i="1"/>
  <c r="B933" i="1"/>
  <c r="B934" i="1"/>
  <c r="B935" i="1"/>
  <c r="B936" i="1"/>
  <c r="B937" i="1"/>
  <c r="B938" i="1"/>
  <c r="B939" i="1"/>
  <c r="B940" i="1"/>
  <c r="B941" i="1"/>
  <c r="B942" i="1"/>
  <c r="B943" i="1"/>
  <c r="B944" i="1"/>
  <c r="B945" i="1"/>
  <c r="B946" i="1"/>
  <c r="B947" i="1"/>
  <c r="B948" i="1"/>
  <c r="B949" i="1"/>
  <c r="B950" i="1"/>
  <c r="B951" i="1"/>
  <c r="B952" i="1"/>
  <c r="B953" i="1"/>
  <c r="B954" i="1"/>
  <c r="B955" i="1"/>
  <c r="B956" i="1"/>
  <c r="B957" i="1"/>
  <c r="B958" i="1"/>
  <c r="B959" i="1"/>
  <c r="B960" i="1"/>
  <c r="B961" i="1"/>
  <c r="B962" i="1"/>
  <c r="B963" i="1"/>
  <c r="B964" i="1"/>
  <c r="B965" i="1"/>
  <c r="B966" i="1"/>
  <c r="B967" i="1"/>
  <c r="B968" i="1"/>
  <c r="B969" i="1"/>
  <c r="B970" i="1"/>
  <c r="B971" i="1"/>
  <c r="B972" i="1"/>
  <c r="B973" i="1"/>
  <c r="B974" i="1"/>
  <c r="B975" i="1"/>
  <c r="B976" i="1"/>
  <c r="B977" i="1"/>
  <c r="B978" i="1"/>
  <c r="B979" i="1"/>
  <c r="B980" i="1"/>
  <c r="B981" i="1"/>
  <c r="B982" i="1"/>
  <c r="B983" i="1"/>
  <c r="B984" i="1"/>
  <c r="B985" i="1"/>
  <c r="B986" i="1"/>
  <c r="B987" i="1"/>
  <c r="B988" i="1"/>
  <c r="B989" i="1"/>
  <c r="B990" i="1"/>
  <c r="B991" i="1"/>
  <c r="B992" i="1"/>
  <c r="B993" i="1"/>
  <c r="B994" i="1"/>
  <c r="B995" i="1"/>
  <c r="B996" i="1"/>
  <c r="B997" i="1"/>
  <c r="B998" i="1"/>
  <c r="B999" i="1"/>
  <c r="B1000" i="1"/>
  <c r="B1001" i="1"/>
  <c r="B1002" i="1"/>
  <c r="B1003" i="1"/>
  <c r="B1004" i="1"/>
  <c r="B1005" i="1"/>
  <c r="B1006" i="1"/>
  <c r="B1007" i="1"/>
  <c r="B1008" i="1"/>
  <c r="B1009" i="1"/>
  <c r="B1010" i="1"/>
  <c r="B1011" i="1"/>
  <c r="B1012" i="1"/>
  <c r="B1013" i="1"/>
  <c r="B1014" i="1"/>
  <c r="B1015" i="1"/>
  <c r="B1016" i="1"/>
  <c r="B1017" i="1"/>
  <c r="B1018" i="1"/>
  <c r="B1019" i="1"/>
  <c r="B1020" i="1"/>
  <c r="B1021" i="1"/>
  <c r="B1022" i="1"/>
  <c r="B1023" i="1"/>
  <c r="B1024" i="1"/>
  <c r="B1025" i="1"/>
  <c r="B1026" i="1"/>
  <c r="B1027" i="1"/>
  <c r="B1028" i="1"/>
  <c r="B1029" i="1"/>
  <c r="B1030" i="1"/>
  <c r="B1031" i="1"/>
  <c r="B1032" i="1"/>
  <c r="B1033" i="1"/>
  <c r="B1034" i="1"/>
  <c r="B1035" i="1"/>
  <c r="B1036" i="1"/>
  <c r="B1037" i="1"/>
  <c r="B1038" i="1"/>
  <c r="B1039" i="1"/>
  <c r="B1040" i="1"/>
  <c r="B1041" i="1"/>
  <c r="B1042" i="1"/>
  <c r="B1043" i="1"/>
  <c r="B1044" i="1"/>
  <c r="B1045" i="1"/>
  <c r="B1046" i="1"/>
  <c r="B1047" i="1"/>
  <c r="B1048" i="1"/>
  <c r="B1049" i="1"/>
  <c r="B1050" i="1"/>
  <c r="B1051" i="1"/>
  <c r="B1052" i="1"/>
  <c r="B1053" i="1"/>
  <c r="B1054" i="1"/>
  <c r="B1055" i="1"/>
  <c r="B1056" i="1"/>
  <c r="B1057" i="1"/>
  <c r="B1058" i="1"/>
  <c r="B1059" i="1"/>
  <c r="B1060" i="1"/>
  <c r="B1061" i="1"/>
  <c r="B1062" i="1"/>
  <c r="B1063" i="1"/>
  <c r="B1064" i="1"/>
  <c r="B1065" i="1"/>
  <c r="B1066" i="1"/>
  <c r="B1067" i="1"/>
  <c r="B1068" i="1"/>
  <c r="B1069" i="1"/>
  <c r="B1070" i="1"/>
  <c r="B1071" i="1"/>
  <c r="B1072" i="1"/>
  <c r="B1073" i="1"/>
  <c r="B1074" i="1"/>
  <c r="B1075" i="1"/>
  <c r="B1076" i="1"/>
  <c r="B1077" i="1"/>
  <c r="B1078" i="1"/>
  <c r="B1079" i="1"/>
  <c r="B1080" i="1"/>
  <c r="B1081" i="1"/>
  <c r="B1082" i="1"/>
  <c r="B1083" i="1"/>
  <c r="B1084" i="1"/>
  <c r="B1085" i="1"/>
  <c r="B1086" i="1"/>
  <c r="B1087" i="1"/>
  <c r="B1088" i="1"/>
  <c r="B1089" i="1"/>
  <c r="B1090" i="1"/>
  <c r="B1091" i="1"/>
  <c r="B1092" i="1"/>
  <c r="B1093" i="1"/>
  <c r="B1094" i="1"/>
  <c r="B1095" i="1"/>
  <c r="B1096" i="1"/>
  <c r="B1097" i="1"/>
  <c r="B1098" i="1"/>
  <c r="B1099" i="1"/>
  <c r="B1100" i="1"/>
  <c r="B1101" i="1"/>
  <c r="B1102" i="1"/>
  <c r="B1103" i="1"/>
  <c r="B1104" i="1"/>
  <c r="B1105" i="1"/>
  <c r="B1106" i="1"/>
  <c r="B1107" i="1"/>
  <c r="B1108" i="1"/>
  <c r="B1109" i="1"/>
  <c r="B1110" i="1"/>
  <c r="B1111" i="1"/>
  <c r="B1112" i="1"/>
  <c r="B1113" i="1"/>
  <c r="B1114" i="1"/>
  <c r="B1115" i="1"/>
  <c r="B1116" i="1"/>
  <c r="B1117" i="1"/>
  <c r="B1118" i="1"/>
  <c r="B1119" i="1"/>
  <c r="B1120" i="1"/>
  <c r="B1121" i="1"/>
  <c r="B1122" i="1"/>
  <c r="B1123" i="1"/>
  <c r="B1124" i="1"/>
  <c r="B1125" i="1"/>
  <c r="B1126" i="1"/>
  <c r="B1127" i="1"/>
  <c r="B1128" i="1"/>
  <c r="B1129" i="1"/>
  <c r="B1130" i="1"/>
  <c r="B1131" i="1"/>
  <c r="B1132" i="1"/>
  <c r="B1133" i="1"/>
  <c r="B1134" i="1"/>
  <c r="B1135" i="1"/>
  <c r="B1136" i="1"/>
  <c r="B1137" i="1"/>
  <c r="B1138" i="1"/>
  <c r="B1139" i="1"/>
  <c r="B1140" i="1"/>
  <c r="B1141" i="1"/>
  <c r="B1142" i="1"/>
  <c r="B1143" i="1"/>
  <c r="B1144" i="1"/>
  <c r="B1145" i="1"/>
  <c r="B1146" i="1"/>
  <c r="B1147" i="1"/>
  <c r="B1148" i="1"/>
  <c r="B1149" i="1"/>
  <c r="B1150" i="1"/>
  <c r="B1151" i="1"/>
  <c r="B1152" i="1"/>
  <c r="B1153" i="1"/>
  <c r="B1154" i="1"/>
  <c r="B1155" i="1"/>
  <c r="B1156" i="1"/>
  <c r="B1157" i="1"/>
  <c r="B1158" i="1"/>
  <c r="B1159" i="1"/>
  <c r="B1160" i="1"/>
  <c r="B1161" i="1"/>
  <c r="B1162" i="1"/>
  <c r="B1163" i="1"/>
  <c r="B1164" i="1"/>
  <c r="B1165" i="1"/>
  <c r="B1166" i="1"/>
  <c r="B1167" i="1"/>
  <c r="B1168" i="1"/>
  <c r="B1169" i="1"/>
  <c r="B1170" i="1"/>
  <c r="B1171" i="1"/>
  <c r="B1172" i="1"/>
  <c r="B1173" i="1"/>
  <c r="B1174" i="1"/>
  <c r="B1175" i="1"/>
  <c r="B1176" i="1"/>
  <c r="B1177" i="1"/>
  <c r="B1178" i="1"/>
  <c r="B1179" i="1"/>
  <c r="B1180" i="1"/>
  <c r="B1181" i="1"/>
  <c r="B1182" i="1"/>
  <c r="B1183" i="1"/>
  <c r="B1184" i="1"/>
  <c r="B1185" i="1"/>
  <c r="B1186" i="1"/>
  <c r="B1187" i="1"/>
  <c r="B1188" i="1"/>
  <c r="B1189" i="1"/>
  <c r="B1190" i="1"/>
  <c r="B1191" i="1"/>
  <c r="B1192" i="1"/>
  <c r="B1193" i="1"/>
  <c r="B1194" i="1"/>
  <c r="B1195" i="1"/>
  <c r="B1196" i="1"/>
  <c r="B547" i="1"/>
  <c r="B548" i="1"/>
  <c r="B549" i="1"/>
  <c r="B550" i="1"/>
  <c r="B551" i="1"/>
  <c r="B552" i="1"/>
  <c r="B553" i="1"/>
  <c r="B554" i="1"/>
  <c r="B555" i="1"/>
  <c r="B556" i="1"/>
  <c r="B557" i="1"/>
  <c r="B558" i="1"/>
  <c r="B559" i="1"/>
  <c r="B560" i="1"/>
  <c r="B561" i="1"/>
  <c r="B562" i="1"/>
  <c r="B563" i="1"/>
  <c r="B564" i="1"/>
  <c r="B565" i="1"/>
  <c r="B566" i="1"/>
  <c r="B567" i="1"/>
  <c r="B568" i="1"/>
  <c r="B569" i="1"/>
  <c r="B570" i="1"/>
  <c r="B571" i="1"/>
  <c r="B572" i="1"/>
  <c r="B573" i="1"/>
  <c r="B574" i="1"/>
  <c r="B575" i="1"/>
  <c r="B576" i="1"/>
  <c r="B577" i="1"/>
  <c r="B578" i="1"/>
  <c r="B579" i="1"/>
  <c r="B580" i="1"/>
  <c r="B581" i="1"/>
  <c r="B582" i="1"/>
  <c r="B583" i="1"/>
  <c r="B584" i="1"/>
  <c r="B585" i="1"/>
  <c r="B586" i="1"/>
  <c r="B587" i="1"/>
  <c r="B588" i="1"/>
  <c r="B589" i="1"/>
  <c r="B590" i="1"/>
  <c r="B591" i="1"/>
  <c r="B592" i="1"/>
  <c r="B593" i="1"/>
  <c r="B594" i="1"/>
  <c r="B595" i="1"/>
  <c r="B596" i="1"/>
  <c r="B597" i="1"/>
  <c r="B598" i="1"/>
  <c r="B599" i="1"/>
  <c r="B600" i="1"/>
  <c r="B601" i="1"/>
  <c r="B602" i="1"/>
  <c r="B603" i="1"/>
  <c r="B604" i="1"/>
  <c r="B605" i="1"/>
  <c r="B606" i="1"/>
  <c r="B607" i="1"/>
  <c r="B608" i="1"/>
  <c r="B609" i="1"/>
  <c r="B610" i="1"/>
  <c r="B611" i="1"/>
  <c r="B612" i="1"/>
  <c r="B613" i="1"/>
  <c r="B614" i="1"/>
  <c r="B615" i="1"/>
  <c r="B616" i="1"/>
  <c r="B617" i="1"/>
  <c r="B618" i="1"/>
  <c r="B619" i="1"/>
  <c r="B620" i="1"/>
  <c r="B621" i="1"/>
  <c r="B622" i="1"/>
  <c r="B623" i="1"/>
  <c r="B624" i="1"/>
  <c r="B625" i="1"/>
  <c r="B626" i="1"/>
  <c r="B627" i="1"/>
  <c r="B628" i="1"/>
  <c r="B629" i="1"/>
  <c r="B630" i="1"/>
  <c r="B631" i="1"/>
  <c r="B632" i="1"/>
  <c r="B633" i="1"/>
  <c r="B634" i="1"/>
  <c r="B635" i="1"/>
  <c r="B636" i="1"/>
  <c r="B637" i="1"/>
  <c r="B638" i="1"/>
  <c r="B639" i="1"/>
  <c r="B640" i="1"/>
  <c r="B641" i="1"/>
  <c r="B642" i="1"/>
  <c r="B643" i="1"/>
  <c r="B644" i="1"/>
  <c r="B645" i="1"/>
  <c r="B646" i="1"/>
  <c r="B647" i="1"/>
  <c r="B648" i="1"/>
  <c r="B649" i="1"/>
  <c r="B650" i="1"/>
  <c r="B651" i="1"/>
  <c r="B652" i="1"/>
  <c r="B653" i="1"/>
  <c r="B654" i="1"/>
  <c r="B655" i="1"/>
  <c r="B656" i="1"/>
  <c r="B657" i="1"/>
  <c r="B658" i="1"/>
  <c r="B659" i="1"/>
  <c r="B660" i="1"/>
  <c r="B661" i="1"/>
  <c r="B662" i="1"/>
  <c r="B663" i="1"/>
  <c r="B664" i="1"/>
  <c r="B665" i="1"/>
  <c r="B666" i="1"/>
  <c r="B667" i="1"/>
  <c r="B668" i="1"/>
  <c r="B669" i="1"/>
  <c r="B670" i="1"/>
  <c r="B671" i="1"/>
  <c r="B672" i="1"/>
  <c r="B673" i="1"/>
  <c r="B674" i="1"/>
  <c r="B675" i="1"/>
  <c r="B676" i="1"/>
  <c r="B677" i="1"/>
  <c r="B678" i="1"/>
  <c r="B679" i="1"/>
  <c r="B680" i="1"/>
  <c r="B681" i="1"/>
  <c r="B682" i="1"/>
  <c r="B683" i="1"/>
  <c r="B684" i="1"/>
  <c r="B685" i="1"/>
  <c r="B686" i="1"/>
  <c r="B687" i="1"/>
  <c r="B688" i="1"/>
  <c r="B689" i="1"/>
  <c r="B690" i="1"/>
  <c r="B691" i="1"/>
  <c r="B692" i="1"/>
  <c r="B693" i="1"/>
  <c r="B694" i="1"/>
  <c r="B695" i="1"/>
  <c r="B696" i="1"/>
  <c r="B697" i="1"/>
  <c r="B698" i="1"/>
  <c r="B699" i="1"/>
  <c r="B700" i="1"/>
  <c r="B701" i="1"/>
  <c r="B702" i="1"/>
  <c r="B703" i="1"/>
  <c r="B704" i="1"/>
  <c r="B705" i="1"/>
  <c r="B706" i="1"/>
  <c r="B707" i="1"/>
  <c r="B708" i="1"/>
  <c r="B709" i="1"/>
  <c r="B710" i="1"/>
  <c r="B711" i="1"/>
  <c r="B712" i="1"/>
  <c r="B713" i="1"/>
  <c r="B714" i="1"/>
  <c r="B715" i="1"/>
  <c r="B716" i="1"/>
  <c r="B717" i="1"/>
  <c r="B718" i="1"/>
  <c r="B719" i="1"/>
  <c r="B720" i="1"/>
  <c r="B721" i="1"/>
  <c r="B722" i="1"/>
  <c r="B723" i="1"/>
  <c r="B724" i="1"/>
  <c r="B725" i="1"/>
  <c r="B726" i="1"/>
  <c r="B727" i="1"/>
  <c r="B728" i="1"/>
  <c r="B729" i="1"/>
  <c r="B730" i="1"/>
  <c r="B731" i="1"/>
  <c r="B732" i="1"/>
  <c r="B733" i="1"/>
  <c r="B734" i="1"/>
  <c r="B735" i="1"/>
  <c r="B736" i="1"/>
  <c r="B737" i="1"/>
  <c r="B738" i="1"/>
  <c r="B739" i="1"/>
  <c r="B740" i="1"/>
  <c r="B741" i="1"/>
  <c r="B742" i="1"/>
  <c r="B743" i="1"/>
  <c r="B744" i="1"/>
  <c r="B745" i="1"/>
  <c r="B746" i="1"/>
  <c r="B747" i="1"/>
  <c r="B748" i="1"/>
  <c r="B749" i="1"/>
  <c r="B750" i="1"/>
  <c r="B751" i="1"/>
  <c r="B752" i="1"/>
  <c r="B753" i="1"/>
  <c r="B754" i="1"/>
  <c r="B755" i="1"/>
  <c r="B756" i="1"/>
  <c r="B757" i="1"/>
  <c r="B758" i="1"/>
  <c r="B759" i="1"/>
  <c r="B760" i="1"/>
  <c r="B761" i="1"/>
  <c r="B762" i="1"/>
  <c r="B763" i="1"/>
  <c r="B764" i="1"/>
  <c r="B765" i="1"/>
  <c r="B766" i="1"/>
  <c r="B767" i="1"/>
  <c r="B768" i="1"/>
  <c r="B769" i="1"/>
  <c r="B770" i="1"/>
  <c r="B771" i="1"/>
  <c r="B772" i="1"/>
  <c r="B773" i="1"/>
  <c r="B774" i="1"/>
  <c r="B775" i="1"/>
  <c r="B776" i="1"/>
  <c r="B777" i="1"/>
  <c r="B778" i="1"/>
  <c r="B779" i="1"/>
  <c r="B780" i="1"/>
  <c r="B781" i="1"/>
  <c r="B782" i="1"/>
  <c r="B783" i="1"/>
  <c r="B784" i="1"/>
  <c r="B785" i="1"/>
  <c r="B786" i="1"/>
  <c r="B787" i="1"/>
  <c r="B788" i="1"/>
  <c r="B789" i="1"/>
  <c r="B790" i="1"/>
  <c r="B791" i="1"/>
  <c r="B792" i="1"/>
  <c r="B793" i="1"/>
  <c r="B794" i="1"/>
  <c r="B795" i="1"/>
  <c r="B796" i="1"/>
  <c r="B797" i="1"/>
  <c r="B798" i="1"/>
  <c r="B799" i="1"/>
  <c r="B800" i="1"/>
  <c r="B801" i="1"/>
  <c r="B802" i="1"/>
  <c r="B803" i="1"/>
  <c r="B804" i="1"/>
  <c r="B805" i="1"/>
  <c r="B806" i="1"/>
  <c r="B807" i="1"/>
  <c r="B808" i="1"/>
  <c r="B809" i="1"/>
  <c r="B810" i="1"/>
  <c r="B811" i="1"/>
  <c r="B812" i="1"/>
  <c r="B813" i="1"/>
  <c r="B814" i="1"/>
  <c r="B815" i="1"/>
  <c r="B816" i="1"/>
  <c r="B817" i="1"/>
  <c r="B818" i="1"/>
  <c r="B819" i="1"/>
  <c r="B820" i="1"/>
  <c r="B821" i="1"/>
  <c r="B822" i="1"/>
  <c r="B823" i="1"/>
  <c r="B824" i="1"/>
  <c r="B825" i="1"/>
  <c r="B826" i="1"/>
  <c r="B827" i="1"/>
  <c r="B828" i="1"/>
  <c r="B502" i="1"/>
  <c r="B503" i="1"/>
  <c r="B504" i="1"/>
  <c r="B505" i="1"/>
  <c r="B506" i="1"/>
  <c r="B507" i="1"/>
  <c r="B508" i="1"/>
  <c r="B509" i="1"/>
  <c r="B510" i="1"/>
  <c r="B511" i="1"/>
  <c r="B512" i="1"/>
  <c r="B513" i="1"/>
  <c r="B514" i="1"/>
  <c r="B515" i="1"/>
  <c r="B516" i="1"/>
  <c r="B517" i="1"/>
  <c r="B518" i="1"/>
  <c r="B519" i="1"/>
  <c r="B520" i="1"/>
  <c r="B521" i="1"/>
  <c r="B522" i="1"/>
  <c r="B523" i="1"/>
  <c r="B524" i="1"/>
  <c r="B525" i="1"/>
  <c r="B526" i="1"/>
  <c r="B527" i="1"/>
  <c r="B528" i="1"/>
  <c r="B529" i="1"/>
  <c r="B530" i="1"/>
  <c r="B531" i="1"/>
  <c r="B532" i="1"/>
  <c r="B533" i="1"/>
  <c r="B534" i="1"/>
  <c r="B535" i="1"/>
  <c r="B536" i="1"/>
  <c r="B537" i="1"/>
  <c r="B538" i="1"/>
  <c r="B539" i="1"/>
  <c r="B540" i="1"/>
  <c r="B541" i="1"/>
  <c r="B542" i="1"/>
  <c r="B543" i="1"/>
  <c r="B544" i="1"/>
  <c r="B545" i="1"/>
  <c r="B546" i="1"/>
  <c r="B226" i="1"/>
  <c r="B227" i="1"/>
  <c r="B228" i="1"/>
  <c r="B229" i="1"/>
  <c r="B230" i="1"/>
  <c r="B231" i="1"/>
  <c r="B232" i="1"/>
  <c r="B233" i="1"/>
  <c r="B234" i="1"/>
  <c r="B235" i="1"/>
  <c r="B236" i="1"/>
  <c r="B237" i="1"/>
  <c r="B238" i="1"/>
  <c r="B239" i="1"/>
  <c r="B240" i="1"/>
  <c r="B241" i="1"/>
  <c r="B242" i="1"/>
  <c r="B243" i="1"/>
  <c r="B244" i="1"/>
  <c r="B245" i="1"/>
  <c r="B246" i="1"/>
  <c r="B247" i="1"/>
  <c r="B248" i="1"/>
  <c r="B249" i="1"/>
  <c r="B250" i="1"/>
  <c r="B251" i="1"/>
  <c r="B252" i="1"/>
  <c r="B253" i="1"/>
  <c r="B254" i="1"/>
  <c r="B255" i="1"/>
  <c r="B256" i="1"/>
  <c r="B257" i="1"/>
  <c r="B258" i="1"/>
  <c r="B259" i="1"/>
  <c r="B260" i="1"/>
  <c r="B261" i="1"/>
  <c r="B262" i="1"/>
  <c r="B263" i="1"/>
  <c r="B264" i="1"/>
  <c r="B265" i="1"/>
  <c r="B266" i="1"/>
  <c r="B267" i="1"/>
  <c r="B268" i="1"/>
  <c r="B269" i="1"/>
  <c r="B270" i="1"/>
  <c r="B271" i="1"/>
  <c r="B272" i="1"/>
  <c r="B273" i="1"/>
  <c r="B274" i="1"/>
  <c r="B275" i="1"/>
  <c r="B276" i="1"/>
  <c r="B277" i="1"/>
  <c r="B278" i="1"/>
  <c r="B279" i="1"/>
  <c r="B280" i="1"/>
  <c r="B281" i="1"/>
  <c r="B282" i="1"/>
  <c r="B283" i="1"/>
  <c r="B284" i="1"/>
  <c r="B285" i="1"/>
  <c r="B286" i="1"/>
  <c r="B287" i="1"/>
  <c r="B288" i="1"/>
  <c r="B289" i="1"/>
  <c r="B290" i="1"/>
  <c r="B291" i="1"/>
  <c r="B292" i="1"/>
  <c r="B293" i="1"/>
  <c r="B294" i="1"/>
  <c r="B295" i="1"/>
  <c r="B296" i="1"/>
  <c r="B297" i="1"/>
  <c r="B298" i="1"/>
  <c r="B299" i="1"/>
  <c r="B300" i="1"/>
  <c r="B301" i="1"/>
  <c r="B302" i="1"/>
  <c r="B303" i="1"/>
  <c r="B304" i="1"/>
  <c r="B305" i="1"/>
  <c r="B306" i="1"/>
  <c r="B307" i="1"/>
  <c r="B308" i="1"/>
  <c r="B309" i="1"/>
  <c r="B310" i="1"/>
  <c r="B311" i="1"/>
  <c r="B312" i="1"/>
  <c r="B313" i="1"/>
  <c r="B314" i="1"/>
  <c r="B315" i="1"/>
  <c r="B316" i="1"/>
  <c r="B317" i="1"/>
  <c r="B318" i="1"/>
  <c r="B319" i="1"/>
  <c r="B320" i="1"/>
  <c r="B321" i="1"/>
  <c r="B322" i="1"/>
  <c r="B323" i="1"/>
  <c r="B324" i="1"/>
  <c r="B325" i="1"/>
  <c r="B326" i="1"/>
  <c r="B327" i="1"/>
  <c r="B328" i="1"/>
  <c r="B329" i="1"/>
  <c r="B330" i="1"/>
  <c r="B331" i="1"/>
  <c r="B332" i="1"/>
  <c r="B333" i="1"/>
  <c r="B334" i="1"/>
  <c r="B335" i="1"/>
  <c r="B336" i="1"/>
  <c r="B337" i="1"/>
  <c r="B338" i="1"/>
  <c r="B339" i="1"/>
  <c r="B340" i="1"/>
  <c r="B341" i="1"/>
  <c r="B342" i="1"/>
  <c r="B343" i="1"/>
  <c r="B344" i="1"/>
  <c r="B345" i="1"/>
  <c r="B346" i="1"/>
  <c r="B347" i="1"/>
  <c r="B348" i="1"/>
  <c r="B349" i="1"/>
  <c r="B350" i="1"/>
  <c r="B351" i="1"/>
  <c r="B352" i="1"/>
  <c r="B353" i="1"/>
  <c r="B354" i="1"/>
  <c r="B355" i="1"/>
  <c r="B356" i="1"/>
  <c r="B357" i="1"/>
  <c r="B358" i="1"/>
  <c r="B359" i="1"/>
  <c r="B360" i="1"/>
  <c r="B361" i="1"/>
  <c r="B362" i="1"/>
  <c r="B363" i="1"/>
  <c r="B364" i="1"/>
  <c r="B365" i="1"/>
  <c r="B366" i="1"/>
  <c r="B367" i="1"/>
  <c r="B368" i="1"/>
  <c r="B369" i="1"/>
  <c r="B370" i="1"/>
  <c r="B371" i="1"/>
  <c r="B372" i="1"/>
  <c r="B373" i="1"/>
  <c r="B374" i="1"/>
  <c r="B375" i="1"/>
  <c r="B376" i="1"/>
  <c r="B377" i="1"/>
  <c r="B378" i="1"/>
  <c r="B379" i="1"/>
  <c r="B380" i="1"/>
  <c r="B381" i="1"/>
  <c r="B382" i="1"/>
  <c r="B383" i="1"/>
  <c r="B384" i="1"/>
  <c r="B385" i="1"/>
  <c r="B386" i="1"/>
  <c r="B387" i="1"/>
  <c r="B388" i="1"/>
  <c r="B389" i="1"/>
  <c r="B390" i="1"/>
  <c r="B391" i="1"/>
  <c r="B392" i="1"/>
  <c r="B393" i="1"/>
  <c r="B394" i="1"/>
  <c r="B395" i="1"/>
  <c r="B396" i="1"/>
  <c r="B397" i="1"/>
  <c r="B398" i="1"/>
  <c r="B399" i="1"/>
  <c r="B400" i="1"/>
  <c r="B401" i="1"/>
  <c r="B402" i="1"/>
  <c r="B403" i="1"/>
  <c r="B404" i="1"/>
  <c r="B405" i="1"/>
  <c r="B406" i="1"/>
  <c r="B407" i="1"/>
  <c r="B408" i="1"/>
  <c r="B409" i="1"/>
  <c r="B410" i="1"/>
  <c r="B411" i="1"/>
  <c r="B412" i="1"/>
  <c r="B413" i="1"/>
  <c r="B414" i="1"/>
  <c r="B415" i="1"/>
  <c r="B416" i="1"/>
  <c r="B417" i="1"/>
  <c r="B418" i="1"/>
  <c r="B419" i="1"/>
  <c r="B420" i="1"/>
  <c r="B421" i="1"/>
  <c r="B422" i="1"/>
  <c r="B423" i="1"/>
  <c r="B424" i="1"/>
  <c r="B425" i="1"/>
  <c r="B426" i="1"/>
  <c r="B427" i="1"/>
  <c r="B428" i="1"/>
  <c r="B429" i="1"/>
  <c r="B430" i="1"/>
  <c r="B431" i="1"/>
  <c r="B432" i="1"/>
  <c r="B433" i="1"/>
  <c r="B434" i="1"/>
  <c r="B435" i="1"/>
  <c r="B436" i="1"/>
  <c r="B437" i="1"/>
  <c r="B438" i="1"/>
  <c r="B439" i="1"/>
  <c r="B440" i="1"/>
  <c r="B441" i="1"/>
  <c r="B442" i="1"/>
  <c r="B443" i="1"/>
  <c r="B444" i="1"/>
  <c r="B445" i="1"/>
  <c r="B446" i="1"/>
  <c r="B447" i="1"/>
  <c r="B448" i="1"/>
  <c r="B449" i="1"/>
  <c r="B450" i="1"/>
  <c r="B451" i="1"/>
  <c r="B452" i="1"/>
  <c r="B453" i="1"/>
  <c r="B454" i="1"/>
  <c r="B455" i="1"/>
  <c r="B456" i="1"/>
  <c r="B457" i="1"/>
  <c r="B458" i="1"/>
  <c r="B459" i="1"/>
  <c r="B460" i="1"/>
  <c r="B461" i="1"/>
  <c r="B462" i="1"/>
  <c r="B463" i="1"/>
  <c r="B464" i="1"/>
  <c r="B465" i="1"/>
  <c r="B466" i="1"/>
  <c r="B467" i="1"/>
  <c r="B468" i="1"/>
  <c r="B469" i="1"/>
  <c r="B470" i="1"/>
  <c r="B471" i="1"/>
  <c r="B472" i="1"/>
  <c r="B473" i="1"/>
  <c r="B474" i="1"/>
  <c r="B475" i="1"/>
  <c r="B476" i="1"/>
  <c r="B477" i="1"/>
  <c r="B478" i="1"/>
  <c r="B479" i="1"/>
  <c r="B480" i="1"/>
  <c r="B481" i="1"/>
  <c r="B482" i="1"/>
  <c r="B483" i="1"/>
  <c r="B484" i="1"/>
  <c r="B485" i="1"/>
  <c r="B486" i="1"/>
  <c r="B487" i="1"/>
  <c r="B488" i="1"/>
  <c r="B489" i="1"/>
  <c r="B490" i="1"/>
  <c r="B491" i="1"/>
  <c r="B492" i="1"/>
  <c r="B493" i="1"/>
  <c r="B494" i="1"/>
  <c r="B495" i="1"/>
  <c r="B496" i="1"/>
  <c r="B497" i="1"/>
  <c r="B498" i="1"/>
  <c r="B499" i="1"/>
  <c r="B500" i="1"/>
  <c r="B501" i="1"/>
  <c r="B225" i="1"/>
  <c r="B53" i="1"/>
  <c r="B54" i="1"/>
  <c r="B55" i="1"/>
  <c r="B56" i="1"/>
  <c r="B57" i="1"/>
  <c r="B58" i="1"/>
  <c r="B59" i="1"/>
  <c r="B60" i="1"/>
  <c r="B61" i="1"/>
  <c r="B62" i="1"/>
  <c r="B63" i="1"/>
  <c r="B64" i="1"/>
  <c r="B65" i="1"/>
  <c r="B66" i="1"/>
  <c r="B67" i="1"/>
  <c r="B68" i="1"/>
  <c r="B69" i="1"/>
  <c r="B70" i="1"/>
  <c r="B71" i="1"/>
  <c r="B72" i="1"/>
  <c r="B73" i="1"/>
  <c r="B74" i="1"/>
  <c r="B75" i="1"/>
  <c r="B76" i="1"/>
  <c r="B77" i="1"/>
  <c r="B78" i="1"/>
  <c r="B79" i="1"/>
  <c r="B80" i="1"/>
  <c r="B81" i="1"/>
  <c r="B82" i="1"/>
  <c r="B83" i="1"/>
  <c r="B84" i="1"/>
  <c r="B85" i="1"/>
  <c r="B86" i="1"/>
  <c r="B87" i="1"/>
  <c r="B88" i="1"/>
  <c r="B89" i="1"/>
  <c r="B90" i="1"/>
  <c r="B91" i="1"/>
  <c r="B92" i="1"/>
  <c r="B93" i="1"/>
  <c r="B94" i="1"/>
  <c r="B95" i="1"/>
  <c r="B96" i="1"/>
  <c r="B97" i="1"/>
  <c r="B98" i="1"/>
  <c r="B99" i="1"/>
  <c r="B100" i="1"/>
  <c r="B101" i="1"/>
  <c r="B102" i="1"/>
  <c r="B103" i="1"/>
  <c r="B104" i="1"/>
  <c r="B105" i="1"/>
  <c r="B106" i="1"/>
  <c r="B107" i="1"/>
  <c r="B108" i="1"/>
  <c r="B109" i="1"/>
  <c r="B110" i="1"/>
  <c r="B111" i="1"/>
  <c r="B112" i="1"/>
  <c r="B113" i="1"/>
  <c r="B114" i="1"/>
  <c r="B115" i="1"/>
  <c r="B116" i="1"/>
  <c r="B117" i="1"/>
  <c r="B118" i="1"/>
  <c r="B119" i="1"/>
  <c r="B120" i="1"/>
  <c r="B121" i="1"/>
  <c r="B122" i="1"/>
  <c r="B123" i="1"/>
  <c r="B124" i="1"/>
  <c r="B125" i="1"/>
  <c r="B126" i="1"/>
  <c r="B127" i="1"/>
  <c r="B128" i="1"/>
  <c r="B129" i="1"/>
  <c r="B130" i="1"/>
  <c r="B131" i="1"/>
  <c r="B132" i="1"/>
  <c r="B133" i="1"/>
  <c r="B134" i="1"/>
  <c r="B135" i="1"/>
  <c r="B136" i="1"/>
  <c r="B137" i="1"/>
  <c r="B138" i="1"/>
  <c r="B139" i="1"/>
  <c r="B140" i="1"/>
  <c r="B141" i="1"/>
  <c r="B142" i="1"/>
  <c r="B143" i="1"/>
  <c r="B144" i="1"/>
  <c r="B145" i="1"/>
  <c r="B146" i="1"/>
  <c r="B147" i="1"/>
  <c r="B148" i="1"/>
  <c r="B149" i="1"/>
  <c r="B150" i="1"/>
  <c r="B151" i="1"/>
  <c r="B152" i="1"/>
  <c r="B153" i="1"/>
  <c r="B154" i="1"/>
  <c r="B155" i="1"/>
  <c r="B156" i="1"/>
  <c r="B157" i="1"/>
  <c r="B158" i="1"/>
  <c r="B159" i="1"/>
  <c r="B160" i="1"/>
  <c r="B161" i="1"/>
  <c r="B162" i="1"/>
  <c r="B163" i="1"/>
  <c r="B164" i="1"/>
  <c r="B165" i="1"/>
  <c r="B166" i="1"/>
  <c r="B167" i="1"/>
  <c r="B168" i="1"/>
  <c r="B169" i="1"/>
  <c r="B170" i="1"/>
  <c r="B171" i="1"/>
  <c r="B172" i="1"/>
  <c r="B173" i="1"/>
  <c r="B174" i="1"/>
  <c r="B175" i="1"/>
  <c r="B176" i="1"/>
  <c r="B177" i="1"/>
  <c r="B178" i="1"/>
  <c r="B179" i="1"/>
  <c r="B180" i="1"/>
  <c r="B181" i="1"/>
  <c r="B182" i="1"/>
  <c r="B183" i="1"/>
  <c r="B184" i="1"/>
  <c r="B185" i="1"/>
  <c r="B186" i="1"/>
  <c r="B187" i="1"/>
  <c r="B188" i="1"/>
  <c r="B189" i="1"/>
  <c r="B190" i="1"/>
  <c r="B191" i="1"/>
  <c r="B192" i="1"/>
  <c r="B193" i="1"/>
  <c r="B194" i="1"/>
  <c r="B195" i="1"/>
  <c r="B196" i="1"/>
  <c r="B197" i="1"/>
  <c r="B198" i="1"/>
  <c r="B199" i="1"/>
  <c r="B200" i="1"/>
  <c r="B201" i="1"/>
  <c r="B202" i="1"/>
  <c r="B203" i="1"/>
  <c r="B204" i="1"/>
  <c r="B205" i="1"/>
  <c r="B206" i="1"/>
  <c r="B207" i="1"/>
  <c r="B208" i="1"/>
  <c r="B209" i="1"/>
  <c r="B210" i="1"/>
  <c r="B211" i="1"/>
  <c r="B212" i="1"/>
  <c r="B213" i="1"/>
  <c r="B214" i="1"/>
  <c r="B215" i="1"/>
  <c r="B216" i="1"/>
  <c r="B217" i="1"/>
  <c r="B218" i="1"/>
  <c r="B219" i="1"/>
  <c r="B220" i="1"/>
  <c r="B221" i="1"/>
  <c r="B222" i="1"/>
  <c r="B223" i="1"/>
  <c r="B224" i="1"/>
  <c r="B52" i="1"/>
  <c r="D3" i="1"/>
  <c r="AI3" i="2"/>
  <c r="AI4" i="2"/>
  <c r="AI5" i="2"/>
  <c r="AE4" i="2"/>
  <c r="AE5" i="2"/>
  <c r="AC3" i="2"/>
  <c r="AC4" i="2"/>
  <c r="AC5" i="2"/>
  <c r="B51" i="1"/>
  <c r="B50" i="1"/>
  <c r="B49" i="1"/>
  <c r="B48" i="1"/>
  <c r="B47" i="1"/>
  <c r="B46" i="1"/>
  <c r="B45" i="1"/>
  <c r="B44" i="1"/>
  <c r="B43" i="1"/>
  <c r="B42" i="1"/>
  <c r="B41" i="1"/>
  <c r="B40" i="1"/>
  <c r="B39" i="1"/>
  <c r="B38" i="1"/>
  <c r="B37" i="1"/>
  <c r="B36" i="1"/>
  <c r="B35" i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21" i="1"/>
  <c r="B20" i="1"/>
  <c r="B19" i="1"/>
  <c r="B18" i="1"/>
  <c r="B17" i="1"/>
  <c r="B16" i="1"/>
  <c r="B15" i="1"/>
  <c r="B14" i="1"/>
  <c r="B13" i="1"/>
  <c r="B12" i="1"/>
  <c r="B11" i="1"/>
  <c r="B10" i="1"/>
  <c r="B9" i="1"/>
  <c r="B8" i="1"/>
  <c r="B7" i="1"/>
  <c r="B6" i="1"/>
  <c r="D2" i="1"/>
  <c r="AH419" i="2" l="1"/>
  <c r="AG5" i="2"/>
  <c r="AB6" i="2"/>
  <c r="B1225" i="1"/>
  <c r="B1221" i="1"/>
  <c r="B1201" i="1"/>
  <c r="B1209" i="1"/>
  <c r="B1226" i="1"/>
  <c r="B1222" i="1"/>
  <c r="B1202" i="1"/>
  <c r="B1210" i="1"/>
  <c r="B1227" i="1"/>
  <c r="B1223" i="1"/>
  <c r="B1203" i="1"/>
  <c r="B1211" i="1"/>
  <c r="B1217" i="1"/>
  <c r="B1197" i="1"/>
  <c r="B1205" i="1"/>
  <c r="B1213" i="1"/>
  <c r="B1218" i="1"/>
  <c r="B1198" i="1"/>
  <c r="B1206" i="1"/>
  <c r="B1214" i="1"/>
  <c r="B1219" i="1"/>
  <c r="B1199" i="1"/>
  <c r="B1207" i="1"/>
  <c r="B1215" i="1"/>
  <c r="B1200" i="1"/>
  <c r="B1224" i="1"/>
  <c r="B1220" i="1"/>
  <c r="AH420" i="2" l="1"/>
  <c r="AB7" i="2"/>
  <c r="AG6" i="2"/>
  <c r="AI6" i="2"/>
  <c r="AE6" i="2"/>
  <c r="AC6" i="2"/>
  <c r="AH421" i="2" l="1"/>
  <c r="AG7" i="2"/>
  <c r="AB8" i="2"/>
  <c r="AI7" i="2"/>
  <c r="AE7" i="2"/>
  <c r="AC7" i="2"/>
  <c r="AH422" i="2" l="1"/>
  <c r="AG8" i="2"/>
  <c r="AB9" i="2"/>
  <c r="AI8" i="2"/>
  <c r="AE8" i="2"/>
  <c r="AC8" i="2"/>
  <c r="AH423" i="2" l="1"/>
  <c r="AG9" i="2"/>
  <c r="AB10" i="2"/>
  <c r="AC9" i="2"/>
  <c r="AI9" i="2"/>
  <c r="AE9" i="2"/>
  <c r="AG10" i="2" l="1"/>
  <c r="AB11" i="2"/>
  <c r="AI10" i="2"/>
  <c r="AE10" i="2"/>
  <c r="AC10" i="2"/>
  <c r="AH424" i="2"/>
  <c r="AH425" i="2" l="1"/>
  <c r="AB12" i="2"/>
  <c r="AG11" i="2"/>
  <c r="AI11" i="2"/>
  <c r="AE11" i="2"/>
  <c r="AC11" i="2"/>
  <c r="AH426" i="2" l="1"/>
  <c r="AB13" i="2"/>
  <c r="AG12" i="2"/>
  <c r="AI12" i="2"/>
  <c r="AE12" i="2"/>
  <c r="AC12" i="2"/>
  <c r="AG13" i="2" l="1"/>
  <c r="AB14" i="2"/>
  <c r="AC13" i="2"/>
  <c r="AI13" i="2"/>
  <c r="AE13" i="2"/>
  <c r="AH427" i="2"/>
  <c r="AH428" i="2" l="1"/>
  <c r="AB15" i="2"/>
  <c r="AG14" i="2"/>
  <c r="AI14" i="2"/>
  <c r="AE14" i="2"/>
  <c r="AC14" i="2"/>
  <c r="AG15" i="2" l="1"/>
  <c r="AB16" i="2"/>
  <c r="AI15" i="2"/>
  <c r="AE15" i="2"/>
  <c r="AC15" i="2"/>
  <c r="AH429" i="2"/>
  <c r="AG16" i="2" l="1"/>
  <c r="AB17" i="2"/>
  <c r="AI16" i="2"/>
  <c r="AE16" i="2"/>
  <c r="AC16" i="2"/>
  <c r="AH430" i="2"/>
  <c r="AG17" i="2" l="1"/>
  <c r="AB18" i="2"/>
  <c r="AC17" i="2"/>
  <c r="AI17" i="2"/>
  <c r="AE17" i="2"/>
  <c r="AH431" i="2"/>
  <c r="AG18" i="2" l="1"/>
  <c r="AB19" i="2"/>
  <c r="AI18" i="2"/>
  <c r="AE18" i="2"/>
  <c r="AC18" i="2"/>
  <c r="AH432" i="2"/>
  <c r="AB20" i="2" l="1"/>
  <c r="AG19" i="2"/>
  <c r="AI19" i="2"/>
  <c r="AE19" i="2"/>
  <c r="AC19" i="2"/>
  <c r="AH433" i="2"/>
  <c r="AH434" i="2" l="1"/>
  <c r="AB21" i="2"/>
  <c r="AG20" i="2"/>
  <c r="AI20" i="2"/>
  <c r="AE20" i="2"/>
  <c r="AC20" i="2"/>
  <c r="AG21" i="2" l="1"/>
  <c r="AB22" i="2"/>
  <c r="AC21" i="2"/>
  <c r="AE21" i="2"/>
  <c r="AI21" i="2"/>
  <c r="AH435" i="2"/>
  <c r="AH436" i="2" l="1"/>
  <c r="AB23" i="2"/>
  <c r="AG22" i="2"/>
  <c r="AI22" i="2"/>
  <c r="AE22" i="2"/>
  <c r="AC22" i="2"/>
  <c r="AG23" i="2" l="1"/>
  <c r="AB24" i="2"/>
  <c r="AI23" i="2"/>
  <c r="AE23" i="2"/>
  <c r="AC23" i="2"/>
  <c r="AH437" i="2"/>
  <c r="AG24" i="2" l="1"/>
  <c r="AB25" i="2"/>
  <c r="AI24" i="2"/>
  <c r="AE24" i="2"/>
  <c r="AC24" i="2"/>
  <c r="AH438" i="2"/>
  <c r="AG25" i="2" l="1"/>
  <c r="AB26" i="2"/>
  <c r="AC25" i="2"/>
  <c r="AI25" i="2"/>
  <c r="AE25" i="2"/>
  <c r="AH439" i="2"/>
  <c r="AH440" i="2" l="1"/>
  <c r="AG26" i="2"/>
  <c r="AB27" i="2"/>
  <c r="AI26" i="2"/>
  <c r="AE26" i="2"/>
  <c r="AC26" i="2"/>
  <c r="AB28" i="2" l="1"/>
  <c r="AG27" i="2"/>
  <c r="AI27" i="2"/>
  <c r="AE27" i="2"/>
  <c r="AC27" i="2"/>
  <c r="AH441" i="2"/>
  <c r="AB29" i="2" l="1"/>
  <c r="AG28" i="2"/>
  <c r="AI28" i="2"/>
  <c r="AE28" i="2"/>
  <c r="AC28" i="2"/>
  <c r="AH442" i="2"/>
  <c r="AH443" i="2" l="1"/>
  <c r="AG29" i="2"/>
  <c r="AB30" i="2"/>
  <c r="AC29" i="2"/>
  <c r="AE29" i="2"/>
  <c r="AI29" i="2"/>
  <c r="AH444" i="2" l="1"/>
  <c r="AB31" i="2"/>
  <c r="AG30" i="2"/>
  <c r="AI30" i="2"/>
  <c r="AE30" i="2"/>
  <c r="AC30" i="2"/>
  <c r="AG31" i="2" l="1"/>
  <c r="AB32" i="2"/>
  <c r="AI31" i="2"/>
  <c r="AE31" i="2"/>
  <c r="AC31" i="2"/>
  <c r="AH445" i="2"/>
  <c r="AH446" i="2" l="1"/>
  <c r="AG32" i="2"/>
  <c r="AB33" i="2"/>
  <c r="AI32" i="2"/>
  <c r="AE32" i="2"/>
  <c r="AC32" i="2"/>
  <c r="AG33" i="2" l="1"/>
  <c r="AB34" i="2"/>
  <c r="AC33" i="2"/>
  <c r="AI33" i="2"/>
  <c r="AE33" i="2"/>
  <c r="AH447" i="2"/>
  <c r="AG34" i="2" l="1"/>
  <c r="AB35" i="2"/>
  <c r="AI34" i="2"/>
  <c r="AE34" i="2"/>
  <c r="AC34" i="2"/>
  <c r="AH448" i="2"/>
  <c r="AB36" i="2" l="1"/>
  <c r="AG35" i="2"/>
  <c r="AI35" i="2"/>
  <c r="AE35" i="2"/>
  <c r="AC35" i="2"/>
  <c r="AH449" i="2"/>
  <c r="AB37" i="2" l="1"/>
  <c r="AG36" i="2"/>
  <c r="AI36" i="2"/>
  <c r="AE36" i="2"/>
  <c r="AC36" i="2"/>
  <c r="AH450" i="2"/>
  <c r="AH451" i="2" l="1"/>
  <c r="AG37" i="2"/>
  <c r="AB38" i="2"/>
  <c r="AC37" i="2"/>
  <c r="AI37" i="2"/>
  <c r="AE37" i="2"/>
  <c r="AB39" i="2" l="1"/>
  <c r="AG38" i="2"/>
  <c r="AI38" i="2"/>
  <c r="AE38" i="2"/>
  <c r="AC38" i="2"/>
  <c r="AH452" i="2"/>
  <c r="AH453" i="2" l="1"/>
  <c r="AG39" i="2"/>
  <c r="AB40" i="2"/>
  <c r="AI39" i="2"/>
  <c r="AE39" i="2"/>
  <c r="AC39" i="2"/>
  <c r="AG40" i="2" l="1"/>
  <c r="AB41" i="2"/>
  <c r="AI40" i="2"/>
  <c r="AE40" i="2"/>
  <c r="AC40" i="2"/>
  <c r="AH454" i="2"/>
  <c r="AH455" i="2" l="1"/>
  <c r="AG41" i="2"/>
  <c r="AB42" i="2"/>
  <c r="AC41" i="2"/>
  <c r="AI41" i="2"/>
  <c r="AE41" i="2"/>
  <c r="AH456" i="2" l="1"/>
  <c r="AG42" i="2"/>
  <c r="AB43" i="2"/>
  <c r="AI42" i="2"/>
  <c r="AE42" i="2"/>
  <c r="AC42" i="2"/>
  <c r="AB44" i="2" l="1"/>
  <c r="AG43" i="2"/>
  <c r="AI43" i="2"/>
  <c r="AE43" i="2"/>
  <c r="AC43" i="2"/>
  <c r="AH457" i="2"/>
  <c r="AB45" i="2" l="1"/>
  <c r="AG44" i="2"/>
  <c r="AI44" i="2"/>
  <c r="AE44" i="2"/>
  <c r="AC44" i="2"/>
  <c r="AH458" i="2"/>
  <c r="AH459" i="2" l="1"/>
  <c r="AG45" i="2"/>
  <c r="AB46" i="2"/>
  <c r="AC45" i="2"/>
  <c r="AI45" i="2"/>
  <c r="AE45" i="2"/>
  <c r="AB47" i="2" l="1"/>
  <c r="AG46" i="2"/>
  <c r="AI46" i="2"/>
  <c r="AE46" i="2"/>
  <c r="AC46" i="2"/>
  <c r="AH460" i="2"/>
  <c r="AH461" i="2" l="1"/>
  <c r="AG47" i="2"/>
  <c r="AB48" i="2"/>
  <c r="AI47" i="2"/>
  <c r="AE47" i="2"/>
  <c r="AC47" i="2"/>
  <c r="AG48" i="2" l="1"/>
  <c r="AB49" i="2"/>
  <c r="AI48" i="2"/>
  <c r="AE48" i="2"/>
  <c r="AC48" i="2"/>
  <c r="AH462" i="2"/>
  <c r="AH463" i="2" l="1"/>
  <c r="AG49" i="2"/>
  <c r="AB50" i="2"/>
  <c r="AC49" i="2"/>
  <c r="AI49" i="2"/>
  <c r="AE49" i="2"/>
  <c r="AG50" i="2" l="1"/>
  <c r="AB51" i="2"/>
  <c r="AI50" i="2"/>
  <c r="AE50" i="2"/>
  <c r="AC50" i="2"/>
  <c r="AH464" i="2"/>
  <c r="AH465" i="2" l="1"/>
  <c r="AB52" i="2"/>
  <c r="AG51" i="2"/>
  <c r="AI51" i="2"/>
  <c r="AE51" i="2"/>
  <c r="AC51" i="2"/>
  <c r="AB53" i="2" l="1"/>
  <c r="AG52" i="2"/>
  <c r="AI52" i="2"/>
  <c r="AE52" i="2"/>
  <c r="AC52" i="2"/>
  <c r="AH466" i="2"/>
  <c r="AH467" i="2" l="1"/>
  <c r="AG53" i="2"/>
  <c r="AB54" i="2"/>
  <c r="AC53" i="2"/>
  <c r="AE53" i="2"/>
  <c r="AI53" i="2"/>
  <c r="AB55" i="2" l="1"/>
  <c r="AG54" i="2"/>
  <c r="AI54" i="2"/>
  <c r="AE54" i="2"/>
  <c r="AC54" i="2"/>
  <c r="AH468" i="2"/>
  <c r="AH469" i="2" l="1"/>
  <c r="AG55" i="2"/>
  <c r="AB56" i="2"/>
  <c r="AI55" i="2"/>
  <c r="AE55" i="2"/>
  <c r="AC55" i="2"/>
  <c r="AG56" i="2" l="1"/>
  <c r="AB57" i="2"/>
  <c r="AI56" i="2"/>
  <c r="AE56" i="2"/>
  <c r="AC56" i="2"/>
  <c r="AH470" i="2"/>
  <c r="AG57" i="2" l="1"/>
  <c r="AB58" i="2"/>
  <c r="AC57" i="2"/>
  <c r="AI57" i="2"/>
  <c r="AE57" i="2"/>
  <c r="AH471" i="2"/>
  <c r="AG58" i="2" l="1"/>
  <c r="AB59" i="2"/>
  <c r="AI58" i="2"/>
  <c r="AE58" i="2"/>
  <c r="AC58" i="2"/>
  <c r="AH472" i="2"/>
  <c r="AH473" i="2" l="1"/>
  <c r="AB60" i="2"/>
  <c r="AG59" i="2"/>
  <c r="AI59" i="2"/>
  <c r="AE59" i="2"/>
  <c r="AC59" i="2"/>
  <c r="AB61" i="2" l="1"/>
  <c r="AG60" i="2"/>
  <c r="AI60" i="2"/>
  <c r="AE60" i="2"/>
  <c r="AC60" i="2"/>
  <c r="AH474" i="2"/>
  <c r="AH475" i="2" l="1"/>
  <c r="AG61" i="2"/>
  <c r="AB62" i="2"/>
  <c r="AC61" i="2"/>
  <c r="AE61" i="2"/>
  <c r="AI61" i="2"/>
  <c r="AB63" i="2" l="1"/>
  <c r="AG62" i="2"/>
  <c r="AI62" i="2"/>
  <c r="AE62" i="2"/>
  <c r="AC62" i="2"/>
  <c r="AH476" i="2"/>
  <c r="AH477" i="2" l="1"/>
  <c r="AG63" i="2"/>
  <c r="AB64" i="2"/>
  <c r="AI63" i="2"/>
  <c r="AE63" i="2"/>
  <c r="AC63" i="2"/>
  <c r="AH478" i="2" l="1"/>
  <c r="AG64" i="2"/>
  <c r="AB65" i="2"/>
  <c r="AI64" i="2"/>
  <c r="AE64" i="2"/>
  <c r="AC64" i="2"/>
  <c r="AG65" i="2" l="1"/>
  <c r="AB66" i="2"/>
  <c r="AC65" i="2"/>
  <c r="AI65" i="2"/>
  <c r="AE65" i="2"/>
  <c r="AH479" i="2"/>
  <c r="AG66" i="2" l="1"/>
  <c r="AB67" i="2"/>
  <c r="AI66" i="2"/>
  <c r="AE66" i="2"/>
  <c r="AC66" i="2"/>
  <c r="AH480" i="2"/>
  <c r="AH481" i="2" l="1"/>
  <c r="AB68" i="2"/>
  <c r="AG67" i="2"/>
  <c r="AI67" i="2"/>
  <c r="AE67" i="2"/>
  <c r="AC67" i="2"/>
  <c r="AB69" i="2" l="1"/>
  <c r="AG68" i="2"/>
  <c r="AI68" i="2"/>
  <c r="AE68" i="2"/>
  <c r="AC68" i="2"/>
  <c r="AH482" i="2"/>
  <c r="AG69" i="2" l="1"/>
  <c r="AB70" i="2"/>
  <c r="AC69" i="2"/>
  <c r="AI69" i="2"/>
  <c r="AE69" i="2"/>
  <c r="AH483" i="2"/>
  <c r="AB71" i="2" l="1"/>
  <c r="AG70" i="2"/>
  <c r="AI70" i="2"/>
  <c r="AE70" i="2"/>
  <c r="AC70" i="2"/>
  <c r="AH484" i="2"/>
  <c r="AH485" i="2" l="1"/>
  <c r="AB72" i="2"/>
  <c r="AG71" i="2"/>
  <c r="AI71" i="2"/>
  <c r="AE71" i="2"/>
  <c r="AC71" i="2"/>
  <c r="AG72" i="2" l="1"/>
  <c r="AB73" i="2"/>
  <c r="AI72" i="2"/>
  <c r="AE72" i="2"/>
  <c r="AC72" i="2"/>
  <c r="AH486" i="2"/>
  <c r="AH487" i="2" l="1"/>
  <c r="AG73" i="2"/>
  <c r="AB74" i="2"/>
  <c r="AC73" i="2"/>
  <c r="AI73" i="2"/>
  <c r="AE73" i="2"/>
  <c r="AG74" i="2" l="1"/>
  <c r="AB75" i="2"/>
  <c r="AI74" i="2"/>
  <c r="AE74" i="2"/>
  <c r="AC74" i="2"/>
  <c r="AH488" i="2"/>
  <c r="AB76" i="2" l="1"/>
  <c r="AG75" i="2"/>
  <c r="AI75" i="2"/>
  <c r="AE75" i="2"/>
  <c r="AC75" i="2"/>
  <c r="AH489" i="2"/>
  <c r="AH490" i="2" l="1"/>
  <c r="AB77" i="2"/>
  <c r="AG76" i="2"/>
  <c r="AI76" i="2"/>
  <c r="AE76" i="2"/>
  <c r="AC76" i="2"/>
  <c r="AH491" i="2" l="1"/>
  <c r="AG77" i="2"/>
  <c r="AB78" i="2"/>
  <c r="AC77" i="2"/>
  <c r="AI77" i="2"/>
  <c r="AE77" i="2"/>
  <c r="AB79" i="2" l="1"/>
  <c r="AG78" i="2"/>
  <c r="AI78" i="2"/>
  <c r="AE78" i="2"/>
  <c r="AC78" i="2"/>
  <c r="AH492" i="2"/>
  <c r="AH493" i="2" l="1"/>
  <c r="AB80" i="2"/>
  <c r="AG79" i="2"/>
  <c r="AI79" i="2"/>
  <c r="AE79" i="2"/>
  <c r="AC79" i="2"/>
  <c r="AG80" i="2" l="1"/>
  <c r="AB81" i="2"/>
  <c r="AI80" i="2"/>
  <c r="AE80" i="2"/>
  <c r="AC80" i="2"/>
  <c r="AH494" i="2"/>
  <c r="AH495" i="2" l="1"/>
  <c r="AG81" i="2"/>
  <c r="AB82" i="2"/>
  <c r="AC81" i="2"/>
  <c r="AI81" i="2"/>
  <c r="AE81" i="2"/>
  <c r="AG82" i="2" l="1"/>
  <c r="AB83" i="2"/>
  <c r="AI82" i="2"/>
  <c r="AE82" i="2"/>
  <c r="AC82" i="2"/>
  <c r="AH496" i="2"/>
  <c r="AB84" i="2" l="1"/>
  <c r="AG83" i="2"/>
  <c r="AI83" i="2"/>
  <c r="AE83" i="2"/>
  <c r="AC83" i="2"/>
  <c r="AH497" i="2"/>
  <c r="AH498" i="2" l="1"/>
  <c r="AB85" i="2"/>
  <c r="AG84" i="2"/>
  <c r="AI84" i="2"/>
  <c r="AE84" i="2"/>
  <c r="AC84" i="2"/>
  <c r="AH499" i="2" l="1"/>
  <c r="AG85" i="2"/>
  <c r="AB86" i="2"/>
  <c r="AC85" i="2"/>
  <c r="AI85" i="2"/>
  <c r="AE85" i="2"/>
  <c r="AB87" i="2" l="1"/>
  <c r="AG86" i="2"/>
  <c r="AI86" i="2"/>
  <c r="AE86" i="2"/>
  <c r="AC86" i="2"/>
  <c r="AH500" i="2"/>
  <c r="AB88" i="2" l="1"/>
  <c r="AG87" i="2"/>
  <c r="AI87" i="2"/>
  <c r="AE87" i="2"/>
  <c r="AC87" i="2"/>
  <c r="AH501" i="2"/>
  <c r="AH502" i="2" l="1"/>
  <c r="AG88" i="2"/>
  <c r="AB89" i="2"/>
  <c r="AI88" i="2"/>
  <c r="AE88" i="2"/>
  <c r="AC88" i="2"/>
  <c r="AG89" i="2" l="1"/>
  <c r="AB90" i="2"/>
  <c r="AC89" i="2"/>
  <c r="AE89" i="2"/>
  <c r="AI89" i="2"/>
  <c r="AH503" i="2"/>
  <c r="AH504" i="2" l="1"/>
  <c r="AG90" i="2"/>
  <c r="AB91" i="2"/>
  <c r="AI90" i="2"/>
  <c r="AE90" i="2"/>
  <c r="AC90" i="2"/>
  <c r="AB92" i="2" l="1"/>
  <c r="AG91" i="2"/>
  <c r="AI91" i="2"/>
  <c r="AE91" i="2"/>
  <c r="AC91" i="2"/>
  <c r="AH505" i="2"/>
  <c r="AB93" i="2" l="1"/>
  <c r="AG92" i="2"/>
  <c r="AI92" i="2"/>
  <c r="AE92" i="2"/>
  <c r="AC92" i="2"/>
  <c r="AH506" i="2"/>
  <c r="AH507" i="2" l="1"/>
  <c r="AG93" i="2"/>
  <c r="AB94" i="2"/>
  <c r="AC93" i="2"/>
  <c r="AE93" i="2"/>
  <c r="AI93" i="2"/>
  <c r="AB95" i="2" l="1"/>
  <c r="AG94" i="2"/>
  <c r="AI94" i="2"/>
  <c r="AE94" i="2"/>
  <c r="AC94" i="2"/>
  <c r="AH508" i="2"/>
  <c r="AH509" i="2" l="1"/>
  <c r="AB96" i="2"/>
  <c r="AG95" i="2"/>
  <c r="AI95" i="2"/>
  <c r="AE95" i="2"/>
  <c r="AC95" i="2"/>
  <c r="AG96" i="2" l="1"/>
  <c r="AB97" i="2"/>
  <c r="AI96" i="2"/>
  <c r="AE96" i="2"/>
  <c r="AC96" i="2"/>
  <c r="AH510" i="2"/>
  <c r="AH511" i="2" l="1"/>
  <c r="AG97" i="2"/>
  <c r="AB98" i="2"/>
  <c r="AC97" i="2"/>
  <c r="AI97" i="2"/>
  <c r="AE97" i="2"/>
  <c r="AG98" i="2" l="1"/>
  <c r="AB99" i="2"/>
  <c r="AI98" i="2"/>
  <c r="AE98" i="2"/>
  <c r="AC98" i="2"/>
  <c r="AH512" i="2"/>
  <c r="AB100" i="2" l="1"/>
  <c r="AG99" i="2"/>
  <c r="AI99" i="2"/>
  <c r="AE99" i="2"/>
  <c r="AC99" i="2"/>
  <c r="AH513" i="2"/>
  <c r="AH514" i="2" l="1"/>
  <c r="AB101" i="2"/>
  <c r="AG100" i="2"/>
  <c r="AI100" i="2"/>
  <c r="AE100" i="2"/>
  <c r="AC100" i="2"/>
  <c r="AG101" i="2" l="1"/>
  <c r="AB102" i="2"/>
  <c r="AC101" i="2"/>
  <c r="AI101" i="2"/>
  <c r="AE101" i="2"/>
  <c r="AH515" i="2"/>
  <c r="AB103" i="2" l="1"/>
  <c r="AG102" i="2"/>
  <c r="AI102" i="2"/>
  <c r="AE102" i="2"/>
  <c r="AC102" i="2"/>
  <c r="AH516" i="2"/>
  <c r="AH517" i="2" l="1"/>
  <c r="AB104" i="2"/>
  <c r="AG103" i="2"/>
  <c r="AI103" i="2"/>
  <c r="AE103" i="2"/>
  <c r="AC103" i="2"/>
  <c r="AG104" i="2" l="1"/>
  <c r="AB105" i="2"/>
  <c r="AI104" i="2"/>
  <c r="AE104" i="2"/>
  <c r="AC104" i="2"/>
  <c r="AH518" i="2"/>
  <c r="AH519" i="2" l="1"/>
  <c r="AG105" i="2"/>
  <c r="AB106" i="2"/>
  <c r="AC105" i="2"/>
  <c r="AI105" i="2"/>
  <c r="AE105" i="2"/>
  <c r="AH520" i="2" l="1"/>
  <c r="AG106" i="2"/>
  <c r="AB107" i="2"/>
  <c r="AI106" i="2"/>
  <c r="AE106" i="2"/>
  <c r="AC106" i="2"/>
  <c r="AB108" i="2" l="1"/>
  <c r="AG107" i="2"/>
  <c r="AI107" i="2"/>
  <c r="AE107" i="2"/>
  <c r="AC107" i="2"/>
  <c r="AH521" i="2"/>
  <c r="AH522" i="2" l="1"/>
  <c r="AB109" i="2"/>
  <c r="AG108" i="2"/>
  <c r="AI108" i="2"/>
  <c r="AE108" i="2"/>
  <c r="AC108" i="2"/>
  <c r="AG109" i="2" l="1"/>
  <c r="AB110" i="2"/>
  <c r="AC109" i="2"/>
  <c r="AI109" i="2"/>
  <c r="AE109" i="2"/>
  <c r="AH523" i="2"/>
  <c r="AB111" i="2" l="1"/>
  <c r="AG110" i="2"/>
  <c r="AI110" i="2"/>
  <c r="AE110" i="2"/>
  <c r="AC110" i="2"/>
  <c r="AH524" i="2"/>
  <c r="AH525" i="2" l="1"/>
  <c r="AB112" i="2"/>
  <c r="AG111" i="2"/>
  <c r="AI111" i="2"/>
  <c r="AE111" i="2"/>
  <c r="AC111" i="2"/>
  <c r="AH526" i="2" l="1"/>
  <c r="AG112" i="2"/>
  <c r="AB113" i="2"/>
  <c r="AI112" i="2"/>
  <c r="AE112" i="2"/>
  <c r="AC112" i="2"/>
  <c r="AG113" i="2" l="1"/>
  <c r="AB114" i="2"/>
  <c r="AC113" i="2"/>
  <c r="AI113" i="2"/>
  <c r="AE113" i="2"/>
  <c r="AH527" i="2"/>
  <c r="AH528" i="2" l="1"/>
  <c r="AG114" i="2"/>
  <c r="AB115" i="2"/>
  <c r="AI114" i="2"/>
  <c r="AE114" i="2"/>
  <c r="AC114" i="2"/>
  <c r="AB116" i="2" l="1"/>
  <c r="AG115" i="2"/>
  <c r="AI115" i="2"/>
  <c r="AE115" i="2"/>
  <c r="AC115" i="2"/>
  <c r="AH529" i="2"/>
  <c r="AH530" i="2" l="1"/>
  <c r="AB117" i="2"/>
  <c r="AG116" i="2"/>
  <c r="AI116" i="2"/>
  <c r="AE116" i="2"/>
  <c r="AC116" i="2"/>
  <c r="AG117" i="2" l="1"/>
  <c r="AB118" i="2"/>
  <c r="AC117" i="2"/>
  <c r="AE117" i="2"/>
  <c r="AI117" i="2"/>
  <c r="AH531" i="2"/>
  <c r="AH532" i="2" l="1"/>
  <c r="AB119" i="2"/>
  <c r="AG118" i="2"/>
  <c r="AI118" i="2"/>
  <c r="AE118" i="2"/>
  <c r="AC118" i="2"/>
  <c r="AB120" i="2" l="1"/>
  <c r="AG119" i="2"/>
  <c r="AI119" i="2"/>
  <c r="AE119" i="2"/>
  <c r="AC119" i="2"/>
  <c r="AH533" i="2"/>
  <c r="AH534" i="2" l="1"/>
  <c r="AG120" i="2"/>
  <c r="AB121" i="2"/>
  <c r="AI120" i="2"/>
  <c r="AE120" i="2"/>
  <c r="AC120" i="2"/>
  <c r="AG121" i="2" l="1"/>
  <c r="AB122" i="2"/>
  <c r="AC121" i="2"/>
  <c r="AI121" i="2"/>
  <c r="AE121" i="2"/>
  <c r="AH535" i="2"/>
  <c r="AH536" i="2" l="1"/>
  <c r="AG122" i="2"/>
  <c r="AB123" i="2"/>
  <c r="AI122" i="2"/>
  <c r="AE122" i="2"/>
  <c r="AC122" i="2"/>
  <c r="AB124" i="2" l="1"/>
  <c r="AG123" i="2"/>
  <c r="AI123" i="2"/>
  <c r="AE123" i="2"/>
  <c r="AC123" i="2"/>
  <c r="AH537" i="2"/>
  <c r="AB125" i="2" l="1"/>
  <c r="AG124" i="2"/>
  <c r="AI124" i="2"/>
  <c r="AE124" i="2"/>
  <c r="AC124" i="2"/>
  <c r="AH538" i="2"/>
  <c r="AH539" i="2" l="1"/>
  <c r="AG125" i="2"/>
  <c r="AB126" i="2"/>
  <c r="AC125" i="2"/>
  <c r="AE125" i="2"/>
  <c r="AI125" i="2"/>
  <c r="AB127" i="2" l="1"/>
  <c r="AG126" i="2"/>
  <c r="AI126" i="2"/>
  <c r="AE126" i="2"/>
  <c r="AC126" i="2"/>
  <c r="AH540" i="2"/>
  <c r="AH541" i="2" l="1"/>
  <c r="AB128" i="2"/>
  <c r="AG127" i="2"/>
  <c r="AI127" i="2"/>
  <c r="AE127" i="2"/>
  <c r="AC127" i="2"/>
  <c r="AH542" i="2" l="1"/>
  <c r="AG128" i="2"/>
  <c r="AB129" i="2"/>
  <c r="AI128" i="2"/>
  <c r="AE128" i="2"/>
  <c r="AC128" i="2"/>
  <c r="AG129" i="2" l="1"/>
  <c r="AB130" i="2"/>
  <c r="AC129" i="2"/>
  <c r="AI129" i="2"/>
  <c r="AE129" i="2"/>
  <c r="AH543" i="2"/>
  <c r="AG130" i="2" l="1"/>
  <c r="AB131" i="2"/>
  <c r="AI130" i="2"/>
  <c r="AE130" i="2"/>
  <c r="AC130" i="2"/>
  <c r="AH544" i="2"/>
  <c r="AH545" i="2" l="1"/>
  <c r="AB132" i="2"/>
  <c r="AG131" i="2"/>
  <c r="AI131" i="2"/>
  <c r="AE131" i="2"/>
  <c r="AC131" i="2"/>
  <c r="AH546" i="2" l="1"/>
  <c r="AB133" i="2"/>
  <c r="AG132" i="2"/>
  <c r="AI132" i="2"/>
  <c r="AE132" i="2"/>
  <c r="AC132" i="2"/>
  <c r="AG133" i="2" l="1"/>
  <c r="AB134" i="2"/>
  <c r="AC133" i="2"/>
  <c r="AI133" i="2"/>
  <c r="AE133" i="2"/>
  <c r="AH547" i="2"/>
  <c r="AH548" i="2" l="1"/>
  <c r="AB135" i="2"/>
  <c r="AG134" i="2"/>
  <c r="AI134" i="2"/>
  <c r="AE134" i="2"/>
  <c r="AC134" i="2"/>
  <c r="AB136" i="2" l="1"/>
  <c r="AG135" i="2"/>
  <c r="AI135" i="2"/>
  <c r="AE135" i="2"/>
  <c r="AC135" i="2"/>
  <c r="AH549" i="2"/>
  <c r="AG136" i="2" l="1"/>
  <c r="AB137" i="2"/>
  <c r="AI136" i="2"/>
  <c r="AE136" i="2"/>
  <c r="AC136" i="2"/>
  <c r="AH550" i="2"/>
  <c r="AH551" i="2" l="1"/>
  <c r="AG137" i="2"/>
  <c r="AB138" i="2"/>
  <c r="AC137" i="2"/>
  <c r="AI137" i="2"/>
  <c r="AE137" i="2"/>
  <c r="AG138" i="2" l="1"/>
  <c r="AB139" i="2"/>
  <c r="AI138" i="2"/>
  <c r="AE138" i="2"/>
  <c r="AC138" i="2"/>
  <c r="AH552" i="2"/>
  <c r="AH553" i="2" l="1"/>
  <c r="AB140" i="2"/>
  <c r="AG139" i="2"/>
  <c r="AI139" i="2"/>
  <c r="AE139" i="2"/>
  <c r="AC139" i="2"/>
  <c r="AB141" i="2" l="1"/>
  <c r="AG140" i="2"/>
  <c r="AI140" i="2"/>
  <c r="AE140" i="2"/>
  <c r="AC140" i="2"/>
  <c r="AH554" i="2"/>
  <c r="AH555" i="2" l="1"/>
  <c r="AG141" i="2"/>
  <c r="AB142" i="2"/>
  <c r="AC141" i="2"/>
  <c r="AI141" i="2"/>
  <c r="AE141" i="2"/>
  <c r="AH556" i="2" l="1"/>
  <c r="AB143" i="2"/>
  <c r="AG142" i="2"/>
  <c r="AI142" i="2"/>
  <c r="AE142" i="2"/>
  <c r="AC142" i="2"/>
  <c r="AB144" i="2" l="1"/>
  <c r="AG143" i="2"/>
  <c r="AI143" i="2"/>
  <c r="AE143" i="2"/>
  <c r="AC143" i="2"/>
  <c r="AH557" i="2"/>
  <c r="AH558" i="2" l="1"/>
  <c r="AG144" i="2"/>
  <c r="AB145" i="2"/>
  <c r="AI144" i="2"/>
  <c r="AE144" i="2"/>
  <c r="AC144" i="2"/>
  <c r="AG145" i="2" l="1"/>
  <c r="AB146" i="2"/>
  <c r="AC145" i="2"/>
  <c r="AI145" i="2"/>
  <c r="AE145" i="2"/>
  <c r="AH559" i="2"/>
  <c r="AG146" i="2" l="1"/>
  <c r="AB147" i="2"/>
  <c r="AI146" i="2"/>
  <c r="AE146" i="2"/>
  <c r="AC146" i="2"/>
  <c r="AH560" i="2"/>
  <c r="AH561" i="2" l="1"/>
  <c r="AB148" i="2"/>
  <c r="AG147" i="2"/>
  <c r="AI147" i="2"/>
  <c r="AE147" i="2"/>
  <c r="AC147" i="2"/>
  <c r="AB149" i="2" l="1"/>
  <c r="AG148" i="2"/>
  <c r="AI148" i="2"/>
  <c r="AE148" i="2"/>
  <c r="AC148" i="2"/>
  <c r="AH562" i="2"/>
  <c r="AH563" i="2" l="1"/>
  <c r="AG149" i="2"/>
  <c r="AB150" i="2"/>
  <c r="AC149" i="2"/>
  <c r="AE149" i="2"/>
  <c r="AI149" i="2"/>
  <c r="AB151" i="2" l="1"/>
  <c r="AG150" i="2"/>
  <c r="AI150" i="2"/>
  <c r="AE150" i="2"/>
  <c r="AC150" i="2"/>
  <c r="AH564" i="2"/>
  <c r="AH565" i="2" l="1"/>
  <c r="AB152" i="2"/>
  <c r="AG151" i="2"/>
  <c r="AI151" i="2"/>
  <c r="AE151" i="2"/>
  <c r="AC151" i="2"/>
  <c r="AG152" i="2" l="1"/>
  <c r="AB153" i="2"/>
  <c r="AI152" i="2"/>
  <c r="AE152" i="2"/>
  <c r="AC152" i="2"/>
  <c r="AH566" i="2"/>
  <c r="AH567" i="2" l="1"/>
  <c r="AG153" i="2"/>
  <c r="AB154" i="2"/>
  <c r="AC153" i="2"/>
  <c r="AE153" i="2"/>
  <c r="AI153" i="2"/>
  <c r="AG154" i="2" l="1"/>
  <c r="AB155" i="2"/>
  <c r="AI154" i="2"/>
  <c r="AE154" i="2"/>
  <c r="AC154" i="2"/>
  <c r="AH568" i="2"/>
  <c r="AH569" i="2" l="1"/>
  <c r="AB156" i="2"/>
  <c r="AG155" i="2"/>
  <c r="AI155" i="2"/>
  <c r="AE155" i="2"/>
  <c r="AC155" i="2"/>
  <c r="AB157" i="2" l="1"/>
  <c r="AG156" i="2"/>
  <c r="AI156" i="2"/>
  <c r="AE156" i="2"/>
  <c r="AC156" i="2"/>
  <c r="AH570" i="2"/>
  <c r="AG157" i="2" l="1"/>
  <c r="AB158" i="2"/>
  <c r="AC157" i="2"/>
  <c r="AE157" i="2"/>
  <c r="AI157" i="2"/>
  <c r="AH571" i="2"/>
  <c r="AH572" i="2" l="1"/>
  <c r="AB159" i="2"/>
  <c r="AG158" i="2"/>
  <c r="AI158" i="2"/>
  <c r="AE158" i="2"/>
  <c r="AC158" i="2"/>
  <c r="AB160" i="2" l="1"/>
  <c r="AG159" i="2"/>
  <c r="AI159" i="2"/>
  <c r="AE159" i="2"/>
  <c r="AC159" i="2"/>
  <c r="AH573" i="2"/>
  <c r="AH574" i="2" l="1"/>
  <c r="AG160" i="2"/>
  <c r="AB161" i="2"/>
  <c r="AI160" i="2"/>
  <c r="AE160" i="2"/>
  <c r="AC160" i="2"/>
  <c r="AG161" i="2" l="1"/>
  <c r="AB162" i="2"/>
  <c r="AC161" i="2"/>
  <c r="AI161" i="2"/>
  <c r="AE161" i="2"/>
  <c r="AH575" i="2"/>
  <c r="AH576" i="2" l="1"/>
  <c r="AG162" i="2"/>
  <c r="AB163" i="2"/>
  <c r="AI162" i="2"/>
  <c r="AE162" i="2"/>
  <c r="AC162" i="2"/>
  <c r="AH577" i="2" l="1"/>
  <c r="AB164" i="2"/>
  <c r="AG163" i="2"/>
  <c r="AI163" i="2"/>
  <c r="AE163" i="2"/>
  <c r="AC163" i="2"/>
  <c r="AB165" i="2" l="1"/>
  <c r="AG164" i="2"/>
  <c r="AI164" i="2"/>
  <c r="AE164" i="2"/>
  <c r="AC164" i="2"/>
  <c r="AH578" i="2"/>
  <c r="AG165" i="2" l="1"/>
  <c r="AB166" i="2"/>
  <c r="AC165" i="2"/>
  <c r="AI165" i="2"/>
  <c r="AE165" i="2"/>
  <c r="AH579" i="2"/>
  <c r="AH580" i="2" l="1"/>
  <c r="AB167" i="2"/>
  <c r="AG166" i="2"/>
  <c r="AI166" i="2"/>
  <c r="AE166" i="2"/>
  <c r="AC166" i="2"/>
  <c r="AB168" i="2" l="1"/>
  <c r="AG167" i="2"/>
  <c r="AI167" i="2"/>
  <c r="AE167" i="2"/>
  <c r="AC167" i="2"/>
  <c r="AH581" i="2"/>
  <c r="AH582" i="2" l="1"/>
  <c r="AG168" i="2"/>
  <c r="AB169" i="2"/>
  <c r="AI168" i="2"/>
  <c r="AE168" i="2"/>
  <c r="AC168" i="2"/>
  <c r="AG169" i="2" l="1"/>
  <c r="AB170" i="2"/>
  <c r="AC169" i="2"/>
  <c r="AI169" i="2"/>
  <c r="AE169" i="2"/>
  <c r="AH583" i="2"/>
  <c r="AH584" i="2" l="1"/>
  <c r="AG170" i="2"/>
  <c r="AB171" i="2"/>
  <c r="AI170" i="2"/>
  <c r="AE170" i="2"/>
  <c r="AC170" i="2"/>
  <c r="AB172" i="2" l="1"/>
  <c r="AG171" i="2"/>
  <c r="AI171" i="2"/>
  <c r="AE171" i="2"/>
  <c r="AC171" i="2"/>
  <c r="AH585" i="2"/>
  <c r="AH586" i="2" l="1"/>
  <c r="AB173" i="2"/>
  <c r="AG172" i="2"/>
  <c r="AI172" i="2"/>
  <c r="AE172" i="2"/>
  <c r="AC172" i="2"/>
  <c r="AG173" i="2" l="1"/>
  <c r="AB174" i="2"/>
  <c r="AC173" i="2"/>
  <c r="AI173" i="2"/>
  <c r="AE173" i="2"/>
  <c r="AH587" i="2"/>
  <c r="AH588" i="2" l="1"/>
  <c r="AB175" i="2"/>
  <c r="AG174" i="2"/>
  <c r="AI174" i="2"/>
  <c r="AE174" i="2"/>
  <c r="AC174" i="2"/>
  <c r="AB176" i="2" l="1"/>
  <c r="AG175" i="2"/>
  <c r="AI175" i="2"/>
  <c r="AE175" i="2"/>
  <c r="AC175" i="2"/>
  <c r="AH589" i="2"/>
  <c r="AH590" i="2" l="1"/>
  <c r="AG176" i="2"/>
  <c r="AB177" i="2"/>
  <c r="AI176" i="2"/>
  <c r="AE176" i="2"/>
  <c r="AC176" i="2"/>
  <c r="AG177" i="2" l="1"/>
  <c r="AB178" i="2"/>
  <c r="AC177" i="2"/>
  <c r="AI177" i="2"/>
  <c r="AE177" i="2"/>
  <c r="AH591" i="2"/>
  <c r="AH592" i="2" l="1"/>
  <c r="AG178" i="2"/>
  <c r="AB179" i="2"/>
  <c r="AI178" i="2"/>
  <c r="AE178" i="2"/>
  <c r="AC178" i="2"/>
  <c r="AB180" i="2" l="1"/>
  <c r="AG179" i="2"/>
  <c r="AI179" i="2"/>
  <c r="AE179" i="2"/>
  <c r="AC179" i="2"/>
  <c r="AH593" i="2"/>
  <c r="AH594" i="2" l="1"/>
  <c r="AB181" i="2"/>
  <c r="AG180" i="2"/>
  <c r="AI180" i="2"/>
  <c r="AE180" i="2"/>
  <c r="AC180" i="2"/>
  <c r="AG181" i="2" l="1"/>
  <c r="AB182" i="2"/>
  <c r="AC181" i="2"/>
  <c r="AE181" i="2"/>
  <c r="AI181" i="2"/>
  <c r="AH595" i="2"/>
  <c r="AH596" i="2" l="1"/>
  <c r="AB183" i="2"/>
  <c r="AG182" i="2"/>
  <c r="AI182" i="2"/>
  <c r="AE182" i="2"/>
  <c r="AC182" i="2"/>
  <c r="AB184" i="2" l="1"/>
  <c r="AG183" i="2"/>
  <c r="AI183" i="2"/>
  <c r="AE183" i="2"/>
  <c r="AC183" i="2"/>
  <c r="AH597" i="2"/>
  <c r="AH598" i="2" l="1"/>
  <c r="AG184" i="2"/>
  <c r="AB185" i="2"/>
  <c r="AI184" i="2"/>
  <c r="AE184" i="2"/>
  <c r="AC184" i="2"/>
  <c r="AG185" i="2" l="1"/>
  <c r="AB186" i="2"/>
  <c r="AC185" i="2"/>
  <c r="AE185" i="2"/>
  <c r="AI185" i="2"/>
  <c r="AH599" i="2"/>
  <c r="AG186" i="2" l="1"/>
  <c r="AB187" i="2"/>
  <c r="AI186" i="2"/>
  <c r="AE186" i="2"/>
  <c r="AC186" i="2"/>
  <c r="AH600" i="2"/>
  <c r="AH601" i="2" l="1"/>
  <c r="AB188" i="2"/>
  <c r="AG187" i="2"/>
  <c r="AI187" i="2"/>
  <c r="AE187" i="2"/>
  <c r="AC187" i="2"/>
  <c r="AB189" i="2" l="1"/>
  <c r="AG188" i="2"/>
  <c r="AI188" i="2"/>
  <c r="AE188" i="2"/>
  <c r="AC188" i="2"/>
  <c r="AH602" i="2"/>
  <c r="AH603" i="2" l="1"/>
  <c r="AG189" i="2"/>
  <c r="AB190" i="2"/>
  <c r="AE189" i="2"/>
  <c r="AC189" i="2"/>
  <c r="AI189" i="2"/>
  <c r="AB191" i="2" l="1"/>
  <c r="AG190" i="2"/>
  <c r="AI190" i="2"/>
  <c r="AE190" i="2"/>
  <c r="AC190" i="2"/>
  <c r="AH604" i="2"/>
  <c r="AH605" i="2" l="1"/>
  <c r="AB192" i="2"/>
  <c r="AG191" i="2"/>
  <c r="AI191" i="2"/>
  <c r="AE191" i="2"/>
  <c r="AC191" i="2"/>
  <c r="AG192" i="2" l="1"/>
  <c r="AB193" i="2"/>
  <c r="AI192" i="2"/>
  <c r="AE192" i="2"/>
  <c r="AC192" i="2"/>
  <c r="AH606" i="2"/>
  <c r="AH607" i="2" l="1"/>
  <c r="AG193" i="2"/>
  <c r="AB194" i="2"/>
  <c r="AC193" i="2"/>
  <c r="AI193" i="2"/>
  <c r="AE193" i="2"/>
  <c r="AH608" i="2" l="1"/>
  <c r="AG194" i="2"/>
  <c r="AB195" i="2"/>
  <c r="AI194" i="2"/>
  <c r="AE194" i="2"/>
  <c r="AC194" i="2"/>
  <c r="AB196" i="2" l="1"/>
  <c r="AG195" i="2"/>
  <c r="AI195" i="2"/>
  <c r="AE195" i="2"/>
  <c r="AC195" i="2"/>
  <c r="AH609" i="2"/>
  <c r="AH610" i="2" l="1"/>
  <c r="AB197" i="2"/>
  <c r="AG196" i="2"/>
  <c r="AI196" i="2"/>
  <c r="AE196" i="2"/>
  <c r="AC196" i="2"/>
  <c r="AG197" i="2" l="1"/>
  <c r="AB198" i="2"/>
  <c r="AI197" i="2"/>
  <c r="AE197" i="2"/>
  <c r="AC197" i="2"/>
  <c r="AH611" i="2"/>
  <c r="AH612" i="2" l="1"/>
  <c r="AB199" i="2"/>
  <c r="AG198" i="2"/>
  <c r="AI198" i="2"/>
  <c r="AE198" i="2"/>
  <c r="AC198" i="2"/>
  <c r="AB200" i="2" l="1"/>
  <c r="AG199" i="2"/>
  <c r="AI199" i="2"/>
  <c r="AE199" i="2"/>
  <c r="AC199" i="2"/>
  <c r="AH613" i="2"/>
  <c r="AG200" i="2" l="1"/>
  <c r="AB201" i="2"/>
  <c r="AI200" i="2"/>
  <c r="AE200" i="2"/>
  <c r="AC200" i="2"/>
  <c r="AH614" i="2"/>
  <c r="AH615" i="2" l="1"/>
  <c r="AG201" i="2"/>
  <c r="AB202" i="2"/>
  <c r="AC201" i="2"/>
  <c r="AI201" i="2"/>
  <c r="AE201" i="2"/>
  <c r="AG202" i="2" l="1"/>
  <c r="AB203" i="2"/>
  <c r="AI202" i="2"/>
  <c r="AE202" i="2"/>
  <c r="AC202" i="2"/>
  <c r="AH616" i="2"/>
  <c r="AH617" i="2" l="1"/>
  <c r="AB204" i="2"/>
  <c r="AG203" i="2"/>
  <c r="AI203" i="2"/>
  <c r="AE203" i="2"/>
  <c r="AC203" i="2"/>
  <c r="AB205" i="2" l="1"/>
  <c r="AG204" i="2"/>
  <c r="AI204" i="2"/>
  <c r="AE204" i="2"/>
  <c r="AC204" i="2"/>
  <c r="AH618" i="2"/>
  <c r="AH619" i="2" l="1"/>
  <c r="AG205" i="2"/>
  <c r="AB206" i="2"/>
  <c r="AC205" i="2"/>
  <c r="AI205" i="2"/>
  <c r="AE205" i="2"/>
  <c r="AB207" i="2" l="1"/>
  <c r="AG206" i="2"/>
  <c r="AI206" i="2"/>
  <c r="AE206" i="2"/>
  <c r="AC206" i="2"/>
  <c r="AH620" i="2"/>
  <c r="AH621" i="2" l="1"/>
  <c r="AB208" i="2"/>
  <c r="AG207" i="2"/>
  <c r="AI207" i="2"/>
  <c r="AE207" i="2"/>
  <c r="AC207" i="2"/>
  <c r="AG208" i="2" l="1"/>
  <c r="AB209" i="2"/>
  <c r="AI208" i="2"/>
  <c r="AE208" i="2"/>
  <c r="AC208" i="2"/>
  <c r="AH622" i="2"/>
  <c r="AH623" i="2" l="1"/>
  <c r="AG209" i="2"/>
  <c r="AB210" i="2"/>
  <c r="AC209" i="2"/>
  <c r="AI209" i="2"/>
  <c r="AE209" i="2"/>
  <c r="AG210" i="2" l="1"/>
  <c r="AB211" i="2"/>
  <c r="AI210" i="2"/>
  <c r="AE210" i="2"/>
  <c r="AC210" i="2"/>
  <c r="AH624" i="2"/>
  <c r="AH625" i="2" l="1"/>
  <c r="AB212" i="2"/>
  <c r="AG211" i="2"/>
  <c r="AI211" i="2"/>
  <c r="AE211" i="2"/>
  <c r="AC211" i="2"/>
  <c r="AB213" i="2" l="1"/>
  <c r="AG212" i="2"/>
  <c r="AI212" i="2"/>
  <c r="AE212" i="2"/>
  <c r="AC212" i="2"/>
  <c r="AH626" i="2"/>
  <c r="AH627" i="2" l="1"/>
  <c r="AG213" i="2"/>
  <c r="AB214" i="2"/>
  <c r="AC213" i="2"/>
  <c r="AE213" i="2"/>
  <c r="AI213" i="2"/>
  <c r="AB215" i="2" l="1"/>
  <c r="AG214" i="2"/>
  <c r="AI214" i="2"/>
  <c r="AE214" i="2"/>
  <c r="AC214" i="2"/>
  <c r="AH628" i="2"/>
  <c r="AH629" i="2" l="1"/>
  <c r="AB216" i="2"/>
  <c r="AG215" i="2"/>
  <c r="AI215" i="2"/>
  <c r="AE215" i="2"/>
  <c r="AC215" i="2"/>
  <c r="AG216" i="2" l="1"/>
  <c r="AB217" i="2"/>
  <c r="AI216" i="2"/>
  <c r="AE216" i="2"/>
  <c r="AC216" i="2"/>
  <c r="AH630" i="2"/>
  <c r="AH631" i="2" l="1"/>
  <c r="AG217" i="2"/>
  <c r="AB218" i="2"/>
  <c r="AC217" i="2"/>
  <c r="AE217" i="2"/>
  <c r="AI217" i="2"/>
  <c r="AG218" i="2" l="1"/>
  <c r="AB219" i="2"/>
  <c r="AI218" i="2"/>
  <c r="AE218" i="2"/>
  <c r="AC218" i="2"/>
  <c r="AH632" i="2"/>
  <c r="AH633" i="2" l="1"/>
  <c r="AB220" i="2"/>
  <c r="AG219" i="2"/>
  <c r="AI219" i="2"/>
  <c r="AE219" i="2"/>
  <c r="AC219" i="2"/>
  <c r="AB221" i="2" l="1"/>
  <c r="AG220" i="2"/>
  <c r="AI220" i="2"/>
  <c r="AE220" i="2"/>
  <c r="AC220" i="2"/>
  <c r="AH634" i="2"/>
  <c r="AH635" i="2" l="1"/>
  <c r="AG221" i="2"/>
  <c r="AB222" i="2"/>
  <c r="AE221" i="2"/>
  <c r="AC221" i="2"/>
  <c r="AI221" i="2"/>
  <c r="AB223" i="2" l="1"/>
  <c r="AG222" i="2"/>
  <c r="AI222" i="2"/>
  <c r="AE222" i="2"/>
  <c r="AC222" i="2"/>
  <c r="AH636" i="2"/>
  <c r="AB224" i="2" l="1"/>
  <c r="AG223" i="2"/>
  <c r="AI223" i="2"/>
  <c r="AE223" i="2"/>
  <c r="AC223" i="2"/>
  <c r="AG224" i="2" l="1"/>
  <c r="AB225" i="2"/>
  <c r="AI224" i="2"/>
  <c r="AE224" i="2"/>
  <c r="AC224" i="2"/>
  <c r="AG225" i="2" l="1"/>
  <c r="AB226" i="2"/>
  <c r="AC225" i="2"/>
  <c r="AI225" i="2"/>
  <c r="AE225" i="2"/>
  <c r="AG226" i="2" l="1"/>
  <c r="AB227" i="2"/>
  <c r="AI226" i="2"/>
  <c r="AE226" i="2"/>
  <c r="AC226" i="2"/>
  <c r="AB228" i="2" l="1"/>
  <c r="AG227" i="2"/>
  <c r="AI227" i="2"/>
  <c r="AE227" i="2"/>
  <c r="AC227" i="2"/>
  <c r="AB229" i="2" l="1"/>
  <c r="AG228" i="2"/>
  <c r="AI228" i="2"/>
  <c r="AE228" i="2"/>
  <c r="AC228" i="2"/>
  <c r="AG229" i="2" l="1"/>
  <c r="AB230" i="2"/>
  <c r="AI229" i="2"/>
  <c r="AE229" i="2"/>
  <c r="AC229" i="2"/>
  <c r="AB231" i="2" l="1"/>
  <c r="AG230" i="2"/>
  <c r="AI230" i="2"/>
  <c r="AE230" i="2"/>
  <c r="AC230" i="2"/>
  <c r="AB232" i="2" l="1"/>
  <c r="AG231" i="2"/>
  <c r="AI231" i="2"/>
  <c r="AE231" i="2"/>
  <c r="AC231" i="2"/>
  <c r="AG232" i="2" l="1"/>
  <c r="AB233" i="2"/>
  <c r="AI232" i="2"/>
  <c r="AE232" i="2"/>
  <c r="AC232" i="2"/>
  <c r="AG233" i="2" l="1"/>
  <c r="AB234" i="2"/>
  <c r="AC233" i="2"/>
  <c r="AI233" i="2"/>
  <c r="AE233" i="2"/>
  <c r="AG234" i="2" l="1"/>
  <c r="AB235" i="2"/>
  <c r="AI234" i="2"/>
  <c r="AE234" i="2"/>
  <c r="AC234" i="2"/>
  <c r="AB236" i="2" l="1"/>
  <c r="AG235" i="2"/>
  <c r="AI235" i="2"/>
  <c r="AE235" i="2"/>
  <c r="AC235" i="2"/>
  <c r="AB237" i="2" l="1"/>
  <c r="AG236" i="2"/>
  <c r="AI236" i="2"/>
  <c r="AC236" i="2"/>
  <c r="AE236" i="2"/>
  <c r="AG237" i="2" l="1"/>
  <c r="AB238" i="2"/>
  <c r="AC237" i="2"/>
  <c r="AI237" i="2"/>
  <c r="AE237" i="2"/>
  <c r="AB239" i="2" l="1"/>
  <c r="AG238" i="2"/>
  <c r="AI238" i="2"/>
  <c r="AE238" i="2"/>
  <c r="AC238" i="2"/>
  <c r="AB240" i="2" l="1"/>
  <c r="AG239" i="2"/>
  <c r="AI239" i="2"/>
  <c r="AE239" i="2"/>
  <c r="AC239" i="2"/>
  <c r="AG240" i="2" l="1"/>
  <c r="AB241" i="2"/>
  <c r="AI240" i="2"/>
  <c r="AE240" i="2"/>
  <c r="AC240" i="2"/>
  <c r="AG241" i="2" l="1"/>
  <c r="AB242" i="2"/>
  <c r="AC241" i="2"/>
  <c r="AE241" i="2"/>
  <c r="AI241" i="2"/>
  <c r="AG242" i="2" l="1"/>
  <c r="AB243" i="2"/>
  <c r="AI242" i="2"/>
  <c r="AE242" i="2"/>
  <c r="AC242" i="2"/>
  <c r="AB244" i="2" l="1"/>
  <c r="AG243" i="2"/>
  <c r="AI243" i="2"/>
  <c r="AE243" i="2"/>
  <c r="AC243" i="2"/>
  <c r="AB245" i="2" l="1"/>
  <c r="AG244" i="2"/>
  <c r="AI244" i="2"/>
  <c r="AE244" i="2"/>
  <c r="AC244" i="2"/>
  <c r="AG245" i="2" l="1"/>
  <c r="AB246" i="2"/>
  <c r="AE245" i="2"/>
  <c r="AC245" i="2"/>
  <c r="AI245" i="2"/>
  <c r="AB247" i="2" l="1"/>
  <c r="AG246" i="2"/>
  <c r="AI246" i="2"/>
  <c r="AE246" i="2"/>
  <c r="AC246" i="2"/>
  <c r="AB248" i="2" l="1"/>
  <c r="AG247" i="2"/>
  <c r="AI247" i="2"/>
  <c r="AE247" i="2"/>
  <c r="AC247" i="2"/>
  <c r="AG248" i="2" l="1"/>
  <c r="AB249" i="2"/>
  <c r="AI248" i="2"/>
  <c r="AE248" i="2"/>
  <c r="AC248" i="2"/>
  <c r="AG249" i="2" l="1"/>
  <c r="AB250" i="2"/>
  <c r="AC249" i="2"/>
  <c r="AI249" i="2"/>
  <c r="AE249" i="2"/>
  <c r="AG250" i="2" l="1"/>
  <c r="AB251" i="2"/>
  <c r="AI250" i="2"/>
  <c r="AE250" i="2"/>
  <c r="AC250" i="2"/>
  <c r="AB252" i="2" l="1"/>
  <c r="AG251" i="2"/>
  <c r="AI251" i="2"/>
  <c r="AE251" i="2"/>
  <c r="AC251" i="2"/>
  <c r="AB253" i="2" l="1"/>
  <c r="AG252" i="2"/>
  <c r="AI252" i="2"/>
  <c r="AC252" i="2"/>
  <c r="AE252" i="2"/>
  <c r="AG253" i="2" l="1"/>
  <c r="AB254" i="2"/>
  <c r="AC253" i="2"/>
  <c r="AI253" i="2"/>
  <c r="AE253" i="2"/>
  <c r="AB255" i="2" l="1"/>
  <c r="AG254" i="2"/>
  <c r="AI254" i="2"/>
  <c r="AE254" i="2"/>
  <c r="AC254" i="2"/>
  <c r="AB256" i="2" l="1"/>
  <c r="AG255" i="2"/>
  <c r="AI255" i="2"/>
  <c r="AE255" i="2"/>
  <c r="AC255" i="2"/>
  <c r="AG256" i="2" l="1"/>
  <c r="AB257" i="2"/>
  <c r="AI256" i="2"/>
  <c r="AE256" i="2"/>
  <c r="AC256" i="2"/>
  <c r="AG257" i="2" l="1"/>
  <c r="AB258" i="2"/>
  <c r="AC257" i="2"/>
  <c r="AI257" i="2"/>
  <c r="AE257" i="2"/>
  <c r="AG258" i="2" l="1"/>
  <c r="AB259" i="2"/>
  <c r="AI258" i="2"/>
  <c r="AE258" i="2"/>
  <c r="AC258" i="2"/>
  <c r="AB260" i="2" l="1"/>
  <c r="AG259" i="2"/>
  <c r="AI259" i="2"/>
  <c r="AE259" i="2"/>
  <c r="AC259" i="2"/>
  <c r="AB261" i="2" l="1"/>
  <c r="AG260" i="2"/>
  <c r="AI260" i="2"/>
  <c r="AE260" i="2"/>
  <c r="AC260" i="2"/>
  <c r="AG261" i="2" l="1"/>
  <c r="AB262" i="2"/>
  <c r="AI261" i="2"/>
  <c r="AC261" i="2"/>
  <c r="AE261" i="2"/>
  <c r="AB263" i="2" l="1"/>
  <c r="AG262" i="2"/>
  <c r="AI262" i="2"/>
  <c r="AE262" i="2"/>
  <c r="AC262" i="2"/>
  <c r="AB264" i="2" l="1"/>
  <c r="AG263" i="2"/>
  <c r="AI263" i="2"/>
  <c r="AE263" i="2"/>
  <c r="AC263" i="2"/>
  <c r="AG264" i="2" l="1"/>
  <c r="AB265" i="2"/>
  <c r="AI264" i="2"/>
  <c r="AE264" i="2"/>
  <c r="AC264" i="2"/>
  <c r="AG265" i="2" l="1"/>
  <c r="AB266" i="2"/>
  <c r="AC265" i="2"/>
  <c r="AE265" i="2"/>
  <c r="AI265" i="2"/>
  <c r="AG266" i="2" l="1"/>
  <c r="AB267" i="2"/>
  <c r="AI266" i="2"/>
  <c r="AE266" i="2"/>
  <c r="AC266" i="2"/>
  <c r="AB268" i="2" l="1"/>
  <c r="AG267" i="2"/>
  <c r="AI267" i="2"/>
  <c r="AE267" i="2"/>
  <c r="AC267" i="2"/>
  <c r="AB269" i="2" l="1"/>
  <c r="AG268" i="2"/>
  <c r="AI268" i="2"/>
  <c r="AC268" i="2"/>
  <c r="AE268" i="2"/>
  <c r="AG269" i="2" l="1"/>
  <c r="AB270" i="2"/>
  <c r="AC269" i="2"/>
  <c r="AE269" i="2"/>
  <c r="AI269" i="2"/>
  <c r="AB271" i="2" l="1"/>
  <c r="AG270" i="2"/>
  <c r="AI270" i="2"/>
  <c r="AE270" i="2"/>
  <c r="AC270" i="2"/>
  <c r="AB272" i="2" l="1"/>
  <c r="AG271" i="2"/>
  <c r="AI271" i="2"/>
  <c r="AE271" i="2"/>
  <c r="AC271" i="2"/>
  <c r="AG272" i="2" l="1"/>
  <c r="AB273" i="2"/>
  <c r="AI272" i="2"/>
  <c r="AE272" i="2"/>
  <c r="AC272" i="2"/>
  <c r="AG273" i="2" l="1"/>
  <c r="AB274" i="2"/>
  <c r="AC273" i="2"/>
  <c r="AE273" i="2"/>
  <c r="AI273" i="2"/>
  <c r="AG274" i="2" l="1"/>
  <c r="AB275" i="2"/>
  <c r="AI274" i="2"/>
  <c r="AE274" i="2"/>
  <c r="AC274" i="2"/>
  <c r="AB276" i="2" l="1"/>
  <c r="AG275" i="2"/>
  <c r="AI275" i="2"/>
  <c r="AE275" i="2"/>
  <c r="AC275" i="2"/>
  <c r="AB277" i="2" l="1"/>
  <c r="AG276" i="2"/>
  <c r="AI276" i="2"/>
  <c r="AE276" i="2"/>
  <c r="AC276" i="2"/>
  <c r="AG277" i="2" l="1"/>
  <c r="AB278" i="2"/>
  <c r="AC277" i="2"/>
  <c r="AI277" i="2"/>
  <c r="AE277" i="2"/>
  <c r="AB279" i="2" l="1"/>
  <c r="AG278" i="2"/>
  <c r="AI278" i="2"/>
  <c r="AE278" i="2"/>
  <c r="AC278" i="2"/>
  <c r="AB280" i="2" l="1"/>
  <c r="AG279" i="2"/>
  <c r="AI279" i="2"/>
  <c r="AE279" i="2"/>
  <c r="AC279" i="2"/>
  <c r="AG280" i="2" l="1"/>
  <c r="AB281" i="2"/>
  <c r="AI280" i="2"/>
  <c r="AE280" i="2"/>
  <c r="AC280" i="2"/>
  <c r="AG281" i="2" l="1"/>
  <c r="AB282" i="2"/>
  <c r="AC281" i="2"/>
  <c r="AI281" i="2"/>
  <c r="AE281" i="2"/>
  <c r="AG282" i="2" l="1"/>
  <c r="AB283" i="2"/>
  <c r="AI282" i="2"/>
  <c r="AE282" i="2"/>
  <c r="AC282" i="2"/>
  <c r="AB284" i="2" l="1"/>
  <c r="AG283" i="2"/>
  <c r="AI283" i="2"/>
  <c r="AE283" i="2"/>
  <c r="AC283" i="2"/>
  <c r="AB285" i="2" l="1"/>
  <c r="AG284" i="2"/>
  <c r="AI284" i="2"/>
  <c r="AC284" i="2"/>
  <c r="AE284" i="2"/>
  <c r="AG285" i="2" l="1"/>
  <c r="AB286" i="2"/>
  <c r="AE285" i="2"/>
  <c r="AC285" i="2"/>
  <c r="AI285" i="2"/>
  <c r="AB287" i="2" l="1"/>
  <c r="AG286" i="2"/>
  <c r="AI286" i="2"/>
  <c r="AE286" i="2"/>
  <c r="AC286" i="2"/>
  <c r="AB288" i="2" l="1"/>
  <c r="AG287" i="2"/>
  <c r="AI287" i="2"/>
  <c r="AE287" i="2"/>
  <c r="AC287" i="2"/>
  <c r="AG288" i="2" l="1"/>
  <c r="AB289" i="2"/>
  <c r="AI288" i="2"/>
  <c r="AE288" i="2"/>
  <c r="AC288" i="2"/>
  <c r="AG289" i="2" l="1"/>
  <c r="AB290" i="2"/>
  <c r="AC289" i="2"/>
  <c r="AI289" i="2"/>
  <c r="AE289" i="2"/>
  <c r="AG290" i="2" l="1"/>
  <c r="AB291" i="2"/>
  <c r="AI290" i="2"/>
  <c r="AE290" i="2"/>
  <c r="AC290" i="2"/>
  <c r="AB292" i="2" l="1"/>
  <c r="AG291" i="2"/>
  <c r="AI291" i="2"/>
  <c r="AE291" i="2"/>
  <c r="AC291" i="2"/>
  <c r="AB293" i="2" l="1"/>
  <c r="AG292" i="2"/>
  <c r="AE292" i="2"/>
  <c r="AI292" i="2"/>
  <c r="AC292" i="2"/>
  <c r="AG293" i="2" l="1"/>
  <c r="AB294" i="2"/>
  <c r="AC293" i="2"/>
  <c r="AE293" i="2"/>
  <c r="AI293" i="2"/>
  <c r="AB295" i="2" l="1"/>
  <c r="AG294" i="2"/>
  <c r="AE294" i="2"/>
  <c r="AI294" i="2"/>
  <c r="AC294" i="2"/>
  <c r="AB296" i="2" l="1"/>
  <c r="AC295" i="2"/>
  <c r="AE295" i="2"/>
  <c r="AI295" i="2"/>
  <c r="AG295" i="2"/>
  <c r="AG296" i="2" l="1"/>
  <c r="AB297" i="2"/>
  <c r="AE296" i="2"/>
  <c r="AI296" i="2"/>
  <c r="AC296" i="2"/>
  <c r="AG297" i="2" l="1"/>
  <c r="AB298" i="2"/>
  <c r="AC297" i="2"/>
  <c r="AE297" i="2"/>
  <c r="AI297" i="2"/>
  <c r="AG298" i="2" l="1"/>
  <c r="AB299" i="2"/>
  <c r="AE298" i="2"/>
  <c r="AI298" i="2"/>
  <c r="AC298" i="2"/>
  <c r="AB300" i="2" l="1"/>
  <c r="AG299" i="2"/>
  <c r="AC299" i="2"/>
  <c r="AE299" i="2"/>
  <c r="AI299" i="2"/>
  <c r="AB301" i="2" l="1"/>
  <c r="AG300" i="2"/>
  <c r="AE300" i="2"/>
  <c r="AI300" i="2"/>
  <c r="AC300" i="2"/>
  <c r="AG301" i="2" l="1"/>
  <c r="AB302" i="2"/>
  <c r="AC301" i="2"/>
  <c r="AE301" i="2"/>
  <c r="AI301" i="2"/>
  <c r="AB303" i="2" l="1"/>
  <c r="AG302" i="2"/>
  <c r="AE302" i="2"/>
  <c r="AI302" i="2"/>
  <c r="AC302" i="2"/>
  <c r="AB304" i="2" l="1"/>
  <c r="AG303" i="2"/>
  <c r="AC303" i="2"/>
  <c r="AE303" i="2"/>
  <c r="AI303" i="2"/>
  <c r="AG304" i="2" l="1"/>
  <c r="AB305" i="2"/>
  <c r="AE304" i="2"/>
  <c r="AI304" i="2"/>
  <c r="AC304" i="2"/>
  <c r="AG305" i="2" l="1"/>
  <c r="AB306" i="2"/>
  <c r="AC305" i="2"/>
  <c r="AE305" i="2"/>
  <c r="AI305" i="2"/>
  <c r="AG306" i="2" l="1"/>
  <c r="AB307" i="2"/>
  <c r="AE306" i="2"/>
  <c r="AI306" i="2"/>
  <c r="AC306" i="2"/>
  <c r="AB308" i="2" l="1"/>
  <c r="AG307" i="2"/>
  <c r="AC307" i="2"/>
  <c r="AE307" i="2"/>
  <c r="AI307" i="2"/>
  <c r="AB309" i="2" l="1"/>
  <c r="AG308" i="2"/>
  <c r="AE308" i="2"/>
  <c r="AI308" i="2"/>
  <c r="AC308" i="2"/>
  <c r="AG309" i="2" l="1"/>
  <c r="AB310" i="2"/>
  <c r="AC309" i="2"/>
  <c r="AE309" i="2"/>
  <c r="AI309" i="2"/>
  <c r="AB311" i="2" l="1"/>
  <c r="AG310" i="2"/>
  <c r="AE310" i="2"/>
  <c r="AI310" i="2"/>
  <c r="AC310" i="2"/>
  <c r="AB312" i="2" l="1"/>
  <c r="AG311" i="2"/>
  <c r="AC311" i="2"/>
  <c r="AE311" i="2"/>
  <c r="AI311" i="2"/>
  <c r="AG312" i="2" l="1"/>
  <c r="AB313" i="2"/>
  <c r="AE312" i="2"/>
  <c r="AI312" i="2"/>
  <c r="AC312" i="2"/>
  <c r="AG313" i="2" l="1"/>
  <c r="AB314" i="2"/>
  <c r="AC313" i="2"/>
  <c r="AE313" i="2"/>
  <c r="AI313" i="2"/>
  <c r="AG314" i="2" l="1"/>
  <c r="AB315" i="2"/>
  <c r="AE314" i="2"/>
  <c r="AI314" i="2"/>
  <c r="AC314" i="2"/>
  <c r="AB316" i="2" l="1"/>
  <c r="AG315" i="2"/>
  <c r="AC315" i="2"/>
  <c r="AE315" i="2"/>
  <c r="AI315" i="2"/>
  <c r="AB317" i="2" l="1"/>
  <c r="AG316" i="2"/>
  <c r="AE316" i="2"/>
  <c r="AI316" i="2"/>
  <c r="AC316" i="2"/>
  <c r="AG317" i="2" l="1"/>
  <c r="AB318" i="2"/>
  <c r="AC317" i="2"/>
  <c r="AE317" i="2"/>
  <c r="AI317" i="2"/>
  <c r="AB319" i="2" l="1"/>
  <c r="AG318" i="2"/>
  <c r="AE318" i="2"/>
  <c r="AI318" i="2"/>
  <c r="AC318" i="2"/>
  <c r="AB320" i="2" l="1"/>
  <c r="AG319" i="2"/>
  <c r="AC319" i="2"/>
  <c r="AE319" i="2"/>
  <c r="AI319" i="2"/>
  <c r="AG320" i="2" l="1"/>
  <c r="AB321" i="2"/>
  <c r="AE320" i="2"/>
  <c r="AI320" i="2"/>
  <c r="AC320" i="2"/>
  <c r="AG321" i="2" l="1"/>
  <c r="AB322" i="2"/>
  <c r="AC321" i="2"/>
  <c r="AE321" i="2"/>
  <c r="AI321" i="2"/>
  <c r="AG322" i="2" l="1"/>
  <c r="AB323" i="2"/>
  <c r="AE322" i="2"/>
  <c r="AI322" i="2"/>
  <c r="AC322" i="2"/>
  <c r="AB324" i="2" l="1"/>
  <c r="AG323" i="2"/>
  <c r="AC323" i="2"/>
  <c r="AE323" i="2"/>
  <c r="AI323" i="2"/>
  <c r="AB325" i="2" l="1"/>
  <c r="AE324" i="2"/>
  <c r="AG324" i="2"/>
  <c r="AI324" i="2"/>
  <c r="AC324" i="2"/>
  <c r="AG325" i="2" l="1"/>
  <c r="AB326" i="2"/>
  <c r="AC325" i="2"/>
  <c r="AE325" i="2"/>
  <c r="AI325" i="2"/>
  <c r="AB327" i="2" l="1"/>
  <c r="AG326" i="2"/>
  <c r="AE326" i="2"/>
  <c r="AI326" i="2"/>
  <c r="AC326" i="2"/>
  <c r="AB328" i="2" l="1"/>
  <c r="AG327" i="2"/>
  <c r="AC327" i="2"/>
  <c r="AE327" i="2"/>
  <c r="AI327" i="2"/>
  <c r="AG328" i="2" l="1"/>
  <c r="AB329" i="2"/>
  <c r="AE328" i="2"/>
  <c r="AI328" i="2"/>
  <c r="AC328" i="2"/>
  <c r="AG329" i="2" l="1"/>
  <c r="AB330" i="2"/>
  <c r="AC329" i="2"/>
  <c r="AE329" i="2"/>
  <c r="AI329" i="2"/>
  <c r="AG330" i="2" l="1"/>
  <c r="AB331" i="2"/>
  <c r="AE330" i="2"/>
  <c r="AI330" i="2"/>
  <c r="AC330" i="2"/>
  <c r="AB332" i="2" l="1"/>
  <c r="AG331" i="2"/>
  <c r="AC331" i="2"/>
  <c r="AE331" i="2"/>
  <c r="AI331" i="2"/>
  <c r="AB333" i="2" l="1"/>
  <c r="AG332" i="2"/>
  <c r="AE332" i="2"/>
  <c r="AI332" i="2"/>
  <c r="AC332" i="2"/>
  <c r="AG333" i="2" l="1"/>
  <c r="AB334" i="2"/>
  <c r="AC333" i="2"/>
  <c r="AE333" i="2"/>
  <c r="AI333" i="2"/>
  <c r="AB335" i="2" l="1"/>
  <c r="AG334" i="2"/>
  <c r="AE334" i="2"/>
  <c r="AI334" i="2"/>
  <c r="AC334" i="2"/>
  <c r="AB336" i="2" l="1"/>
  <c r="AG335" i="2"/>
  <c r="AC335" i="2"/>
  <c r="AE335" i="2"/>
  <c r="AI335" i="2"/>
  <c r="AG336" i="2" l="1"/>
  <c r="AB337" i="2"/>
  <c r="AE336" i="2"/>
  <c r="AI336" i="2"/>
  <c r="AC336" i="2"/>
  <c r="AG337" i="2" l="1"/>
  <c r="AB338" i="2"/>
  <c r="AC337" i="2"/>
  <c r="AE337" i="2"/>
  <c r="AI337" i="2"/>
  <c r="AG338" i="2" l="1"/>
  <c r="AB339" i="2"/>
  <c r="AE338" i="2"/>
  <c r="AI338" i="2"/>
  <c r="AC338" i="2"/>
  <c r="AB340" i="2" l="1"/>
  <c r="AG339" i="2"/>
  <c r="AC339" i="2"/>
  <c r="AE339" i="2"/>
  <c r="AI339" i="2"/>
  <c r="AB341" i="2" l="1"/>
  <c r="AE340" i="2"/>
  <c r="AI340" i="2"/>
  <c r="AG340" i="2"/>
  <c r="AC340" i="2"/>
  <c r="AG341" i="2" l="1"/>
  <c r="AB342" i="2"/>
  <c r="AC341" i="2"/>
  <c r="AE341" i="2"/>
  <c r="AI341" i="2"/>
  <c r="AB343" i="2" l="1"/>
  <c r="AG342" i="2"/>
  <c r="AE342" i="2"/>
  <c r="AI342" i="2"/>
  <c r="AC342" i="2"/>
  <c r="AB344" i="2" l="1"/>
  <c r="AG343" i="2"/>
  <c r="AC343" i="2"/>
  <c r="AE343" i="2"/>
  <c r="AI343" i="2"/>
  <c r="AG344" i="2" l="1"/>
  <c r="AB345" i="2"/>
  <c r="AE344" i="2"/>
  <c r="AI344" i="2"/>
  <c r="AC344" i="2"/>
  <c r="AG345" i="2" l="1"/>
  <c r="AB346" i="2"/>
  <c r="AC345" i="2"/>
  <c r="AE345" i="2"/>
  <c r="AI345" i="2"/>
  <c r="AG346" i="2" l="1"/>
  <c r="AB347" i="2"/>
  <c r="AE346" i="2"/>
  <c r="AI346" i="2"/>
  <c r="AC346" i="2"/>
  <c r="AB348" i="2" l="1"/>
  <c r="AG347" i="2"/>
  <c r="AC347" i="2"/>
  <c r="AE347" i="2"/>
  <c r="AI347" i="2"/>
  <c r="AB349" i="2" l="1"/>
  <c r="AG348" i="2"/>
  <c r="AE348" i="2"/>
  <c r="AI348" i="2"/>
  <c r="AC348" i="2"/>
  <c r="AG349" i="2" l="1"/>
  <c r="AB350" i="2"/>
  <c r="AC349" i="2"/>
  <c r="AE349" i="2"/>
  <c r="AI349" i="2"/>
  <c r="AB351" i="2" l="1"/>
  <c r="AG350" i="2"/>
  <c r="AE350" i="2"/>
  <c r="AI350" i="2"/>
  <c r="AC350" i="2"/>
  <c r="AB352" i="2" l="1"/>
  <c r="AG351" i="2"/>
  <c r="AC351" i="2"/>
  <c r="AE351" i="2"/>
  <c r="AI351" i="2"/>
  <c r="AG352" i="2" l="1"/>
  <c r="AB353" i="2"/>
  <c r="AE352" i="2"/>
  <c r="AI352" i="2"/>
  <c r="AC352" i="2"/>
  <c r="AG353" i="2" l="1"/>
  <c r="AB354" i="2"/>
  <c r="AC353" i="2"/>
  <c r="AE353" i="2"/>
  <c r="AI353" i="2"/>
  <c r="AG354" i="2" l="1"/>
  <c r="AE354" i="2"/>
  <c r="AB355" i="2"/>
  <c r="AI354" i="2"/>
  <c r="AC354" i="2"/>
  <c r="AB356" i="2" l="1"/>
  <c r="AG355" i="2"/>
  <c r="AC355" i="2"/>
  <c r="AE355" i="2"/>
  <c r="AI355" i="2"/>
  <c r="AB357" i="2" l="1"/>
  <c r="AG356" i="2"/>
  <c r="AE356" i="2"/>
  <c r="AI356" i="2"/>
  <c r="AC356" i="2"/>
  <c r="AG357" i="2" l="1"/>
  <c r="AB358" i="2"/>
  <c r="AC357" i="2"/>
  <c r="AE357" i="2"/>
  <c r="AI357" i="2"/>
  <c r="AB359" i="2" l="1"/>
  <c r="AG358" i="2"/>
  <c r="AE358" i="2"/>
  <c r="AI358" i="2"/>
  <c r="AC358" i="2"/>
  <c r="AB360" i="2" l="1"/>
  <c r="AC359" i="2"/>
  <c r="AG359" i="2"/>
  <c r="AE359" i="2"/>
  <c r="AI359" i="2"/>
  <c r="AG360" i="2" l="1"/>
  <c r="AB361" i="2"/>
  <c r="AE360" i="2"/>
  <c r="AI360" i="2"/>
  <c r="AC360" i="2"/>
  <c r="AG361" i="2" l="1"/>
  <c r="AB362" i="2"/>
  <c r="AC361" i="2"/>
  <c r="AE361" i="2"/>
  <c r="AI361" i="2"/>
  <c r="AG362" i="2" l="1"/>
  <c r="AB363" i="2"/>
  <c r="AE362" i="2"/>
  <c r="AI362" i="2"/>
  <c r="AC362" i="2"/>
  <c r="AB364" i="2" l="1"/>
  <c r="AG363" i="2"/>
  <c r="AC363" i="2"/>
  <c r="AE363" i="2"/>
  <c r="AI363" i="2"/>
  <c r="AB365" i="2" l="1"/>
  <c r="AG364" i="2"/>
  <c r="AE364" i="2"/>
  <c r="AI364" i="2"/>
  <c r="AC364" i="2"/>
  <c r="AG365" i="2" l="1"/>
  <c r="AB366" i="2"/>
  <c r="AC365" i="2"/>
  <c r="AE365" i="2"/>
  <c r="AI365" i="2"/>
  <c r="AB367" i="2" l="1"/>
  <c r="AG366" i="2"/>
  <c r="AE366" i="2"/>
  <c r="AI366" i="2"/>
  <c r="AC366" i="2"/>
  <c r="AB368" i="2" l="1"/>
  <c r="AG367" i="2"/>
  <c r="AC367" i="2"/>
  <c r="AE367" i="2"/>
  <c r="AI367" i="2"/>
  <c r="AG368" i="2" l="1"/>
  <c r="AB369" i="2"/>
  <c r="AE368" i="2"/>
  <c r="AI368" i="2"/>
  <c r="AC368" i="2"/>
  <c r="AG369" i="2" l="1"/>
  <c r="AB370" i="2"/>
  <c r="AC369" i="2"/>
  <c r="AE369" i="2"/>
  <c r="AI369" i="2"/>
  <c r="AG370" i="2" l="1"/>
  <c r="AB371" i="2"/>
  <c r="AE370" i="2"/>
  <c r="AI370" i="2"/>
  <c r="AC370" i="2"/>
  <c r="AB372" i="2" l="1"/>
  <c r="AG371" i="2"/>
  <c r="AC371" i="2"/>
  <c r="AE371" i="2"/>
  <c r="AI371" i="2"/>
  <c r="AB373" i="2" l="1"/>
  <c r="AG372" i="2"/>
  <c r="AE372" i="2"/>
  <c r="AI372" i="2"/>
  <c r="AC372" i="2"/>
  <c r="AG373" i="2" l="1"/>
  <c r="AB374" i="2"/>
  <c r="AC373" i="2"/>
  <c r="AE373" i="2"/>
  <c r="AI373" i="2"/>
  <c r="AB375" i="2" l="1"/>
  <c r="AG374" i="2"/>
  <c r="AE374" i="2"/>
  <c r="AI374" i="2"/>
  <c r="AC374" i="2"/>
  <c r="AB376" i="2" l="1"/>
  <c r="AG375" i="2"/>
  <c r="AC375" i="2"/>
  <c r="AE375" i="2"/>
  <c r="AI375" i="2"/>
  <c r="AG376" i="2" l="1"/>
  <c r="AB377" i="2"/>
  <c r="AE376" i="2"/>
  <c r="AI376" i="2"/>
  <c r="AC376" i="2"/>
  <c r="AG377" i="2" l="1"/>
  <c r="AB378" i="2"/>
  <c r="AC377" i="2"/>
  <c r="AE377" i="2"/>
  <c r="AI377" i="2"/>
  <c r="AG378" i="2" l="1"/>
  <c r="AB379" i="2"/>
  <c r="AE378" i="2"/>
  <c r="AI378" i="2"/>
  <c r="AC378" i="2"/>
  <c r="AB380" i="2" l="1"/>
  <c r="AG379" i="2"/>
  <c r="AC379" i="2"/>
  <c r="AE379" i="2"/>
  <c r="AI379" i="2"/>
  <c r="AB381" i="2" l="1"/>
  <c r="AG380" i="2"/>
  <c r="AE380" i="2"/>
  <c r="AI380" i="2"/>
  <c r="AC380" i="2"/>
  <c r="AG381" i="2" l="1"/>
  <c r="AB382" i="2"/>
  <c r="AC381" i="2"/>
  <c r="AE381" i="2"/>
  <c r="AI381" i="2"/>
  <c r="AB383" i="2" l="1"/>
  <c r="AG382" i="2"/>
  <c r="AE382" i="2"/>
  <c r="AI382" i="2"/>
  <c r="AC382" i="2"/>
  <c r="AB384" i="2" l="1"/>
  <c r="AG383" i="2"/>
  <c r="AC383" i="2"/>
  <c r="AE383" i="2"/>
  <c r="AI383" i="2"/>
  <c r="AG384" i="2" l="1"/>
  <c r="AB385" i="2"/>
  <c r="AE384" i="2"/>
  <c r="AI384" i="2"/>
  <c r="AC384" i="2"/>
  <c r="AG385" i="2" l="1"/>
  <c r="AB386" i="2"/>
  <c r="AC385" i="2"/>
  <c r="AE385" i="2"/>
  <c r="AI385" i="2"/>
  <c r="AG386" i="2" l="1"/>
  <c r="AB387" i="2"/>
  <c r="AE386" i="2"/>
  <c r="AI386" i="2"/>
  <c r="AC386" i="2"/>
  <c r="AB388" i="2" l="1"/>
  <c r="AG387" i="2"/>
  <c r="AC387" i="2"/>
  <c r="AE387" i="2"/>
  <c r="AI387" i="2"/>
  <c r="AB389" i="2" l="1"/>
  <c r="AG388" i="2"/>
  <c r="AE388" i="2"/>
  <c r="AI388" i="2"/>
  <c r="AC388" i="2"/>
  <c r="AG389" i="2" l="1"/>
  <c r="AB390" i="2"/>
  <c r="AC389" i="2"/>
  <c r="AE389" i="2"/>
  <c r="AI389" i="2"/>
  <c r="AB391" i="2" l="1"/>
  <c r="AG390" i="2"/>
  <c r="AE390" i="2"/>
  <c r="AI390" i="2"/>
  <c r="AC390" i="2"/>
  <c r="AB392" i="2" l="1"/>
  <c r="AG391" i="2"/>
  <c r="AC391" i="2"/>
  <c r="AE391" i="2"/>
  <c r="AI391" i="2"/>
  <c r="AG392" i="2" l="1"/>
  <c r="AB393" i="2"/>
  <c r="AE392" i="2"/>
  <c r="AI392" i="2"/>
  <c r="AC392" i="2"/>
  <c r="AG393" i="2" l="1"/>
  <c r="AB394" i="2"/>
  <c r="AC393" i="2"/>
  <c r="AE393" i="2"/>
  <c r="AI393" i="2"/>
  <c r="AG394" i="2" l="1"/>
  <c r="AB395" i="2"/>
  <c r="AE394" i="2"/>
  <c r="AI394" i="2"/>
  <c r="AC394" i="2"/>
  <c r="AB396" i="2" l="1"/>
  <c r="AG395" i="2"/>
  <c r="AC395" i="2"/>
  <c r="AE395" i="2"/>
  <c r="AI395" i="2"/>
  <c r="AB397" i="2" l="1"/>
  <c r="AG396" i="2"/>
  <c r="AE396" i="2"/>
  <c r="AI396" i="2"/>
  <c r="AC396" i="2"/>
  <c r="AG397" i="2" l="1"/>
  <c r="AB398" i="2"/>
  <c r="AC397" i="2"/>
  <c r="AE397" i="2"/>
  <c r="AI397" i="2"/>
  <c r="AB399" i="2" l="1"/>
  <c r="AG398" i="2"/>
  <c r="AE398" i="2"/>
  <c r="AI398" i="2"/>
  <c r="AC398" i="2"/>
  <c r="AB400" i="2" l="1"/>
  <c r="AG399" i="2"/>
  <c r="AC399" i="2"/>
  <c r="AE399" i="2"/>
  <c r="AI399" i="2"/>
  <c r="AG400" i="2" l="1"/>
  <c r="AB401" i="2"/>
  <c r="AE400" i="2"/>
  <c r="AI400" i="2"/>
  <c r="AC400" i="2"/>
  <c r="AG401" i="2" l="1"/>
  <c r="AB402" i="2"/>
  <c r="AC401" i="2"/>
  <c r="AE401" i="2"/>
  <c r="AI401" i="2"/>
  <c r="AG402" i="2" l="1"/>
  <c r="AB403" i="2"/>
  <c r="AE402" i="2"/>
  <c r="AI402" i="2"/>
  <c r="AC402" i="2"/>
  <c r="AB404" i="2" l="1"/>
  <c r="AC403" i="2"/>
  <c r="AE403" i="2"/>
  <c r="AI403" i="2"/>
  <c r="AG403" i="2"/>
  <c r="AB405" i="2" l="1"/>
  <c r="AG404" i="2"/>
  <c r="AE404" i="2"/>
  <c r="AI404" i="2"/>
  <c r="AC404" i="2"/>
  <c r="AG405" i="2" l="1"/>
  <c r="AB406" i="2"/>
  <c r="AC405" i="2"/>
  <c r="AE405" i="2"/>
  <c r="AI405" i="2"/>
  <c r="AB407" i="2" l="1"/>
  <c r="AE406" i="2"/>
  <c r="AG406" i="2"/>
  <c r="AI406" i="2"/>
  <c r="AC406" i="2"/>
  <c r="AB408" i="2" l="1"/>
  <c r="AG407" i="2"/>
  <c r="AC407" i="2"/>
  <c r="AE407" i="2"/>
  <c r="AI407" i="2"/>
  <c r="AB409" i="2" l="1"/>
  <c r="AG408" i="2"/>
  <c r="AE408" i="2"/>
  <c r="AI408" i="2"/>
  <c r="AC408" i="2"/>
  <c r="AG409" i="2" l="1"/>
  <c r="AB410" i="2"/>
  <c r="AC409" i="2"/>
  <c r="AE409" i="2"/>
  <c r="AI409" i="2"/>
  <c r="AG410" i="2" l="1"/>
  <c r="AB411" i="2"/>
  <c r="AE410" i="2"/>
  <c r="AI410" i="2"/>
  <c r="AC410" i="2"/>
  <c r="AB412" i="2" l="1"/>
  <c r="AG411" i="2"/>
  <c r="AC411" i="2"/>
  <c r="AE411" i="2"/>
  <c r="AI411" i="2"/>
  <c r="AB413" i="2" l="1"/>
  <c r="AG412" i="2"/>
  <c r="AE412" i="2"/>
  <c r="AI412" i="2"/>
  <c r="AC412" i="2"/>
  <c r="AG413" i="2" l="1"/>
  <c r="AB414" i="2"/>
  <c r="AC413" i="2"/>
  <c r="AE413" i="2"/>
  <c r="AI413" i="2"/>
  <c r="AB415" i="2" l="1"/>
  <c r="AG414" i="2"/>
  <c r="AE414" i="2"/>
  <c r="AI414" i="2"/>
  <c r="AC414" i="2"/>
  <c r="AB416" i="2" l="1"/>
  <c r="AC415" i="2"/>
  <c r="AE415" i="2"/>
  <c r="AI415" i="2"/>
  <c r="AG415" i="2"/>
  <c r="AB417" i="2" l="1"/>
  <c r="AG416" i="2"/>
  <c r="AE416" i="2"/>
  <c r="AI416" i="2"/>
  <c r="AC416" i="2"/>
  <c r="AG417" i="2" l="1"/>
  <c r="AB418" i="2"/>
  <c r="AC417" i="2"/>
  <c r="AE417" i="2"/>
  <c r="AI417" i="2"/>
  <c r="AG418" i="2" l="1"/>
  <c r="AE418" i="2"/>
  <c r="AC418" i="2"/>
  <c r="AB419" i="2"/>
  <c r="AI418" i="2"/>
  <c r="AB420" i="2" l="1"/>
  <c r="AG419" i="2"/>
  <c r="AE419" i="2"/>
  <c r="AC419" i="2"/>
  <c r="AI419" i="2"/>
  <c r="AB421" i="2" l="1"/>
  <c r="AG420" i="2"/>
  <c r="AC420" i="2"/>
  <c r="AE420" i="2"/>
  <c r="AI420" i="2"/>
  <c r="AG421" i="2" l="1"/>
  <c r="AB422" i="2"/>
  <c r="AE421" i="2"/>
  <c r="AC421" i="2"/>
  <c r="AI421" i="2"/>
  <c r="AB423" i="2" l="1"/>
  <c r="AG422" i="2"/>
  <c r="AC422" i="2"/>
  <c r="AE422" i="2"/>
  <c r="AI422" i="2"/>
  <c r="AB424" i="2" l="1"/>
  <c r="AG423" i="2"/>
  <c r="AE423" i="2"/>
  <c r="AC423" i="2"/>
  <c r="AI423" i="2"/>
  <c r="AB425" i="2" l="1"/>
  <c r="AG424" i="2"/>
  <c r="AC424" i="2"/>
  <c r="AE424" i="2"/>
  <c r="AI424" i="2"/>
  <c r="AB426" i="2" l="1"/>
  <c r="AG425" i="2"/>
  <c r="AE425" i="2"/>
  <c r="AC425" i="2"/>
  <c r="AI425" i="2"/>
  <c r="AB427" i="2" l="1"/>
  <c r="AG426" i="2"/>
  <c r="AC426" i="2"/>
  <c r="AE426" i="2"/>
  <c r="AI426" i="2"/>
  <c r="AB428" i="2" l="1"/>
  <c r="AG427" i="2"/>
  <c r="AE427" i="2"/>
  <c r="AC427" i="2"/>
  <c r="AI427" i="2"/>
  <c r="AB429" i="2" l="1"/>
  <c r="AG428" i="2"/>
  <c r="AC428" i="2"/>
  <c r="AE428" i="2"/>
  <c r="AI428" i="2"/>
  <c r="AG429" i="2" l="1"/>
  <c r="AB430" i="2"/>
  <c r="AE429" i="2"/>
  <c r="AC429" i="2"/>
  <c r="AI429" i="2"/>
  <c r="AB431" i="2" l="1"/>
  <c r="AG430" i="2"/>
  <c r="AC430" i="2"/>
  <c r="AE430" i="2"/>
  <c r="AI430" i="2"/>
  <c r="AB432" i="2" l="1"/>
  <c r="AG431" i="2"/>
  <c r="AE431" i="2"/>
  <c r="AC431" i="2"/>
  <c r="AI431" i="2"/>
  <c r="AB433" i="2" l="1"/>
  <c r="AG432" i="2"/>
  <c r="AC432" i="2"/>
  <c r="AE432" i="2"/>
  <c r="AI432" i="2"/>
  <c r="AB434" i="2" l="1"/>
  <c r="AG433" i="2"/>
  <c r="AE433" i="2"/>
  <c r="AC433" i="2"/>
  <c r="AI433" i="2"/>
  <c r="AG434" i="2" l="1"/>
  <c r="AB435" i="2"/>
  <c r="AC434" i="2"/>
  <c r="AE434" i="2"/>
  <c r="AI434" i="2"/>
  <c r="AB436" i="2" l="1"/>
  <c r="AE435" i="2"/>
  <c r="AG435" i="2"/>
  <c r="AC435" i="2"/>
  <c r="AI435" i="2"/>
  <c r="AB437" i="2" l="1"/>
  <c r="AG436" i="2"/>
  <c r="AC436" i="2"/>
  <c r="AE436" i="2"/>
  <c r="AI436" i="2"/>
  <c r="AB438" i="2" l="1"/>
  <c r="AE437" i="2"/>
  <c r="AG437" i="2"/>
  <c r="AC437" i="2"/>
  <c r="AI437" i="2"/>
  <c r="AB439" i="2" l="1"/>
  <c r="AG438" i="2"/>
  <c r="AC438" i="2"/>
  <c r="AE438" i="2"/>
  <c r="AI438" i="2"/>
  <c r="AB440" i="2" l="1"/>
  <c r="AG439" i="2"/>
  <c r="AE439" i="2"/>
  <c r="AC439" i="2"/>
  <c r="AI439" i="2"/>
  <c r="AB441" i="2" l="1"/>
  <c r="AG440" i="2"/>
  <c r="AC440" i="2"/>
  <c r="AE440" i="2"/>
  <c r="AI440" i="2"/>
  <c r="AB442" i="2" l="1"/>
  <c r="AG441" i="2"/>
  <c r="AE441" i="2"/>
  <c r="AC441" i="2"/>
  <c r="AI441" i="2"/>
  <c r="AB443" i="2" l="1"/>
  <c r="AG442" i="2"/>
  <c r="AC442" i="2"/>
  <c r="AE442" i="2"/>
  <c r="AI442" i="2"/>
  <c r="AB444" i="2" l="1"/>
  <c r="AE443" i="2"/>
  <c r="AG443" i="2"/>
  <c r="AC443" i="2"/>
  <c r="AI443" i="2"/>
  <c r="AB445" i="2" l="1"/>
  <c r="AG444" i="2"/>
  <c r="AC444" i="2"/>
  <c r="AE444" i="2"/>
  <c r="AI444" i="2"/>
  <c r="AB446" i="2" l="1"/>
  <c r="AE445" i="2"/>
  <c r="AG445" i="2"/>
  <c r="AC445" i="2"/>
  <c r="AI445" i="2"/>
  <c r="AB447" i="2" l="1"/>
  <c r="AG446" i="2"/>
  <c r="AC446" i="2"/>
  <c r="AE446" i="2"/>
  <c r="AI446" i="2"/>
  <c r="AB448" i="2" l="1"/>
  <c r="AG447" i="2"/>
  <c r="AE447" i="2"/>
  <c r="AC447" i="2"/>
  <c r="AI447" i="2"/>
  <c r="AB449" i="2" l="1"/>
  <c r="AG448" i="2"/>
  <c r="AC448" i="2"/>
  <c r="AE448" i="2"/>
  <c r="AI448" i="2"/>
  <c r="AB450" i="2" l="1"/>
  <c r="AG449" i="2"/>
  <c r="AE449" i="2"/>
  <c r="AC449" i="2"/>
  <c r="AI449" i="2"/>
  <c r="AB451" i="2" l="1"/>
  <c r="AG450" i="2"/>
  <c r="AC450" i="2"/>
  <c r="AE450" i="2"/>
  <c r="AI450" i="2"/>
  <c r="AB452" i="2" l="1"/>
  <c r="AE451" i="2"/>
  <c r="AC451" i="2"/>
  <c r="AG451" i="2"/>
  <c r="AI451" i="2"/>
  <c r="AB453" i="2" l="1"/>
  <c r="AG452" i="2"/>
  <c r="AC452" i="2"/>
  <c r="AE452" i="2"/>
  <c r="AI452" i="2"/>
  <c r="AB454" i="2" l="1"/>
  <c r="AG453" i="2"/>
  <c r="AE453" i="2"/>
  <c r="AC453" i="2"/>
  <c r="AI453" i="2"/>
  <c r="AB455" i="2" l="1"/>
  <c r="AG454" i="2"/>
  <c r="AC454" i="2"/>
  <c r="AE454" i="2"/>
  <c r="AI454" i="2"/>
  <c r="AB456" i="2" l="1"/>
  <c r="AG455" i="2"/>
  <c r="AE455" i="2"/>
  <c r="AC455" i="2"/>
  <c r="AI455" i="2"/>
  <c r="AB457" i="2" l="1"/>
  <c r="AG456" i="2"/>
  <c r="AC456" i="2"/>
  <c r="AE456" i="2"/>
  <c r="AI456" i="2"/>
  <c r="AB458" i="2" l="1"/>
  <c r="AG457" i="2"/>
  <c r="AE457" i="2"/>
  <c r="AC457" i="2"/>
  <c r="AI457" i="2"/>
  <c r="AB459" i="2" l="1"/>
  <c r="AG458" i="2"/>
  <c r="AC458" i="2"/>
  <c r="AE458" i="2"/>
  <c r="AI458" i="2"/>
  <c r="AB460" i="2" l="1"/>
  <c r="AE459" i="2"/>
  <c r="AG459" i="2"/>
  <c r="AC459" i="2"/>
  <c r="AI459" i="2"/>
  <c r="AB461" i="2" l="1"/>
  <c r="AG460" i="2"/>
  <c r="AC460" i="2"/>
  <c r="AE460" i="2"/>
  <c r="AI460" i="2"/>
  <c r="AB462" i="2" l="1"/>
  <c r="AE461" i="2"/>
  <c r="AG461" i="2"/>
  <c r="AC461" i="2"/>
  <c r="AI461" i="2"/>
  <c r="AB463" i="2" l="1"/>
  <c r="AG462" i="2"/>
  <c r="AC462" i="2"/>
  <c r="AE462" i="2"/>
  <c r="AI462" i="2"/>
  <c r="AB464" i="2" l="1"/>
  <c r="AG463" i="2"/>
  <c r="AE463" i="2"/>
  <c r="AC463" i="2"/>
  <c r="AI463" i="2"/>
  <c r="AB465" i="2" l="1"/>
  <c r="AG464" i="2"/>
  <c r="AC464" i="2"/>
  <c r="AE464" i="2"/>
  <c r="AI464" i="2"/>
  <c r="AB466" i="2" l="1"/>
  <c r="AG465" i="2"/>
  <c r="AE465" i="2"/>
  <c r="AC465" i="2"/>
  <c r="AI465" i="2"/>
  <c r="AB467" i="2" l="1"/>
  <c r="AG466" i="2"/>
  <c r="AC466" i="2"/>
  <c r="AE466" i="2"/>
  <c r="AI466" i="2"/>
  <c r="AB468" i="2" l="1"/>
  <c r="AE467" i="2"/>
  <c r="AG467" i="2"/>
  <c r="AC467" i="2"/>
  <c r="AI467" i="2"/>
  <c r="AB469" i="2" l="1"/>
  <c r="AG468" i="2"/>
  <c r="AC468" i="2"/>
  <c r="AE468" i="2"/>
  <c r="AI468" i="2"/>
  <c r="AB470" i="2" l="1"/>
  <c r="AE469" i="2"/>
  <c r="AG469" i="2"/>
  <c r="AC469" i="2"/>
  <c r="AI469" i="2"/>
  <c r="AB471" i="2" l="1"/>
  <c r="AG470" i="2"/>
  <c r="AC470" i="2"/>
  <c r="AE470" i="2"/>
  <c r="AI470" i="2"/>
  <c r="AB472" i="2" l="1"/>
  <c r="AG471" i="2"/>
  <c r="AE471" i="2"/>
  <c r="AC471" i="2"/>
  <c r="AI471" i="2"/>
  <c r="AB473" i="2" l="1"/>
  <c r="AG472" i="2"/>
  <c r="AC472" i="2"/>
  <c r="AE472" i="2"/>
  <c r="AI472" i="2"/>
  <c r="AB474" i="2" l="1"/>
  <c r="AG473" i="2"/>
  <c r="AE473" i="2"/>
  <c r="AC473" i="2"/>
  <c r="AI473" i="2"/>
  <c r="AB475" i="2" l="1"/>
  <c r="AG474" i="2"/>
  <c r="AC474" i="2"/>
  <c r="AE474" i="2"/>
  <c r="AI474" i="2"/>
  <c r="AB476" i="2" l="1"/>
  <c r="AE475" i="2"/>
  <c r="AG475" i="2"/>
  <c r="AC475" i="2"/>
  <c r="AI475" i="2"/>
  <c r="AB477" i="2" l="1"/>
  <c r="AG476" i="2"/>
  <c r="AC476" i="2"/>
  <c r="AE476" i="2"/>
  <c r="AI476" i="2"/>
  <c r="AB478" i="2" l="1"/>
  <c r="AE477" i="2"/>
  <c r="AG477" i="2"/>
  <c r="AC477" i="2"/>
  <c r="AI477" i="2"/>
  <c r="AB479" i="2" l="1"/>
  <c r="AG478" i="2"/>
  <c r="AC478" i="2"/>
  <c r="AE478" i="2"/>
  <c r="AI478" i="2"/>
  <c r="AB480" i="2" l="1"/>
  <c r="AG479" i="2"/>
  <c r="AE479" i="2"/>
  <c r="AC479" i="2"/>
  <c r="AI479" i="2"/>
  <c r="AB481" i="2" l="1"/>
  <c r="AG480" i="2"/>
  <c r="AC480" i="2"/>
  <c r="AE480" i="2"/>
  <c r="AI480" i="2"/>
  <c r="AB482" i="2" l="1"/>
  <c r="AG481" i="2"/>
  <c r="AE481" i="2"/>
  <c r="AC481" i="2"/>
  <c r="AI481" i="2"/>
  <c r="AG482" i="2" l="1"/>
  <c r="AB483" i="2"/>
  <c r="AC482" i="2"/>
  <c r="AE482" i="2"/>
  <c r="AI482" i="2"/>
  <c r="AB484" i="2" l="1"/>
  <c r="AE483" i="2"/>
  <c r="AC483" i="2"/>
  <c r="AG483" i="2"/>
  <c r="AI483" i="2"/>
  <c r="AB485" i="2" l="1"/>
  <c r="AG484" i="2"/>
  <c r="AC484" i="2"/>
  <c r="AE484" i="2"/>
  <c r="AI484" i="2"/>
  <c r="AB486" i="2" l="1"/>
  <c r="AG485" i="2"/>
  <c r="AE485" i="2"/>
  <c r="AC485" i="2"/>
  <c r="AI485" i="2"/>
  <c r="AB487" i="2" l="1"/>
  <c r="AG486" i="2"/>
  <c r="AC486" i="2"/>
  <c r="AE486" i="2"/>
  <c r="AI486" i="2"/>
  <c r="AB488" i="2" l="1"/>
  <c r="AG487" i="2"/>
  <c r="AE487" i="2"/>
  <c r="AC487" i="2"/>
  <c r="AI487" i="2"/>
  <c r="AB489" i="2" l="1"/>
  <c r="AG488" i="2"/>
  <c r="AC488" i="2"/>
  <c r="AE488" i="2"/>
  <c r="AI488" i="2"/>
  <c r="AB490" i="2" l="1"/>
  <c r="AG489" i="2"/>
  <c r="AE489" i="2"/>
  <c r="AC489" i="2"/>
  <c r="AI489" i="2"/>
  <c r="AG490" i="2" l="1"/>
  <c r="AB491" i="2"/>
  <c r="AC490" i="2"/>
  <c r="AE490" i="2"/>
  <c r="AI490" i="2"/>
  <c r="AB492" i="2" l="1"/>
  <c r="AE491" i="2"/>
  <c r="AG491" i="2"/>
  <c r="AC491" i="2"/>
  <c r="AI491" i="2"/>
  <c r="AB493" i="2" l="1"/>
  <c r="AG492" i="2"/>
  <c r="AC492" i="2"/>
  <c r="AE492" i="2"/>
  <c r="AI492" i="2"/>
  <c r="AB494" i="2" l="1"/>
  <c r="AE493" i="2"/>
  <c r="AG493" i="2"/>
  <c r="AC493" i="2"/>
  <c r="AI493" i="2"/>
  <c r="AB495" i="2" l="1"/>
  <c r="AG494" i="2"/>
  <c r="AC494" i="2"/>
  <c r="AE494" i="2"/>
  <c r="AI494" i="2"/>
  <c r="AB496" i="2" l="1"/>
  <c r="AG495" i="2"/>
  <c r="AE495" i="2"/>
  <c r="AC495" i="2"/>
  <c r="AI495" i="2"/>
  <c r="AB497" i="2" l="1"/>
  <c r="AG496" i="2"/>
  <c r="AC496" i="2"/>
  <c r="AE496" i="2"/>
  <c r="AI496" i="2"/>
  <c r="AB498" i="2" l="1"/>
  <c r="AG497" i="2"/>
  <c r="AE497" i="2"/>
  <c r="AC497" i="2"/>
  <c r="AI497" i="2"/>
  <c r="AG498" i="2" l="1"/>
  <c r="AB499" i="2"/>
  <c r="AC498" i="2"/>
  <c r="AE498" i="2"/>
  <c r="AI498" i="2"/>
  <c r="AB500" i="2" l="1"/>
  <c r="AE499" i="2"/>
  <c r="AG499" i="2"/>
  <c r="AC499" i="2"/>
  <c r="AI499" i="2"/>
  <c r="AB501" i="2" l="1"/>
  <c r="AG500" i="2"/>
  <c r="AC500" i="2"/>
  <c r="AE500" i="2"/>
  <c r="AI500" i="2"/>
  <c r="AB502" i="2" l="1"/>
  <c r="AE501" i="2"/>
  <c r="AG501" i="2"/>
  <c r="AC501" i="2"/>
  <c r="AI501" i="2"/>
  <c r="AB503" i="2" l="1"/>
  <c r="AG502" i="2"/>
  <c r="AC502" i="2"/>
  <c r="AE502" i="2"/>
  <c r="AI502" i="2"/>
  <c r="AB504" i="2" l="1"/>
  <c r="AG503" i="2"/>
  <c r="AE503" i="2"/>
  <c r="AC503" i="2"/>
  <c r="AI503" i="2"/>
  <c r="AB505" i="2" l="1"/>
  <c r="AG504" i="2"/>
  <c r="AC504" i="2"/>
  <c r="AE504" i="2"/>
  <c r="AI504" i="2"/>
  <c r="AB506" i="2" l="1"/>
  <c r="AG505" i="2"/>
  <c r="AE505" i="2"/>
  <c r="AC505" i="2"/>
  <c r="AI505" i="2"/>
  <c r="AB507" i="2" l="1"/>
  <c r="AG506" i="2"/>
  <c r="AC506" i="2"/>
  <c r="AE506" i="2"/>
  <c r="AI506" i="2"/>
  <c r="AB508" i="2" l="1"/>
  <c r="AE507" i="2"/>
  <c r="AG507" i="2"/>
  <c r="AC507" i="2"/>
  <c r="AI507" i="2"/>
  <c r="AB509" i="2" l="1"/>
  <c r="AG508" i="2"/>
  <c r="AC508" i="2"/>
  <c r="AE508" i="2"/>
  <c r="AI508" i="2"/>
  <c r="AB510" i="2" l="1"/>
  <c r="AE509" i="2"/>
  <c r="AG509" i="2"/>
  <c r="AC509" i="2"/>
  <c r="AI509" i="2"/>
  <c r="AB511" i="2" l="1"/>
  <c r="AG510" i="2"/>
  <c r="AC510" i="2"/>
  <c r="AE510" i="2"/>
  <c r="AI510" i="2"/>
  <c r="AB512" i="2" l="1"/>
  <c r="AG511" i="2"/>
  <c r="AE511" i="2"/>
  <c r="AC511" i="2"/>
  <c r="AI511" i="2"/>
  <c r="AB513" i="2" l="1"/>
  <c r="AG512" i="2"/>
  <c r="AC512" i="2"/>
  <c r="AE512" i="2"/>
  <c r="AI512" i="2"/>
  <c r="AB514" i="2" l="1"/>
  <c r="AG513" i="2"/>
  <c r="AE513" i="2"/>
  <c r="AC513" i="2"/>
  <c r="AI513" i="2"/>
  <c r="AB515" i="2" l="1"/>
  <c r="AG514" i="2"/>
  <c r="AC514" i="2"/>
  <c r="AE514" i="2"/>
  <c r="AI514" i="2"/>
  <c r="AB516" i="2" l="1"/>
  <c r="AE515" i="2"/>
  <c r="AG515" i="2"/>
  <c r="AC515" i="2"/>
  <c r="AI515" i="2"/>
  <c r="AB517" i="2" l="1"/>
  <c r="AG516" i="2"/>
  <c r="AC516" i="2"/>
  <c r="AE516" i="2"/>
  <c r="AI516" i="2"/>
  <c r="AB518" i="2" l="1"/>
  <c r="AG517" i="2"/>
  <c r="AE517" i="2"/>
  <c r="AC517" i="2"/>
  <c r="AI517" i="2"/>
  <c r="AB519" i="2" l="1"/>
  <c r="AG518" i="2"/>
  <c r="AC518" i="2"/>
  <c r="AE518" i="2"/>
  <c r="AI518" i="2"/>
  <c r="AB520" i="2" l="1"/>
  <c r="AG519" i="2"/>
  <c r="AE519" i="2"/>
  <c r="AC519" i="2"/>
  <c r="AI519" i="2"/>
  <c r="AB521" i="2" l="1"/>
  <c r="AG520" i="2"/>
  <c r="AC520" i="2"/>
  <c r="AE520" i="2"/>
  <c r="AI520" i="2"/>
  <c r="AB522" i="2" l="1"/>
  <c r="AG521" i="2"/>
  <c r="AE521" i="2"/>
  <c r="AC521" i="2"/>
  <c r="AI521" i="2"/>
  <c r="AB523" i="2" l="1"/>
  <c r="AG522" i="2"/>
  <c r="AC522" i="2"/>
  <c r="AE522" i="2"/>
  <c r="AI522" i="2"/>
  <c r="AB524" i="2" l="1"/>
  <c r="AE523" i="2"/>
  <c r="AG523" i="2"/>
  <c r="AC523" i="2"/>
  <c r="AI523" i="2"/>
  <c r="AB525" i="2" l="1"/>
  <c r="AG524" i="2"/>
  <c r="AC524" i="2"/>
  <c r="AE524" i="2"/>
  <c r="AI524" i="2"/>
  <c r="AB526" i="2" l="1"/>
  <c r="AE525" i="2"/>
  <c r="AG525" i="2"/>
  <c r="AC525" i="2"/>
  <c r="AI525" i="2"/>
  <c r="AB527" i="2" l="1"/>
  <c r="AG526" i="2"/>
  <c r="AC526" i="2"/>
  <c r="AE526" i="2"/>
  <c r="AI526" i="2"/>
  <c r="AB528" i="2" l="1"/>
  <c r="AG527" i="2"/>
  <c r="AE527" i="2"/>
  <c r="AC527" i="2"/>
  <c r="AI527" i="2"/>
  <c r="AB529" i="2" l="1"/>
  <c r="AG528" i="2"/>
  <c r="AC528" i="2"/>
  <c r="AE528" i="2"/>
  <c r="AI528" i="2"/>
  <c r="AB530" i="2" l="1"/>
  <c r="AG529" i="2"/>
  <c r="AE529" i="2"/>
  <c r="AC529" i="2"/>
  <c r="AI529" i="2"/>
  <c r="AB531" i="2" l="1"/>
  <c r="AG530" i="2"/>
  <c r="AC530" i="2"/>
  <c r="AE530" i="2"/>
  <c r="AI530" i="2"/>
  <c r="AB532" i="2" l="1"/>
  <c r="AE531" i="2"/>
  <c r="AG531" i="2"/>
  <c r="AC531" i="2"/>
  <c r="AI531" i="2"/>
  <c r="AB533" i="2" l="1"/>
  <c r="AG532" i="2"/>
  <c r="AC532" i="2"/>
  <c r="AE532" i="2"/>
  <c r="AI532" i="2"/>
  <c r="AB534" i="2" l="1"/>
  <c r="AE533" i="2"/>
  <c r="AG533" i="2"/>
  <c r="AC533" i="2"/>
  <c r="AI533" i="2"/>
  <c r="AB535" i="2" l="1"/>
  <c r="AG534" i="2"/>
  <c r="AE534" i="2"/>
  <c r="AC534" i="2"/>
  <c r="AI534" i="2"/>
  <c r="AB536" i="2" l="1"/>
  <c r="AG535" i="2"/>
  <c r="AE535" i="2"/>
  <c r="AC535" i="2"/>
  <c r="AI535" i="2"/>
  <c r="AB537" i="2" l="1"/>
  <c r="AG536" i="2"/>
  <c r="AC536" i="2"/>
  <c r="AE536" i="2"/>
  <c r="AI536" i="2"/>
  <c r="AB538" i="2" l="1"/>
  <c r="AG537" i="2"/>
  <c r="AE537" i="2"/>
  <c r="AC537" i="2"/>
  <c r="AI537" i="2"/>
  <c r="AG538" i="2" l="1"/>
  <c r="AB539" i="2"/>
  <c r="AC538" i="2"/>
  <c r="AE538" i="2"/>
  <c r="AI538" i="2"/>
  <c r="AB540" i="2" l="1"/>
  <c r="AE539" i="2"/>
  <c r="AG539" i="2"/>
  <c r="AC539" i="2"/>
  <c r="AI539" i="2"/>
  <c r="AB541" i="2" l="1"/>
  <c r="AG540" i="2"/>
  <c r="AC540" i="2"/>
  <c r="AE540" i="2"/>
  <c r="AI540" i="2"/>
  <c r="AB542" i="2" l="1"/>
  <c r="AE541" i="2"/>
  <c r="AG541" i="2"/>
  <c r="AC541" i="2"/>
  <c r="AI541" i="2"/>
  <c r="AB543" i="2" l="1"/>
  <c r="AG542" i="2"/>
  <c r="AC542" i="2"/>
  <c r="AE542" i="2"/>
  <c r="AI542" i="2"/>
  <c r="AB544" i="2" l="1"/>
  <c r="AG543" i="2"/>
  <c r="AE543" i="2"/>
  <c r="AC543" i="2"/>
  <c r="AI543" i="2"/>
  <c r="AB545" i="2" l="1"/>
  <c r="AG544" i="2"/>
  <c r="AC544" i="2"/>
  <c r="AE544" i="2"/>
  <c r="AI544" i="2"/>
  <c r="AB546" i="2" l="1"/>
  <c r="AG545" i="2"/>
  <c r="AE545" i="2"/>
  <c r="AC545" i="2"/>
  <c r="AI545" i="2"/>
  <c r="AG546" i="2" l="1"/>
  <c r="AB547" i="2"/>
  <c r="AC546" i="2"/>
  <c r="AE546" i="2"/>
  <c r="AI546" i="2"/>
  <c r="AB548" i="2" l="1"/>
  <c r="AE547" i="2"/>
  <c r="AC547" i="2"/>
  <c r="AG547" i="2"/>
  <c r="AI547" i="2"/>
  <c r="AB549" i="2" l="1"/>
  <c r="AG548" i="2"/>
  <c r="AC548" i="2"/>
  <c r="AE548" i="2"/>
  <c r="AI548" i="2"/>
  <c r="AB550" i="2" l="1"/>
  <c r="AG549" i="2"/>
  <c r="AE549" i="2"/>
  <c r="AC549" i="2"/>
  <c r="AI549" i="2"/>
  <c r="AB551" i="2" l="1"/>
  <c r="AG550" i="2"/>
  <c r="AE550" i="2"/>
  <c r="AC550" i="2"/>
  <c r="AI550" i="2"/>
  <c r="AB552" i="2" l="1"/>
  <c r="AG551" i="2"/>
  <c r="AE551" i="2"/>
  <c r="AC551" i="2"/>
  <c r="AI551" i="2"/>
  <c r="AB553" i="2" l="1"/>
  <c r="AG552" i="2"/>
  <c r="AC552" i="2"/>
  <c r="AE552" i="2"/>
  <c r="AI552" i="2"/>
  <c r="AB554" i="2" l="1"/>
  <c r="AG553" i="2"/>
  <c r="AE553" i="2"/>
  <c r="AC553" i="2"/>
  <c r="AI553" i="2"/>
  <c r="AB555" i="2" l="1"/>
  <c r="AG554" i="2"/>
  <c r="AC554" i="2"/>
  <c r="AE554" i="2"/>
  <c r="AI554" i="2"/>
  <c r="AB556" i="2" l="1"/>
  <c r="AE555" i="2"/>
  <c r="AG555" i="2"/>
  <c r="AC555" i="2"/>
  <c r="AI555" i="2"/>
  <c r="AB557" i="2" l="1"/>
  <c r="AG556" i="2"/>
  <c r="AC556" i="2"/>
  <c r="AE556" i="2"/>
  <c r="AI556" i="2"/>
  <c r="AB558" i="2" l="1"/>
  <c r="AE557" i="2"/>
  <c r="AG557" i="2"/>
  <c r="AC557" i="2"/>
  <c r="AI557" i="2"/>
  <c r="AB559" i="2" l="1"/>
  <c r="AG558" i="2"/>
  <c r="AC558" i="2"/>
  <c r="AE558" i="2"/>
  <c r="AI558" i="2"/>
  <c r="AB560" i="2" l="1"/>
  <c r="AG559" i="2"/>
  <c r="AE559" i="2"/>
  <c r="AC559" i="2"/>
  <c r="AI559" i="2"/>
  <c r="AB561" i="2" l="1"/>
  <c r="AG560" i="2"/>
  <c r="AC560" i="2"/>
  <c r="AE560" i="2"/>
  <c r="AI560" i="2"/>
  <c r="AB562" i="2" l="1"/>
  <c r="AG561" i="2"/>
  <c r="AE561" i="2"/>
  <c r="AC561" i="2"/>
  <c r="AI561" i="2"/>
  <c r="AB563" i="2" l="1"/>
  <c r="AG562" i="2"/>
  <c r="AC562" i="2"/>
  <c r="AE562" i="2"/>
  <c r="AI562" i="2"/>
  <c r="AB564" i="2" l="1"/>
  <c r="AE563" i="2"/>
  <c r="AG563" i="2"/>
  <c r="AC563" i="2"/>
  <c r="AI563" i="2"/>
  <c r="AB565" i="2" l="1"/>
  <c r="AG564" i="2"/>
  <c r="AC564" i="2"/>
  <c r="AE564" i="2"/>
  <c r="AI564" i="2"/>
  <c r="AB566" i="2" l="1"/>
  <c r="AE565" i="2"/>
  <c r="AG565" i="2"/>
  <c r="AC565" i="2"/>
  <c r="AI565" i="2"/>
  <c r="AB567" i="2" l="1"/>
  <c r="AG566" i="2"/>
  <c r="AC566" i="2"/>
  <c r="AE566" i="2"/>
  <c r="AI566" i="2"/>
  <c r="AB568" i="2" l="1"/>
  <c r="AG567" i="2"/>
  <c r="AE567" i="2"/>
  <c r="AC567" i="2"/>
  <c r="AI567" i="2"/>
  <c r="AB569" i="2" l="1"/>
  <c r="AG568" i="2"/>
  <c r="AC568" i="2"/>
  <c r="AE568" i="2"/>
  <c r="AI568" i="2"/>
  <c r="AB570" i="2" l="1"/>
  <c r="AG569" i="2"/>
  <c r="AE569" i="2"/>
  <c r="AC569" i="2"/>
  <c r="AI569" i="2"/>
  <c r="AG570" i="2" l="1"/>
  <c r="AB571" i="2"/>
  <c r="AC570" i="2"/>
  <c r="AE570" i="2"/>
  <c r="AI570" i="2"/>
  <c r="AB572" i="2" l="1"/>
  <c r="AE571" i="2"/>
  <c r="AG571" i="2"/>
  <c r="AC571" i="2"/>
  <c r="AI571" i="2"/>
  <c r="AB573" i="2" l="1"/>
  <c r="AG572" i="2"/>
  <c r="AC572" i="2"/>
  <c r="AE572" i="2"/>
  <c r="AI572" i="2"/>
  <c r="AB574" i="2" l="1"/>
  <c r="AE573" i="2"/>
  <c r="AG573" i="2"/>
  <c r="AC573" i="2"/>
  <c r="AI573" i="2"/>
  <c r="AB575" i="2" l="1"/>
  <c r="AG574" i="2"/>
  <c r="AC574" i="2"/>
  <c r="AE574" i="2"/>
  <c r="AI574" i="2"/>
  <c r="AB576" i="2" l="1"/>
  <c r="AG575" i="2"/>
  <c r="AE575" i="2"/>
  <c r="AC575" i="2"/>
  <c r="AI575" i="2"/>
  <c r="AB577" i="2" l="1"/>
  <c r="AG576" i="2"/>
  <c r="AC576" i="2"/>
  <c r="AE576" i="2"/>
  <c r="AI576" i="2"/>
  <c r="AB578" i="2" l="1"/>
  <c r="AG577" i="2"/>
  <c r="AE577" i="2"/>
  <c r="AC577" i="2"/>
  <c r="AI577" i="2"/>
  <c r="AG578" i="2" l="1"/>
  <c r="AB579" i="2"/>
  <c r="AC578" i="2"/>
  <c r="AE578" i="2"/>
  <c r="AI578" i="2"/>
  <c r="AB580" i="2" l="1"/>
  <c r="AE579" i="2"/>
  <c r="AG579" i="2"/>
  <c r="AC579" i="2"/>
  <c r="AI579" i="2"/>
  <c r="AB581" i="2" l="1"/>
  <c r="AG580" i="2"/>
  <c r="AC580" i="2"/>
  <c r="AE580" i="2"/>
  <c r="AI580" i="2"/>
  <c r="AB582" i="2" l="1"/>
  <c r="AG581" i="2"/>
  <c r="AE581" i="2"/>
  <c r="AC581" i="2"/>
  <c r="AI581" i="2"/>
  <c r="AB583" i="2" l="1"/>
  <c r="AG582" i="2"/>
  <c r="AC582" i="2"/>
  <c r="AE582" i="2"/>
  <c r="AI582" i="2"/>
  <c r="AB584" i="2" l="1"/>
  <c r="AG583" i="2"/>
  <c r="AE583" i="2"/>
  <c r="AC583" i="2"/>
  <c r="AI583" i="2"/>
  <c r="AB585" i="2" l="1"/>
  <c r="AG584" i="2"/>
  <c r="AC584" i="2"/>
  <c r="AE584" i="2"/>
  <c r="AI584" i="2"/>
  <c r="AB586" i="2" l="1"/>
  <c r="AG585" i="2"/>
  <c r="AE585" i="2"/>
  <c r="AC585" i="2"/>
  <c r="AI585" i="2"/>
  <c r="AB587" i="2" l="1"/>
  <c r="AG586" i="2"/>
  <c r="AC586" i="2"/>
  <c r="AE586" i="2"/>
  <c r="AI586" i="2"/>
  <c r="AB588" i="2" l="1"/>
  <c r="AE587" i="2"/>
  <c r="AG587" i="2"/>
  <c r="AC587" i="2"/>
  <c r="AI587" i="2"/>
  <c r="AB589" i="2" l="1"/>
  <c r="AG588" i="2"/>
  <c r="AC588" i="2"/>
  <c r="AE588" i="2"/>
  <c r="AI588" i="2"/>
  <c r="AB590" i="2" l="1"/>
  <c r="AE589" i="2"/>
  <c r="AG589" i="2"/>
  <c r="AC589" i="2"/>
  <c r="AI589" i="2"/>
  <c r="AB591" i="2" l="1"/>
  <c r="AG590" i="2"/>
  <c r="AC590" i="2"/>
  <c r="AE590" i="2"/>
  <c r="AI590" i="2"/>
  <c r="AB592" i="2" l="1"/>
  <c r="AG591" i="2"/>
  <c r="AE591" i="2"/>
  <c r="AC591" i="2"/>
  <c r="AI591" i="2"/>
  <c r="AB593" i="2" l="1"/>
  <c r="AG592" i="2"/>
  <c r="AC592" i="2"/>
  <c r="AE592" i="2"/>
  <c r="AI592" i="2"/>
  <c r="AB594" i="2" l="1"/>
  <c r="AG593" i="2"/>
  <c r="AE593" i="2"/>
  <c r="AC593" i="2"/>
  <c r="AI593" i="2"/>
  <c r="AB595" i="2" l="1"/>
  <c r="AG594" i="2"/>
  <c r="AC594" i="2"/>
  <c r="AE594" i="2"/>
  <c r="AI594" i="2"/>
  <c r="AB596" i="2" l="1"/>
  <c r="AE595" i="2"/>
  <c r="AG595" i="2"/>
  <c r="AC595" i="2"/>
  <c r="AI595" i="2"/>
  <c r="AB597" i="2" l="1"/>
  <c r="AG596" i="2"/>
  <c r="AC596" i="2"/>
  <c r="AE596" i="2"/>
  <c r="AI596" i="2"/>
  <c r="AB598" i="2" l="1"/>
  <c r="AE597" i="2"/>
  <c r="AG597" i="2"/>
  <c r="AC597" i="2"/>
  <c r="AI597" i="2"/>
  <c r="AB599" i="2" l="1"/>
  <c r="AG598" i="2"/>
  <c r="AC598" i="2"/>
  <c r="AE598" i="2"/>
  <c r="AI598" i="2"/>
  <c r="AB600" i="2" l="1"/>
  <c r="AG599" i="2"/>
  <c r="AE599" i="2"/>
  <c r="AC599" i="2"/>
  <c r="AI599" i="2"/>
  <c r="AB601" i="2" l="1"/>
  <c r="AG600" i="2"/>
  <c r="AC600" i="2"/>
  <c r="AE600" i="2"/>
  <c r="AI600" i="2"/>
  <c r="AB602" i="2" l="1"/>
  <c r="AG601" i="2"/>
  <c r="AE601" i="2"/>
  <c r="AC601" i="2"/>
  <c r="AI601" i="2"/>
  <c r="AG602" i="2" l="1"/>
  <c r="AB603" i="2"/>
  <c r="AC602" i="2"/>
  <c r="AE602" i="2"/>
  <c r="AI602" i="2"/>
  <c r="AB604" i="2" l="1"/>
  <c r="AE603" i="2"/>
  <c r="AG603" i="2"/>
  <c r="AC603" i="2"/>
  <c r="AI603" i="2"/>
  <c r="AB605" i="2" l="1"/>
  <c r="AG604" i="2"/>
  <c r="AC604" i="2"/>
  <c r="AE604" i="2"/>
  <c r="AI604" i="2"/>
  <c r="AB606" i="2" l="1"/>
  <c r="AE605" i="2"/>
  <c r="AG605" i="2"/>
  <c r="AC605" i="2"/>
  <c r="AI605" i="2"/>
  <c r="AB607" i="2" l="1"/>
  <c r="AG606" i="2"/>
  <c r="AC606" i="2"/>
  <c r="AE606" i="2"/>
  <c r="AI606" i="2"/>
  <c r="AB608" i="2" l="1"/>
  <c r="AG607" i="2"/>
  <c r="AE607" i="2"/>
  <c r="AC607" i="2"/>
  <c r="AI607" i="2"/>
  <c r="AB609" i="2" l="1"/>
  <c r="AG608" i="2"/>
  <c r="AC608" i="2"/>
  <c r="AE608" i="2"/>
  <c r="AI608" i="2"/>
  <c r="AB610" i="2" l="1"/>
  <c r="AG609" i="2"/>
  <c r="AE609" i="2"/>
  <c r="AC609" i="2"/>
  <c r="AI609" i="2"/>
  <c r="AG610" i="2" l="1"/>
  <c r="AB611" i="2"/>
  <c r="AC610" i="2"/>
  <c r="AE610" i="2"/>
  <c r="AI610" i="2"/>
  <c r="AB612" i="2" l="1"/>
  <c r="AE611" i="2"/>
  <c r="AG611" i="2"/>
  <c r="AC611" i="2"/>
  <c r="AI611" i="2"/>
  <c r="AB613" i="2" l="1"/>
  <c r="AG612" i="2"/>
  <c r="AC612" i="2"/>
  <c r="AE612" i="2"/>
  <c r="AI612" i="2"/>
  <c r="AB614" i="2" l="1"/>
  <c r="AG613" i="2"/>
  <c r="AE613" i="2"/>
  <c r="AC613" i="2"/>
  <c r="AI613" i="2"/>
  <c r="AB615" i="2" l="1"/>
  <c r="AG614" i="2"/>
  <c r="AC614" i="2"/>
  <c r="AE614" i="2"/>
  <c r="AI614" i="2"/>
  <c r="AB616" i="2" l="1"/>
  <c r="AG615" i="2"/>
  <c r="AE615" i="2"/>
  <c r="AC615" i="2"/>
  <c r="AI615" i="2"/>
  <c r="AB617" i="2" l="1"/>
  <c r="AG616" i="2"/>
  <c r="AC616" i="2"/>
  <c r="AE616" i="2"/>
  <c r="AI616" i="2"/>
  <c r="AB618" i="2" l="1"/>
  <c r="AG617" i="2"/>
  <c r="AE617" i="2"/>
  <c r="AC617" i="2"/>
  <c r="AI617" i="2"/>
  <c r="AB619" i="2" l="1"/>
  <c r="AG618" i="2"/>
  <c r="AC618" i="2"/>
  <c r="AE618" i="2"/>
  <c r="AI618" i="2"/>
  <c r="AB620" i="2" l="1"/>
  <c r="AE619" i="2"/>
  <c r="AG619" i="2"/>
  <c r="AC619" i="2"/>
  <c r="AI619" i="2"/>
  <c r="AB621" i="2" l="1"/>
  <c r="AG620" i="2"/>
  <c r="AC620" i="2"/>
  <c r="AE620" i="2"/>
  <c r="AI620" i="2"/>
  <c r="AB622" i="2" l="1"/>
  <c r="AE621" i="2"/>
  <c r="AG621" i="2"/>
  <c r="AC621" i="2"/>
  <c r="AI621" i="2"/>
  <c r="AB623" i="2" l="1"/>
  <c r="AG622" i="2"/>
  <c r="AC622" i="2"/>
  <c r="AE622" i="2"/>
  <c r="AI622" i="2"/>
  <c r="AB624" i="2" l="1"/>
  <c r="AG623" i="2"/>
  <c r="AE623" i="2"/>
  <c r="AC623" i="2"/>
  <c r="AI623" i="2"/>
  <c r="AB625" i="2" l="1"/>
  <c r="AG624" i="2"/>
  <c r="AC624" i="2"/>
  <c r="AE624" i="2"/>
  <c r="AI624" i="2"/>
  <c r="AB626" i="2" l="1"/>
  <c r="AG625" i="2"/>
  <c r="AE625" i="2"/>
  <c r="AC625" i="2"/>
  <c r="AI625" i="2"/>
  <c r="AB627" i="2" l="1"/>
  <c r="AG626" i="2"/>
  <c r="AC626" i="2"/>
  <c r="AE626" i="2"/>
  <c r="AI626" i="2"/>
  <c r="AB628" i="2" l="1"/>
  <c r="AE627" i="2"/>
  <c r="AG627" i="2"/>
  <c r="AC627" i="2"/>
  <c r="AI627" i="2"/>
  <c r="AB629" i="2" l="1"/>
  <c r="AG628" i="2"/>
  <c r="AC628" i="2"/>
  <c r="AE628" i="2"/>
  <c r="AI628" i="2"/>
  <c r="AB630" i="2" l="1"/>
  <c r="AE629" i="2"/>
  <c r="AG629" i="2"/>
  <c r="AC629" i="2"/>
  <c r="AI629" i="2"/>
  <c r="AB631" i="2" l="1"/>
  <c r="AG630" i="2"/>
  <c r="AC630" i="2"/>
  <c r="AE630" i="2"/>
  <c r="AI630" i="2"/>
  <c r="AB632" i="2" l="1"/>
  <c r="AG631" i="2"/>
  <c r="AE631" i="2"/>
  <c r="AC631" i="2"/>
  <c r="AI631" i="2"/>
  <c r="AB633" i="2" l="1"/>
  <c r="AG632" i="2"/>
  <c r="AC632" i="2"/>
  <c r="AE632" i="2"/>
  <c r="AI632" i="2"/>
  <c r="AB634" i="2" l="1"/>
  <c r="AG633" i="2"/>
  <c r="AE633" i="2"/>
  <c r="AC633" i="2"/>
  <c r="AI633" i="2"/>
  <c r="AG634" i="2" l="1"/>
  <c r="AB635" i="2"/>
  <c r="AC634" i="2"/>
  <c r="AE634" i="2"/>
  <c r="AI634" i="2"/>
  <c r="AB636" i="2" l="1"/>
  <c r="AE635" i="2"/>
  <c r="AG635" i="2"/>
  <c r="AC635" i="2"/>
  <c r="AI635" i="2"/>
  <c r="AG636" i="2" l="1"/>
  <c r="AC636" i="2"/>
  <c r="AE636" i="2"/>
  <c r="AI636" i="2"/>
</calcChain>
</file>

<file path=xl/connections.xml><?xml version="1.0" encoding="utf-8"?>
<connections xmlns="http://schemas.openxmlformats.org/spreadsheetml/2006/main">
  <connection id="1" name="160726_ 1046_test_kotel.txt" type="6" refreshedVersion="0" background="1" saveData="1">
    <textPr sourceFile="Michal:Users:michaljeremias:Dropbox:PRACE:Cranfield:01 Laboratory:25kW CaL:EXPERIMENTS:160726 First run with silica sand:160726_ 1046_test_kotel.txt">
      <textFields count="26"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764" uniqueCount="80">
  <si>
    <t>Date</t>
  </si>
  <si>
    <t>Time</t>
  </si>
  <si>
    <t>TA</t>
  </si>
  <si>
    <t>TAs</t>
  </si>
  <si>
    <t>TB</t>
  </si>
  <si>
    <t>TBs</t>
  </si>
  <si>
    <t>TC</t>
  </si>
  <si>
    <t>TCs</t>
  </si>
  <si>
    <t>TD</t>
  </si>
  <si>
    <t>TDs</t>
  </si>
  <si>
    <t>TE</t>
  </si>
  <si>
    <t>TEs</t>
  </si>
  <si>
    <t>TF</t>
  </si>
  <si>
    <t>TFs</t>
  </si>
  <si>
    <t>TGs</t>
  </si>
  <si>
    <t>[dd.mm.yy]</t>
  </si>
  <si>
    <t>[HH:MM:SS]</t>
  </si>
  <si>
    <t>[°C]</t>
  </si>
  <si>
    <t>time</t>
  </si>
  <si>
    <t>Seconds</t>
  </si>
  <si>
    <t>(hh:mm:ss)</t>
  </si>
  <si>
    <t>( °C )</t>
  </si>
  <si>
    <t>L2-CarbT2 (Bottom)</t>
  </si>
  <si>
    <t>L2-CarbT6 (mid)</t>
  </si>
  <si>
    <t>L2-CarbT7 (Top)</t>
  </si>
  <si>
    <t>Lower L/S entry</t>
  </si>
  <si>
    <t>Lower L/S exit</t>
  </si>
  <si>
    <t>Calciner Top</t>
  </si>
  <si>
    <t>Calciner Pressure</t>
  </si>
  <si>
    <t>Carbonator Pressure</t>
  </si>
  <si>
    <t>( Pa )</t>
  </si>
  <si>
    <t>TH</t>
  </si>
  <si>
    <t>THs</t>
  </si>
  <si>
    <t>%</t>
  </si>
  <si>
    <t>CO2[calc]</t>
  </si>
  <si>
    <t>CO[calc]</t>
  </si>
  <si>
    <t>O2[calciner]</t>
  </si>
  <si>
    <t>CH4[calciner]</t>
  </si>
  <si>
    <t>O2[carbonator]</t>
  </si>
  <si>
    <t>??</t>
  </si>
  <si>
    <t>CH4 corr</t>
  </si>
  <si>
    <t>CO [calc corr]</t>
  </si>
  <si>
    <t>CO2 [calc corr b]</t>
  </si>
  <si>
    <t>[calc corr a]</t>
  </si>
  <si>
    <t>O2 corr</t>
  </si>
  <si>
    <t>sum</t>
  </si>
  <si>
    <r>
      <t>CO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[out]</t>
    </r>
  </si>
  <si>
    <t>Temperature in the FB</t>
  </si>
  <si>
    <t>CO2 calciner</t>
  </si>
  <si>
    <t>CO calciner</t>
  </si>
  <si>
    <t>O2 calciner</t>
  </si>
  <si>
    <t>CH4 calciner</t>
  </si>
  <si>
    <t>10.01.17</t>
  </si>
  <si>
    <t>calc 0</t>
  </si>
  <si>
    <t>Project: Calcium Looping Test</t>
  </si>
  <si>
    <t>Batch Run: Test 10-01-2017</t>
  </si>
  <si>
    <t>Correction: None</t>
  </si>
  <si>
    <t>Pressure Correction: Yes (1013 mBar)</t>
  </si>
  <si>
    <t>Dilution Correction: No</t>
  </si>
  <si>
    <t>Date and Time</t>
  </si>
  <si>
    <t>CO / ppm</t>
  </si>
  <si>
    <t>NO / ppm</t>
  </si>
  <si>
    <t>NO2 / ppm</t>
  </si>
  <si>
    <t>N2O / ppm</t>
  </si>
  <si>
    <t>N2O / ppm (Raw)</t>
  </si>
  <si>
    <t>SO2 / ppm</t>
  </si>
  <si>
    <t>NH3 / ppm</t>
  </si>
  <si>
    <t>HCl / ppm</t>
  </si>
  <si>
    <t>HF / ppm</t>
  </si>
  <si>
    <t>CH4 (Methane) / ppm</t>
  </si>
  <si>
    <t>C2H6 (Ethane) / ppm</t>
  </si>
  <si>
    <t>C3H8 (Propane) / ppm</t>
  </si>
  <si>
    <t>C2H4 (Ethene) / ppm</t>
  </si>
  <si>
    <t>HCHO (Formaldehyde) / ppm</t>
  </si>
  <si>
    <t>TOC (Indicative) / ppm</t>
  </si>
  <si>
    <t>NOx / ppm</t>
  </si>
  <si>
    <t>H2O / %</t>
  </si>
  <si>
    <t>CO2 / %</t>
  </si>
  <si>
    <t>Oxygen / Vol%</t>
  </si>
  <si>
    <t>other organic*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7" formatCode="0.0"/>
    <numFmt numFmtId="169" formatCode="h:mm;@"/>
  </numFmts>
  <fonts count="13"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u/>
      <sz val="12"/>
      <color theme="10"/>
      <name val="Calibri"/>
      <family val="2"/>
      <scheme val="minor"/>
    </font>
    <font>
      <u/>
      <sz val="12"/>
      <color theme="11"/>
      <name val="Calibri"/>
      <family val="2"/>
      <scheme val="minor"/>
    </font>
    <font>
      <sz val="12"/>
      <color theme="0" tint="-0.34998626667073579"/>
      <name val="Calibri"/>
      <scheme val="minor"/>
    </font>
    <font>
      <sz val="12"/>
      <color rgb="FFFF0000"/>
      <name val="Calibri"/>
      <family val="2"/>
      <scheme val="minor"/>
    </font>
    <font>
      <sz val="10"/>
      <name val="Arial"/>
    </font>
    <font>
      <sz val="11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</font>
    <font>
      <sz val="10"/>
      <name val="Arial CE"/>
      <charset val="238"/>
    </font>
    <font>
      <vertAlign val="subscript"/>
      <sz val="12"/>
      <color theme="1"/>
      <name val="Calibri (Body)"/>
    </font>
    <font>
      <sz val="11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</borders>
  <cellStyleXfs count="62">
    <xf numFmtId="0" fontId="0" fillId="0" borderId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9" fontId="2" fillId="0" borderId="0" applyFont="0" applyFill="0" applyBorder="0" applyAlignment="0" applyProtection="0"/>
    <xf numFmtId="0" fontId="7" fillId="0" borderId="0"/>
    <xf numFmtId="0" fontId="8" fillId="0" borderId="0"/>
    <xf numFmtId="0" fontId="7" fillId="0" borderId="0"/>
    <xf numFmtId="0" fontId="9" fillId="0" borderId="0"/>
    <xf numFmtId="0" fontId="10" fillId="0" borderId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9" fontId="1" fillId="0" borderId="0" applyFon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12" fillId="0" borderId="0"/>
    <xf numFmtId="0" fontId="10" fillId="0" borderId="0"/>
  </cellStyleXfs>
  <cellXfs count="24">
    <xf numFmtId="0" fontId="0" fillId="0" borderId="0" xfId="0"/>
    <xf numFmtId="14" fontId="0" fillId="0" borderId="0" xfId="0" applyNumberFormat="1" applyFill="1"/>
    <xf numFmtId="21" fontId="0" fillId="0" borderId="0" xfId="0" applyNumberFormat="1" applyFill="1"/>
    <xf numFmtId="0" fontId="0" fillId="0" borderId="0" xfId="0" applyFill="1"/>
    <xf numFmtId="0" fontId="5" fillId="0" borderId="0" xfId="0" applyFont="1" applyFill="1"/>
    <xf numFmtId="2" fontId="0" fillId="0" borderId="0" xfId="0" applyNumberFormat="1" applyFill="1"/>
    <xf numFmtId="0" fontId="6" fillId="0" borderId="0" xfId="0" applyFont="1" applyFill="1"/>
    <xf numFmtId="1" fontId="0" fillId="0" borderId="0" xfId="0" applyNumberFormat="1" applyFill="1" applyBorder="1" applyAlignment="1">
      <alignment horizontal="center"/>
    </xf>
    <xf numFmtId="1" fontId="0" fillId="0" borderId="0" xfId="0" applyNumberFormat="1" applyFill="1" applyAlignment="1">
      <alignment horizontal="center"/>
    </xf>
    <xf numFmtId="0" fontId="0" fillId="0" borderId="0" xfId="0" applyFill="1" applyAlignment="1">
      <alignment horizontal="center"/>
    </xf>
    <xf numFmtId="1" fontId="0" fillId="0" borderId="0" xfId="41" applyNumberFormat="1" applyFont="1" applyFill="1"/>
    <xf numFmtId="167" fontId="0" fillId="0" borderId="0" xfId="41" applyNumberFormat="1" applyFont="1" applyFill="1" applyAlignment="1">
      <alignment horizontal="center"/>
    </xf>
    <xf numFmtId="0" fontId="0" fillId="0" borderId="2" xfId="0" applyFill="1" applyBorder="1"/>
    <xf numFmtId="1" fontId="0" fillId="0" borderId="1" xfId="41" applyNumberFormat="1" applyFont="1" applyFill="1" applyBorder="1"/>
    <xf numFmtId="2" fontId="6" fillId="0" borderId="0" xfId="0" applyNumberFormat="1" applyFont="1" applyFill="1"/>
    <xf numFmtId="0" fontId="0" fillId="2" borderId="0" xfId="0" applyFill="1"/>
    <xf numFmtId="21" fontId="0" fillId="2" borderId="0" xfId="0" applyNumberFormat="1" applyFill="1"/>
    <xf numFmtId="0" fontId="5" fillId="2" borderId="0" xfId="0" applyFont="1" applyFill="1"/>
    <xf numFmtId="2" fontId="6" fillId="2" borderId="0" xfId="0" applyNumberFormat="1" applyFont="1" applyFill="1"/>
    <xf numFmtId="0" fontId="12" fillId="0" borderId="0" xfId="60"/>
    <xf numFmtId="1" fontId="12" fillId="0" borderId="0" xfId="60" applyNumberFormat="1"/>
    <xf numFmtId="0" fontId="12" fillId="0" borderId="0" xfId="60" applyFont="1" applyAlignment="1">
      <alignment horizontal="center" vertical="center"/>
    </xf>
    <xf numFmtId="14" fontId="12" fillId="0" borderId="0" xfId="60" applyNumberFormat="1"/>
    <xf numFmtId="169" fontId="12" fillId="0" borderId="0" xfId="60" applyNumberFormat="1"/>
  </cellXfs>
  <cellStyles count="62">
    <cellStyle name="Followed Hyperlink" xfId="2" builtinId="9" hidden="1"/>
    <cellStyle name="Followed Hyperlink" xfId="4" builtinId="9" hidden="1"/>
    <cellStyle name="Followed Hyperlink" xfId="6" builtinId="9" hidden="1"/>
    <cellStyle name="Followed Hyperlink" xfId="8" builtinId="9" hidden="1"/>
    <cellStyle name="Followed Hyperlink" xfId="10" builtinId="9" hidden="1"/>
    <cellStyle name="Followed Hyperlink" xfId="12" builtinId="9" hidden="1"/>
    <cellStyle name="Followed Hyperlink" xfId="14" builtinId="9" hidden="1"/>
    <cellStyle name="Followed Hyperlink" xfId="16" builtinId="9" hidden="1"/>
    <cellStyle name="Followed Hyperlink" xfId="18" builtinId="9" hidden="1"/>
    <cellStyle name="Followed Hyperlink" xfId="20" builtinId="9" hidden="1"/>
    <cellStyle name="Followed Hyperlink" xfId="22" builtinId="9" hidden="1"/>
    <cellStyle name="Followed Hyperlink" xfId="24" builtinId="9" hidden="1"/>
    <cellStyle name="Followed Hyperlink" xfId="26" builtinId="9" hidden="1"/>
    <cellStyle name="Followed Hyperlink" xfId="28" builtinId="9" hidden="1"/>
    <cellStyle name="Followed Hyperlink" xfId="30" builtinId="9" hidden="1"/>
    <cellStyle name="Followed Hyperlink" xfId="32" builtinId="9" hidden="1"/>
    <cellStyle name="Followed Hyperlink" xfId="34" builtinId="9" hidden="1"/>
    <cellStyle name="Followed Hyperlink" xfId="36" builtinId="9" hidden="1"/>
    <cellStyle name="Followed Hyperlink" xfId="38" builtinId="9" hidden="1"/>
    <cellStyle name="Followed Hyperlink" xfId="40" builtinId="9" hidden="1"/>
    <cellStyle name="Followed Hyperlink" xfId="48" builtinId="9" hidden="1"/>
    <cellStyle name="Followed Hyperlink" xfId="50" builtinId="9" hidden="1"/>
    <cellStyle name="Followed Hyperlink" xfId="53" builtinId="9" hidden="1"/>
    <cellStyle name="Followed Hyperlink" xfId="55" builtinId="9" hidden="1"/>
    <cellStyle name="Followed Hyperlink" xfId="57" builtinId="9" hidden="1"/>
    <cellStyle name="Followed Hyperlink" xfId="59" builtinId="9" hidden="1"/>
    <cellStyle name="Hyperlink" xfId="1" builtinId="8" hidden="1"/>
    <cellStyle name="Hyperlink" xfId="3" builtinId="8" hidden="1"/>
    <cellStyle name="Hyperlink" xfId="5" builtinId="8" hidden="1"/>
    <cellStyle name="Hyperlink" xfId="7" builtinId="8" hidden="1"/>
    <cellStyle name="Hyperlink" xfId="9" builtinId="8" hidden="1"/>
    <cellStyle name="Hyperlink" xfId="11" builtinId="8" hidden="1"/>
    <cellStyle name="Hyperlink" xfId="13" builtinId="8" hidden="1"/>
    <cellStyle name="Hyperlink" xfId="15" builtinId="8" hidden="1"/>
    <cellStyle name="Hyperlink" xfId="17" builtinId="8" hidden="1"/>
    <cellStyle name="Hyperlink" xfId="19" builtinId="8" hidden="1"/>
    <cellStyle name="Hyperlink" xfId="21" builtinId="8" hidden="1"/>
    <cellStyle name="Hyperlink" xfId="23" builtinId="8" hidden="1"/>
    <cellStyle name="Hyperlink" xfId="25" builtinId="8" hidden="1"/>
    <cellStyle name="Hyperlink" xfId="27" builtinId="8" hidden="1"/>
    <cellStyle name="Hyperlink" xfId="29" builtinId="8" hidden="1"/>
    <cellStyle name="Hyperlink" xfId="31" builtinId="8" hidden="1"/>
    <cellStyle name="Hyperlink" xfId="33" builtinId="8" hidden="1"/>
    <cellStyle name="Hyperlink" xfId="35" builtinId="8" hidden="1"/>
    <cellStyle name="Hyperlink" xfId="37" builtinId="8" hidden="1"/>
    <cellStyle name="Hyperlink" xfId="39" builtinId="8" hidden="1"/>
    <cellStyle name="Hyperlink" xfId="47" builtinId="8" hidden="1"/>
    <cellStyle name="Hyperlink" xfId="49" builtinId="8" hidden="1"/>
    <cellStyle name="Hyperlink" xfId="52" builtinId="8" hidden="1"/>
    <cellStyle name="Hyperlink" xfId="54" builtinId="8" hidden="1"/>
    <cellStyle name="Hyperlink" xfId="56" builtinId="8" hidden="1"/>
    <cellStyle name="Hyperlink" xfId="58" builtinId="8" hidden="1"/>
    <cellStyle name="Normal" xfId="0" builtinId="0"/>
    <cellStyle name="Normal 2" xfId="43"/>
    <cellStyle name="Normal 3" xfId="44"/>
    <cellStyle name="Normal 4" xfId="45"/>
    <cellStyle name="Normal 5" xfId="60"/>
    <cellStyle name="normální 3" xfId="61"/>
    <cellStyle name="Normální 3 3" xfId="46"/>
    <cellStyle name="normální_080205+2007 olivín" xfId="42"/>
    <cellStyle name="Percent" xfId="41" builtinId="5"/>
    <cellStyle name="Percent 2" xfId="51"/>
  </cellStyles>
  <dxfs count="0"/>
  <tableStyles count="0" defaultTableStyle="TableStyleMedium9" defaultPivotStyle="PivotStyleMedium4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connections" Target="connection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1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ichaljeremias/Library/Application%20Support/Microsoft/Office/Office%202011%20AutoRecovery/2009-07-09%20uhl&#237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2009-07-21%20slurry%20(hn&#283;d&#233;)%20oprava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nstanty"/>
    </sheet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nik-K"/>
      <sheetName val="dehty"/>
      <sheetName val="konstanty"/>
      <sheetName val="Mat. vlast."/>
      <sheetName val="online"/>
      <sheetName val="Nepřepočtené hodnoty"/>
      <sheetName val="Přepočtené hodnoty"/>
      <sheetName val="Grafy"/>
    </sheetNames>
    <sheetDataSet>
      <sheetData sheetId="0" refreshError="1"/>
      <sheetData sheetId="1" refreshError="1"/>
      <sheetData sheetId="2"/>
      <sheetData sheetId="3">
        <row r="18">
          <cell r="E18">
            <v>29.745858750000004</v>
          </cell>
        </row>
      </sheetData>
      <sheetData sheetId="4" refreshError="1"/>
      <sheetData sheetId="5"/>
      <sheetData sheetId="6" refreshError="1"/>
      <sheetData sheetId="7" refreshError="1"/>
    </sheetDataSet>
  </externalBook>
</externalLink>
</file>

<file path=xl/queryTables/queryTable1.xml><?xml version="1.0" encoding="utf-8"?>
<queryTable xmlns="http://schemas.openxmlformats.org/spreadsheetml/2006/main" name="160726_ 1046_test_kotel" connectionId="1" autoFormatId="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S6725"/>
  <sheetViews>
    <sheetView tabSelected="1" workbookViewId="0">
      <pane xSplit="2" ySplit="2" topLeftCell="V3" activePane="bottomRight" state="frozen"/>
      <selection pane="topRight" activeCell="C1" sqref="C1"/>
      <selection pane="bottomLeft" activeCell="A3" sqref="A3"/>
      <selection pane="bottomRight" activeCell="AP1" sqref="AP1:AR1048576"/>
    </sheetView>
  </sheetViews>
  <sheetFormatPr defaultColWidth="10.8984375" defaultRowHeight="15.6"/>
  <cols>
    <col min="1" max="1" width="10.5" style="1" bestFit="1" customWidth="1"/>
    <col min="2" max="2" width="11.3984375" style="3" bestFit="1" customWidth="1"/>
    <col min="3" max="12" width="7.09765625" style="3" bestFit="1" customWidth="1"/>
    <col min="13" max="14" width="6.09765625" style="3" bestFit="1" customWidth="1"/>
    <col min="15" max="15" width="8.09765625" style="3" bestFit="1" customWidth="1"/>
    <col min="16" max="18" width="7.09765625" style="3" bestFit="1" customWidth="1"/>
    <col min="19" max="19" width="6.8984375" style="3" bestFit="1" customWidth="1"/>
    <col min="20" max="21" width="6.09765625" style="3" bestFit="1" customWidth="1"/>
    <col min="22" max="23" width="6.8984375" style="3" bestFit="1" customWidth="1"/>
    <col min="24" max="25" width="6.09765625" style="3" bestFit="1" customWidth="1"/>
    <col min="26" max="26" width="6.8984375" style="3" bestFit="1" customWidth="1"/>
    <col min="27" max="27" width="6.3984375" style="4" customWidth="1"/>
    <col min="28" max="28" width="7.59765625" style="4" customWidth="1"/>
    <col min="29" max="29" width="9" style="3" bestFit="1" customWidth="1"/>
    <col min="30" max="30" width="12.09765625" style="4" bestFit="1" customWidth="1"/>
    <col min="31" max="31" width="8" style="3" bestFit="1" customWidth="1"/>
    <col min="32" max="32" width="8" style="3" customWidth="1"/>
    <col min="33" max="33" width="11.09765625" style="3" bestFit="1" customWidth="1"/>
    <col min="34" max="34" width="8.09765625" style="4" bestFit="1" customWidth="1"/>
    <col min="35" max="35" width="6" style="3" customWidth="1"/>
    <col min="36" max="37" width="12.09765625" style="6" customWidth="1"/>
    <col min="38" max="38" width="7.59765625" style="3" bestFit="1" customWidth="1"/>
    <col min="39" max="39" width="8" style="3" customWidth="1"/>
    <col min="40" max="40" width="6.09765625" style="3" bestFit="1" customWidth="1"/>
    <col min="41" max="41" width="6.8984375" style="3" bestFit="1" customWidth="1"/>
    <col min="42" max="42" width="10.8984375" style="9" bestFit="1" customWidth="1"/>
    <col min="43" max="43" width="11" style="9" bestFit="1" customWidth="1"/>
    <col min="44" max="44" width="5.59765625" style="3" bestFit="1" customWidth="1"/>
    <col min="45" max="16384" width="10.8984375" style="3"/>
  </cols>
  <sheetData>
    <row r="1" spans="1:37" ht="18.600000000000001">
      <c r="A1" s="1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47</v>
      </c>
      <c r="P1" s="3" t="s">
        <v>14</v>
      </c>
      <c r="Q1" s="3" t="s">
        <v>31</v>
      </c>
      <c r="R1" s="3" t="s">
        <v>32</v>
      </c>
      <c r="S1" s="3" t="s">
        <v>34</v>
      </c>
      <c r="T1" s="3" t="s">
        <v>35</v>
      </c>
      <c r="U1" s="3" t="s">
        <v>36</v>
      </c>
      <c r="V1" s="3" t="s">
        <v>37</v>
      </c>
      <c r="W1" s="3" t="s">
        <v>46</v>
      </c>
      <c r="X1" s="3" t="s">
        <v>38</v>
      </c>
      <c r="Y1" s="3" t="s">
        <v>39</v>
      </c>
      <c r="Z1" s="3" t="s">
        <v>39</v>
      </c>
      <c r="AA1" s="4" t="s">
        <v>42</v>
      </c>
      <c r="AB1" s="4" t="s">
        <v>43</v>
      </c>
      <c r="AC1" s="3" t="s">
        <v>48</v>
      </c>
      <c r="AD1" s="4" t="s">
        <v>41</v>
      </c>
      <c r="AE1" s="3" t="s">
        <v>49</v>
      </c>
      <c r="AF1" s="4" t="s">
        <v>44</v>
      </c>
      <c r="AG1" s="3" t="s">
        <v>50</v>
      </c>
      <c r="AH1" s="4" t="s">
        <v>40</v>
      </c>
      <c r="AI1" s="3" t="s">
        <v>51</v>
      </c>
    </row>
    <row r="2" spans="1:37">
      <c r="A2" s="1" t="s">
        <v>15</v>
      </c>
      <c r="B2" s="3" t="s">
        <v>16</v>
      </c>
      <c r="C2" s="3" t="s">
        <v>17</v>
      </c>
      <c r="D2" s="3" t="s">
        <v>17</v>
      </c>
      <c r="E2" s="3" t="s">
        <v>17</v>
      </c>
      <c r="F2" s="3" t="s">
        <v>17</v>
      </c>
      <c r="G2" s="3" t="s">
        <v>17</v>
      </c>
      <c r="H2" s="3" t="s">
        <v>17</v>
      </c>
      <c r="I2" s="3" t="s">
        <v>17</v>
      </c>
      <c r="J2" s="3" t="s">
        <v>17</v>
      </c>
      <c r="K2" s="3" t="s">
        <v>17</v>
      </c>
      <c r="L2" s="3" t="s">
        <v>17</v>
      </c>
      <c r="M2" s="3" t="s">
        <v>17</v>
      </c>
      <c r="N2" s="3" t="s">
        <v>17</v>
      </c>
      <c r="O2" s="3" t="s">
        <v>17</v>
      </c>
      <c r="P2" s="3" t="s">
        <v>17</v>
      </c>
      <c r="Q2" s="3" t="s">
        <v>17</v>
      </c>
      <c r="R2" s="3" t="s">
        <v>17</v>
      </c>
      <c r="S2" s="3" t="s">
        <v>33</v>
      </c>
      <c r="T2" s="3" t="s">
        <v>33</v>
      </c>
      <c r="U2" s="3" t="s">
        <v>33</v>
      </c>
      <c r="V2" s="3" t="s">
        <v>33</v>
      </c>
      <c r="W2" s="3" t="s">
        <v>33</v>
      </c>
      <c r="X2" s="3" t="s">
        <v>33</v>
      </c>
      <c r="Y2" s="3" t="s">
        <v>33</v>
      </c>
      <c r="Z2" s="3" t="s">
        <v>33</v>
      </c>
      <c r="AC2" s="3" t="s">
        <v>33</v>
      </c>
      <c r="AE2" s="3" t="s">
        <v>33</v>
      </c>
      <c r="AG2" s="3" t="s">
        <v>33</v>
      </c>
      <c r="AI2" s="3" t="s">
        <v>33</v>
      </c>
    </row>
    <row r="3" spans="1:37">
      <c r="A3" s="3" t="s">
        <v>52</v>
      </c>
      <c r="B3" s="2">
        <v>0.38332175925925926</v>
      </c>
      <c r="C3" s="3">
        <v>11.53</v>
      </c>
      <c r="D3" s="3">
        <v>11.82</v>
      </c>
      <c r="E3" s="3">
        <v>76.03</v>
      </c>
      <c r="F3" s="3">
        <v>75.36</v>
      </c>
      <c r="G3" s="3">
        <v>75.48</v>
      </c>
      <c r="H3" s="3">
        <v>75.52</v>
      </c>
      <c r="I3" s="3">
        <v>78.19</v>
      </c>
      <c r="J3" s="3">
        <v>78.84</v>
      </c>
      <c r="K3" s="3">
        <v>78.09</v>
      </c>
      <c r="L3" s="3">
        <v>78.16</v>
      </c>
      <c r="M3" s="3">
        <v>79.739999999999995</v>
      </c>
      <c r="N3" s="3">
        <v>79.040000000000006</v>
      </c>
      <c r="O3" s="3">
        <v>79.760000000000005</v>
      </c>
      <c r="P3" s="3">
        <v>79.86</v>
      </c>
      <c r="Q3" s="3">
        <v>2277.62</v>
      </c>
      <c r="R3" s="3">
        <v>2277.62</v>
      </c>
      <c r="S3" s="3">
        <v>-0.8</v>
      </c>
      <c r="T3" s="3">
        <v>-0.45</v>
      </c>
      <c r="U3" s="3">
        <v>19.670000000000002</v>
      </c>
      <c r="V3" s="3">
        <v>0.52</v>
      </c>
      <c r="W3" s="3">
        <v>16.87</v>
      </c>
      <c r="X3" s="3">
        <v>8</v>
      </c>
      <c r="Y3" s="3">
        <v>0.17</v>
      </c>
      <c r="Z3" s="3">
        <v>1.48</v>
      </c>
      <c r="AA3" s="4">
        <v>0</v>
      </c>
      <c r="AB3" s="4">
        <v>1.6</v>
      </c>
      <c r="AC3" s="3">
        <f t="shared" ref="AC3:AC66" si="0">S3*AB3+AA3</f>
        <v>-1.2800000000000002</v>
      </c>
      <c r="AD3" s="4">
        <v>0</v>
      </c>
      <c r="AE3" s="3">
        <f>T3*AB3+AD3</f>
        <v>-0.72000000000000008</v>
      </c>
      <c r="AF3" s="4">
        <v>0</v>
      </c>
      <c r="AG3" s="3">
        <f>U3*AB3+AF3</f>
        <v>31.472000000000005</v>
      </c>
      <c r="AH3" s="4">
        <v>0</v>
      </c>
      <c r="AI3" s="3">
        <f t="shared" ref="AI3:AI66" si="1">AH3*AB3+V3</f>
        <v>0.52</v>
      </c>
      <c r="AJ3" s="14"/>
      <c r="AK3" s="14"/>
    </row>
    <row r="4" spans="1:37">
      <c r="A4" s="3" t="s">
        <v>52</v>
      </c>
      <c r="B4" s="2">
        <v>0.38401620370370365</v>
      </c>
      <c r="C4" s="3">
        <v>11.39</v>
      </c>
      <c r="D4" s="3">
        <v>11.52</v>
      </c>
      <c r="E4" s="3">
        <v>11.8</v>
      </c>
      <c r="F4" s="3">
        <v>11.19</v>
      </c>
      <c r="G4" s="3">
        <v>11.29</v>
      </c>
      <c r="H4" s="3">
        <v>11.32</v>
      </c>
      <c r="I4" s="3">
        <v>14.12</v>
      </c>
      <c r="J4" s="3">
        <v>14.74</v>
      </c>
      <c r="K4" s="3">
        <v>13.96</v>
      </c>
      <c r="L4" s="3">
        <v>14.03</v>
      </c>
      <c r="M4" s="3">
        <v>15.61</v>
      </c>
      <c r="N4" s="3">
        <v>14.93</v>
      </c>
      <c r="O4" s="3">
        <v>15.66</v>
      </c>
      <c r="P4" s="3">
        <v>15.78</v>
      </c>
      <c r="Q4" s="3">
        <v>2277.8000000000002</v>
      </c>
      <c r="R4" s="3">
        <v>2277.8000000000002</v>
      </c>
      <c r="S4" s="3">
        <v>-0.86</v>
      </c>
      <c r="T4" s="3">
        <v>-0.46</v>
      </c>
      <c r="U4" s="3">
        <v>20.21</v>
      </c>
      <c r="V4" s="3">
        <v>0.54</v>
      </c>
      <c r="W4" s="3">
        <v>43.02</v>
      </c>
      <c r="X4" s="3">
        <v>5.51</v>
      </c>
      <c r="Y4" s="3">
        <v>0.15</v>
      </c>
      <c r="Z4" s="3">
        <v>3.24</v>
      </c>
      <c r="AA4" s="4">
        <f>AA3</f>
        <v>0</v>
      </c>
      <c r="AB4" s="4">
        <f>AB3</f>
        <v>1.6</v>
      </c>
      <c r="AC4" s="3">
        <f t="shared" si="0"/>
        <v>-1.3760000000000001</v>
      </c>
      <c r="AD4" s="4">
        <f t="shared" ref="AD4:AD67" si="2">AD3</f>
        <v>0</v>
      </c>
      <c r="AE4" s="3">
        <f t="shared" ref="AE4:AE66" si="3">T4*AB4+AD4</f>
        <v>-0.7360000000000001</v>
      </c>
      <c r="AF4" s="4">
        <f>AF3</f>
        <v>0</v>
      </c>
      <c r="AG4" s="3">
        <f t="shared" ref="AG4:AG67" si="4">U4*AB4+AF4</f>
        <v>32.336000000000006</v>
      </c>
      <c r="AH4" s="4">
        <f t="shared" ref="AH4:AH67" si="5">AH3</f>
        <v>0</v>
      </c>
      <c r="AI4" s="3">
        <f t="shared" si="1"/>
        <v>0.54</v>
      </c>
      <c r="AJ4" s="14"/>
      <c r="AK4" s="14"/>
    </row>
    <row r="5" spans="1:37">
      <c r="A5" s="3" t="s">
        <v>52</v>
      </c>
      <c r="B5" s="2">
        <v>0.38471064814814815</v>
      </c>
      <c r="C5" s="3">
        <v>11.54</v>
      </c>
      <c r="D5" s="3">
        <v>11.55</v>
      </c>
      <c r="E5" s="3">
        <v>11.68</v>
      </c>
      <c r="F5" s="3">
        <v>11.22</v>
      </c>
      <c r="G5" s="3">
        <v>11.28</v>
      </c>
      <c r="H5" s="3">
        <v>11.34</v>
      </c>
      <c r="I5" s="3">
        <v>14.21</v>
      </c>
      <c r="J5" s="3">
        <v>14.76</v>
      </c>
      <c r="K5" s="3">
        <v>13.97</v>
      </c>
      <c r="L5" s="3">
        <v>14.04</v>
      </c>
      <c r="M5" s="3">
        <v>15.44</v>
      </c>
      <c r="N5" s="3">
        <v>14.95</v>
      </c>
      <c r="O5" s="3">
        <v>15.64</v>
      </c>
      <c r="P5" s="3">
        <v>15.79</v>
      </c>
      <c r="Q5" s="3">
        <v>2278.0700000000002</v>
      </c>
      <c r="R5" s="3">
        <v>2278.0700000000002</v>
      </c>
      <c r="S5" s="3">
        <v>-0.85</v>
      </c>
      <c r="T5" s="3">
        <v>-0.47</v>
      </c>
      <c r="U5" s="3">
        <v>20.25</v>
      </c>
      <c r="V5" s="3">
        <v>0.55000000000000004</v>
      </c>
      <c r="W5" s="3">
        <v>30.69</v>
      </c>
      <c r="X5" s="3">
        <v>0.34</v>
      </c>
      <c r="Y5" s="3">
        <v>0.04</v>
      </c>
      <c r="Z5" s="3">
        <v>3.53</v>
      </c>
      <c r="AA5" s="4">
        <f t="shared" ref="AA5:AA68" si="6">AA4</f>
        <v>0</v>
      </c>
      <c r="AB5" s="4">
        <f t="shared" ref="AB5:AB21" si="7">AB4</f>
        <v>1.6</v>
      </c>
      <c r="AC5" s="3">
        <f t="shared" si="0"/>
        <v>-1.36</v>
      </c>
      <c r="AD5" s="4">
        <f t="shared" si="2"/>
        <v>0</v>
      </c>
      <c r="AE5" s="3">
        <f t="shared" si="3"/>
        <v>-0.752</v>
      </c>
      <c r="AF5" s="4">
        <f t="shared" ref="AF5:AF68" si="8">AF4</f>
        <v>0</v>
      </c>
      <c r="AG5" s="3">
        <f t="shared" si="4"/>
        <v>32.4</v>
      </c>
      <c r="AH5" s="4">
        <f t="shared" si="5"/>
        <v>0</v>
      </c>
      <c r="AI5" s="3">
        <f t="shared" si="1"/>
        <v>0.55000000000000004</v>
      </c>
      <c r="AJ5" s="14"/>
      <c r="AK5" s="14"/>
    </row>
    <row r="6" spans="1:37">
      <c r="A6" s="3" t="s">
        <v>52</v>
      </c>
      <c r="B6" s="2">
        <v>0.38540509259259265</v>
      </c>
      <c r="C6" s="3">
        <v>11.96</v>
      </c>
      <c r="D6" s="3">
        <v>13.51</v>
      </c>
      <c r="E6" s="3">
        <v>11.76</v>
      </c>
      <c r="F6" s="3">
        <v>27.64</v>
      </c>
      <c r="G6" s="3">
        <v>11.43</v>
      </c>
      <c r="H6" s="3">
        <v>13.12</v>
      </c>
      <c r="I6" s="3">
        <v>14.29</v>
      </c>
      <c r="J6" s="3">
        <v>15.81</v>
      </c>
      <c r="K6" s="3">
        <v>13.98</v>
      </c>
      <c r="L6" s="3">
        <v>15.25</v>
      </c>
      <c r="M6" s="3">
        <v>15.4</v>
      </c>
      <c r="N6" s="3">
        <v>16.37</v>
      </c>
      <c r="O6" s="3">
        <v>15.63</v>
      </c>
      <c r="P6" s="3">
        <v>18.510000000000002</v>
      </c>
      <c r="Q6" s="3">
        <v>2278.31</v>
      </c>
      <c r="R6" s="3">
        <v>2278.31</v>
      </c>
      <c r="S6" s="3">
        <v>-0.83</v>
      </c>
      <c r="T6" s="3">
        <v>-0.46</v>
      </c>
      <c r="U6" s="3">
        <v>20.420000000000002</v>
      </c>
      <c r="V6" s="3">
        <v>0.56000000000000005</v>
      </c>
      <c r="W6" s="3">
        <v>0.49</v>
      </c>
      <c r="X6" s="3">
        <v>-0.11</v>
      </c>
      <c r="Y6" s="3">
        <v>-0.01</v>
      </c>
      <c r="Z6" s="3">
        <v>0.19</v>
      </c>
      <c r="AA6" s="4">
        <f t="shared" si="6"/>
        <v>0</v>
      </c>
      <c r="AB6" s="4">
        <f t="shared" si="7"/>
        <v>1.6</v>
      </c>
      <c r="AC6" s="3">
        <f t="shared" si="0"/>
        <v>-1.3280000000000001</v>
      </c>
      <c r="AD6" s="4">
        <f t="shared" si="2"/>
        <v>0</v>
      </c>
      <c r="AE6" s="3">
        <f t="shared" si="3"/>
        <v>-0.7360000000000001</v>
      </c>
      <c r="AF6" s="4">
        <f t="shared" si="8"/>
        <v>0</v>
      </c>
      <c r="AG6" s="3">
        <f t="shared" si="4"/>
        <v>32.672000000000004</v>
      </c>
      <c r="AH6" s="4">
        <f t="shared" si="5"/>
        <v>0</v>
      </c>
      <c r="AI6" s="3">
        <f t="shared" si="1"/>
        <v>0.56000000000000005</v>
      </c>
      <c r="AJ6" s="14"/>
      <c r="AK6" s="14"/>
    </row>
    <row r="7" spans="1:37">
      <c r="A7" s="3" t="s">
        <v>52</v>
      </c>
      <c r="B7" s="2">
        <v>0.38609953703703703</v>
      </c>
      <c r="C7" s="3">
        <v>14.58</v>
      </c>
      <c r="D7" s="3">
        <v>29.1</v>
      </c>
      <c r="E7" s="3">
        <v>12.86</v>
      </c>
      <c r="F7" s="3">
        <v>96.43</v>
      </c>
      <c r="G7" s="3">
        <v>13.16</v>
      </c>
      <c r="H7" s="3">
        <v>32.54</v>
      </c>
      <c r="I7" s="3">
        <v>14.96</v>
      </c>
      <c r="J7" s="3">
        <v>27.34</v>
      </c>
      <c r="K7" s="3">
        <v>14.56</v>
      </c>
      <c r="L7" s="3">
        <v>27.07</v>
      </c>
      <c r="M7" s="3">
        <v>16.02</v>
      </c>
      <c r="N7" s="3">
        <v>34.47</v>
      </c>
      <c r="O7" s="3">
        <v>15.5</v>
      </c>
      <c r="P7" s="3">
        <v>41.27</v>
      </c>
      <c r="Q7" s="3">
        <v>2278.54</v>
      </c>
      <c r="R7" s="3">
        <v>2278.54</v>
      </c>
      <c r="S7" s="3">
        <v>-0.85</v>
      </c>
      <c r="T7" s="3">
        <v>-0.47</v>
      </c>
      <c r="U7" s="3">
        <v>20.59</v>
      </c>
      <c r="V7" s="3">
        <v>0.54</v>
      </c>
      <c r="W7" s="3">
        <v>0.25</v>
      </c>
      <c r="X7" s="3">
        <v>-0.23</v>
      </c>
      <c r="Y7" s="3">
        <v>-0.03</v>
      </c>
      <c r="Z7" s="3">
        <v>0.14000000000000001</v>
      </c>
      <c r="AA7" s="4">
        <f t="shared" si="6"/>
        <v>0</v>
      </c>
      <c r="AB7" s="4">
        <f t="shared" si="7"/>
        <v>1.6</v>
      </c>
      <c r="AC7" s="3">
        <f t="shared" si="0"/>
        <v>-1.36</v>
      </c>
      <c r="AD7" s="4">
        <f t="shared" si="2"/>
        <v>0</v>
      </c>
      <c r="AE7" s="3">
        <f t="shared" si="3"/>
        <v>-0.752</v>
      </c>
      <c r="AF7" s="4">
        <f t="shared" si="8"/>
        <v>0</v>
      </c>
      <c r="AG7" s="3">
        <f t="shared" si="4"/>
        <v>32.944000000000003</v>
      </c>
      <c r="AH7" s="4">
        <f t="shared" si="5"/>
        <v>0</v>
      </c>
      <c r="AI7" s="3">
        <f t="shared" si="1"/>
        <v>0.54</v>
      </c>
      <c r="AJ7" s="14"/>
      <c r="AK7" s="14"/>
    </row>
    <row r="8" spans="1:37">
      <c r="A8" s="3" t="s">
        <v>52</v>
      </c>
      <c r="B8" s="2">
        <v>0.38680555555555557</v>
      </c>
      <c r="C8" s="3">
        <v>20.260000000000002</v>
      </c>
      <c r="D8" s="3">
        <v>56.02</v>
      </c>
      <c r="E8" s="3">
        <v>16.09</v>
      </c>
      <c r="F8" s="3">
        <v>171.57</v>
      </c>
      <c r="G8" s="3">
        <v>18.329999999999998</v>
      </c>
      <c r="H8" s="3">
        <v>67.5</v>
      </c>
      <c r="I8" s="3">
        <v>16.66</v>
      </c>
      <c r="J8" s="3">
        <v>49.64</v>
      </c>
      <c r="K8" s="3">
        <v>16.09</v>
      </c>
      <c r="L8" s="3">
        <v>49.02</v>
      </c>
      <c r="M8" s="3">
        <v>18.579999999999998</v>
      </c>
      <c r="N8" s="3">
        <v>70.709999999999994</v>
      </c>
      <c r="O8" s="3">
        <v>15.82</v>
      </c>
      <c r="P8" s="3">
        <v>81.319999999999993</v>
      </c>
      <c r="Q8" s="3">
        <v>2278.7399999999998</v>
      </c>
      <c r="R8" s="3">
        <v>2278.7399999999998</v>
      </c>
      <c r="S8" s="3">
        <v>-0.89</v>
      </c>
      <c r="T8" s="3">
        <v>-0.47</v>
      </c>
      <c r="U8" s="3">
        <v>20.59</v>
      </c>
      <c r="V8" s="3">
        <v>0.51</v>
      </c>
      <c r="W8" s="3">
        <v>0.19</v>
      </c>
      <c r="X8" s="3">
        <v>-0.2</v>
      </c>
      <c r="Y8" s="3">
        <v>-0.04</v>
      </c>
      <c r="Z8" s="3">
        <v>0.06</v>
      </c>
      <c r="AA8" s="4">
        <f t="shared" si="6"/>
        <v>0</v>
      </c>
      <c r="AB8" s="4">
        <f t="shared" si="7"/>
        <v>1.6</v>
      </c>
      <c r="AC8" s="3">
        <f t="shared" si="0"/>
        <v>-1.4240000000000002</v>
      </c>
      <c r="AD8" s="4">
        <f t="shared" si="2"/>
        <v>0</v>
      </c>
      <c r="AE8" s="3">
        <f t="shared" si="3"/>
        <v>-0.752</v>
      </c>
      <c r="AF8" s="4">
        <f t="shared" si="8"/>
        <v>0</v>
      </c>
      <c r="AG8" s="3">
        <f t="shared" si="4"/>
        <v>32.944000000000003</v>
      </c>
      <c r="AH8" s="4">
        <f t="shared" si="5"/>
        <v>0</v>
      </c>
      <c r="AI8" s="3">
        <f t="shared" si="1"/>
        <v>0.51</v>
      </c>
      <c r="AJ8" s="14"/>
      <c r="AK8" s="14"/>
    </row>
    <row r="9" spans="1:37">
      <c r="A9" s="3" t="s">
        <v>52</v>
      </c>
      <c r="B9" s="2">
        <v>0.38750000000000001</v>
      </c>
      <c r="C9" s="3">
        <v>28.82</v>
      </c>
      <c r="D9" s="3">
        <v>86.23</v>
      </c>
      <c r="E9" s="3">
        <v>21.89</v>
      </c>
      <c r="F9" s="3">
        <v>236.25</v>
      </c>
      <c r="G9" s="3">
        <v>27.4</v>
      </c>
      <c r="H9" s="3">
        <v>111</v>
      </c>
      <c r="I9" s="3">
        <v>19.57</v>
      </c>
      <c r="J9" s="3">
        <v>79</v>
      </c>
      <c r="K9" s="3">
        <v>18.97</v>
      </c>
      <c r="L9" s="3">
        <v>74.48</v>
      </c>
      <c r="M9" s="3">
        <v>23.6</v>
      </c>
      <c r="N9" s="3">
        <v>113.5</v>
      </c>
      <c r="O9" s="3">
        <v>16.02</v>
      </c>
      <c r="P9" s="3">
        <v>129.62</v>
      </c>
      <c r="Q9" s="3">
        <v>2278.91</v>
      </c>
      <c r="R9" s="3">
        <v>2278.91</v>
      </c>
      <c r="S9" s="3">
        <v>-0.92</v>
      </c>
      <c r="T9" s="3">
        <v>-0.47</v>
      </c>
      <c r="U9" s="3">
        <v>20.58</v>
      </c>
      <c r="V9" s="3">
        <v>0.51</v>
      </c>
      <c r="W9" s="3">
        <v>0.18</v>
      </c>
      <c r="X9" s="3">
        <v>-0.16</v>
      </c>
      <c r="Y9" s="3">
        <v>-0.03</v>
      </c>
      <c r="Z9" s="3">
        <v>7.0000000000000007E-2</v>
      </c>
      <c r="AA9" s="4">
        <f t="shared" si="6"/>
        <v>0</v>
      </c>
      <c r="AB9" s="4">
        <f t="shared" si="7"/>
        <v>1.6</v>
      </c>
      <c r="AC9" s="3">
        <f t="shared" si="0"/>
        <v>-1.4720000000000002</v>
      </c>
      <c r="AD9" s="4">
        <f t="shared" si="2"/>
        <v>0</v>
      </c>
      <c r="AE9" s="3">
        <f t="shared" si="3"/>
        <v>-0.752</v>
      </c>
      <c r="AF9" s="4">
        <f t="shared" si="8"/>
        <v>0</v>
      </c>
      <c r="AG9" s="3">
        <f t="shared" si="4"/>
        <v>32.927999999999997</v>
      </c>
      <c r="AH9" s="4">
        <f t="shared" si="5"/>
        <v>0</v>
      </c>
      <c r="AI9" s="3">
        <f t="shared" si="1"/>
        <v>0.51</v>
      </c>
      <c r="AJ9" s="14"/>
      <c r="AK9" s="14"/>
    </row>
    <row r="10" spans="1:37">
      <c r="A10" s="3" t="s">
        <v>52</v>
      </c>
      <c r="B10" s="2">
        <v>0.38819444444444445</v>
      </c>
      <c r="C10" s="3">
        <v>39.200000000000003</v>
      </c>
      <c r="D10" s="3">
        <v>116.49</v>
      </c>
      <c r="E10" s="3">
        <v>30.22</v>
      </c>
      <c r="F10" s="3">
        <v>286.27</v>
      </c>
      <c r="G10" s="3">
        <v>39.950000000000003</v>
      </c>
      <c r="H10" s="3">
        <v>155.1</v>
      </c>
      <c r="I10" s="3">
        <v>23.64</v>
      </c>
      <c r="J10" s="3">
        <v>110.15</v>
      </c>
      <c r="K10" s="3">
        <v>23.22</v>
      </c>
      <c r="L10" s="3">
        <v>100.37</v>
      </c>
      <c r="M10" s="3">
        <v>31.01</v>
      </c>
      <c r="N10" s="3">
        <v>156.1</v>
      </c>
      <c r="O10" s="3">
        <v>16.89</v>
      </c>
      <c r="P10" s="3">
        <v>179.64</v>
      </c>
      <c r="Q10" s="3">
        <v>2279.06</v>
      </c>
      <c r="R10" s="3">
        <v>2279.06</v>
      </c>
      <c r="S10" s="3">
        <v>-0.92</v>
      </c>
      <c r="T10" s="3">
        <v>-0.47</v>
      </c>
      <c r="U10" s="3">
        <v>20.69</v>
      </c>
      <c r="V10" s="3">
        <v>0.53</v>
      </c>
      <c r="W10" s="3">
        <v>0.2</v>
      </c>
      <c r="X10" s="3">
        <v>-0.17</v>
      </c>
      <c r="Y10" s="3">
        <v>-0.01</v>
      </c>
      <c r="Z10" s="3">
        <v>0.09</v>
      </c>
      <c r="AA10" s="4">
        <f t="shared" si="6"/>
        <v>0</v>
      </c>
      <c r="AB10" s="4">
        <f t="shared" si="7"/>
        <v>1.6</v>
      </c>
      <c r="AC10" s="3">
        <f t="shared" si="0"/>
        <v>-1.4720000000000002</v>
      </c>
      <c r="AD10" s="4">
        <f t="shared" si="2"/>
        <v>0</v>
      </c>
      <c r="AE10" s="3">
        <f t="shared" si="3"/>
        <v>-0.752</v>
      </c>
      <c r="AF10" s="4">
        <f t="shared" si="8"/>
        <v>0</v>
      </c>
      <c r="AG10" s="3">
        <f t="shared" si="4"/>
        <v>33.104000000000006</v>
      </c>
      <c r="AH10" s="4">
        <f t="shared" si="5"/>
        <v>0</v>
      </c>
      <c r="AI10" s="3">
        <f t="shared" si="1"/>
        <v>0.53</v>
      </c>
      <c r="AJ10" s="14"/>
      <c r="AK10" s="14"/>
    </row>
    <row r="11" spans="1:37">
      <c r="A11" s="3" t="s">
        <v>52</v>
      </c>
      <c r="B11" s="2">
        <v>0.3888888888888889</v>
      </c>
      <c r="C11" s="3">
        <v>50.14</v>
      </c>
      <c r="D11" s="3">
        <v>145.28</v>
      </c>
      <c r="E11" s="3">
        <v>40.409999999999997</v>
      </c>
      <c r="F11" s="3">
        <v>299.7</v>
      </c>
      <c r="G11" s="3">
        <v>55.15</v>
      </c>
      <c r="H11" s="3">
        <v>196.32</v>
      </c>
      <c r="I11" s="3">
        <v>28.72</v>
      </c>
      <c r="J11" s="3">
        <v>140.74</v>
      </c>
      <c r="K11" s="3">
        <v>28</v>
      </c>
      <c r="L11" s="3">
        <v>125.46</v>
      </c>
      <c r="M11" s="3">
        <v>40.299999999999997</v>
      </c>
      <c r="N11" s="3">
        <v>196.1</v>
      </c>
      <c r="O11" s="3">
        <v>17.489999999999998</v>
      </c>
      <c r="P11" s="3">
        <v>226.88</v>
      </c>
      <c r="Q11" s="3">
        <v>2279.1799999999998</v>
      </c>
      <c r="R11" s="3">
        <v>2279.1799999999998</v>
      </c>
      <c r="S11" s="3">
        <v>0.41</v>
      </c>
      <c r="T11" s="3">
        <v>-0.38</v>
      </c>
      <c r="U11" s="3">
        <v>17.47</v>
      </c>
      <c r="V11" s="3">
        <v>0.67</v>
      </c>
      <c r="W11" s="3">
        <v>0.24</v>
      </c>
      <c r="X11" s="3">
        <v>-0.19</v>
      </c>
      <c r="Y11" s="3">
        <v>0</v>
      </c>
      <c r="Z11" s="3">
        <v>0.12</v>
      </c>
      <c r="AA11" s="4">
        <f t="shared" si="6"/>
        <v>0</v>
      </c>
      <c r="AB11" s="4">
        <f t="shared" si="7"/>
        <v>1.6</v>
      </c>
      <c r="AC11" s="3">
        <f t="shared" si="0"/>
        <v>0.65600000000000003</v>
      </c>
      <c r="AD11" s="4">
        <f t="shared" si="2"/>
        <v>0</v>
      </c>
      <c r="AE11" s="3">
        <f t="shared" si="3"/>
        <v>-0.6080000000000001</v>
      </c>
      <c r="AF11" s="4">
        <f t="shared" si="8"/>
        <v>0</v>
      </c>
      <c r="AG11" s="3">
        <f t="shared" si="4"/>
        <v>27.951999999999998</v>
      </c>
      <c r="AH11" s="4">
        <f t="shared" si="5"/>
        <v>0</v>
      </c>
      <c r="AI11" s="3">
        <f t="shared" si="1"/>
        <v>0.67</v>
      </c>
      <c r="AJ11" s="14"/>
      <c r="AK11" s="14"/>
    </row>
    <row r="12" spans="1:37">
      <c r="A12" s="3" t="s">
        <v>52</v>
      </c>
      <c r="B12" s="2">
        <v>0.38958333333333334</v>
      </c>
      <c r="C12" s="3">
        <v>62.09</v>
      </c>
      <c r="D12" s="3">
        <v>172.63</v>
      </c>
      <c r="E12" s="3">
        <v>50.68</v>
      </c>
      <c r="F12" s="3">
        <v>300.61</v>
      </c>
      <c r="G12" s="3">
        <v>72.790000000000006</v>
      </c>
      <c r="H12" s="3">
        <v>234.74</v>
      </c>
      <c r="I12" s="3">
        <v>35.020000000000003</v>
      </c>
      <c r="J12" s="3">
        <v>170.44</v>
      </c>
      <c r="K12" s="3">
        <v>33.1</v>
      </c>
      <c r="L12" s="3">
        <v>149.09</v>
      </c>
      <c r="M12" s="3">
        <v>51.06</v>
      </c>
      <c r="N12" s="3">
        <v>233.04</v>
      </c>
      <c r="O12" s="3">
        <v>19.39</v>
      </c>
      <c r="P12" s="3">
        <v>270.91000000000003</v>
      </c>
      <c r="Q12" s="3">
        <v>2279.3000000000002</v>
      </c>
      <c r="R12" s="3">
        <v>2279.3000000000002</v>
      </c>
      <c r="S12" s="3">
        <v>2.72</v>
      </c>
      <c r="T12" s="3">
        <v>0.02</v>
      </c>
      <c r="U12" s="3">
        <v>2.81</v>
      </c>
      <c r="V12" s="3">
        <v>0.95</v>
      </c>
      <c r="W12" s="3">
        <v>1.24</v>
      </c>
      <c r="X12" s="3">
        <v>-0.12</v>
      </c>
      <c r="Y12" s="3">
        <v>0.05</v>
      </c>
      <c r="Z12" s="3">
        <v>0.16</v>
      </c>
      <c r="AA12" s="4">
        <f t="shared" si="6"/>
        <v>0</v>
      </c>
      <c r="AB12" s="4">
        <f t="shared" si="7"/>
        <v>1.6</v>
      </c>
      <c r="AC12" s="3">
        <f t="shared" si="0"/>
        <v>4.3520000000000003</v>
      </c>
      <c r="AD12" s="4">
        <f t="shared" si="2"/>
        <v>0</v>
      </c>
      <c r="AE12" s="3">
        <f t="shared" si="3"/>
        <v>3.2000000000000001E-2</v>
      </c>
      <c r="AF12" s="4">
        <f t="shared" si="8"/>
        <v>0</v>
      </c>
      <c r="AG12" s="3">
        <f t="shared" si="4"/>
        <v>4.4960000000000004</v>
      </c>
      <c r="AH12" s="4">
        <f t="shared" si="5"/>
        <v>0</v>
      </c>
      <c r="AI12" s="3">
        <f t="shared" si="1"/>
        <v>0.95</v>
      </c>
      <c r="AJ12" s="14"/>
      <c r="AK12" s="14"/>
    </row>
    <row r="13" spans="1:37">
      <c r="A13" s="3" t="s">
        <v>52</v>
      </c>
      <c r="B13" s="2">
        <v>0.39027777777777778</v>
      </c>
      <c r="C13" s="3">
        <v>75.61</v>
      </c>
      <c r="D13" s="3">
        <v>198.2</v>
      </c>
      <c r="E13" s="3">
        <v>60.67</v>
      </c>
      <c r="F13" s="3">
        <v>301.48</v>
      </c>
      <c r="G13" s="3">
        <v>92.2</v>
      </c>
      <c r="H13" s="3">
        <v>270.27999999999997</v>
      </c>
      <c r="I13" s="3">
        <v>42.29</v>
      </c>
      <c r="J13" s="3">
        <v>198.37</v>
      </c>
      <c r="K13" s="3">
        <v>38.14</v>
      </c>
      <c r="L13" s="3">
        <v>171.38</v>
      </c>
      <c r="M13" s="3">
        <v>63.58</v>
      </c>
      <c r="N13" s="3">
        <v>267.51</v>
      </c>
      <c r="O13" s="3">
        <v>22.05</v>
      </c>
      <c r="P13" s="3">
        <v>310.38</v>
      </c>
      <c r="Q13" s="3">
        <v>2279.4</v>
      </c>
      <c r="R13" s="3">
        <v>2279.4</v>
      </c>
      <c r="S13" s="3">
        <v>0.78</v>
      </c>
      <c r="T13" s="3">
        <v>0.04</v>
      </c>
      <c r="U13" s="3">
        <v>0.34</v>
      </c>
      <c r="V13" s="3">
        <v>0.96</v>
      </c>
      <c r="W13" s="3">
        <v>1.32</v>
      </c>
      <c r="X13" s="3">
        <v>-0.08</v>
      </c>
      <c r="Y13" s="3">
        <v>0.06</v>
      </c>
      <c r="Z13" s="3">
        <v>0.13</v>
      </c>
      <c r="AA13" s="4">
        <f t="shared" si="6"/>
        <v>0</v>
      </c>
      <c r="AB13" s="4">
        <f t="shared" si="7"/>
        <v>1.6</v>
      </c>
      <c r="AC13" s="3">
        <f t="shared" si="0"/>
        <v>1.2480000000000002</v>
      </c>
      <c r="AD13" s="4">
        <f t="shared" si="2"/>
        <v>0</v>
      </c>
      <c r="AE13" s="3">
        <f t="shared" si="3"/>
        <v>6.4000000000000001E-2</v>
      </c>
      <c r="AF13" s="4">
        <f t="shared" si="8"/>
        <v>0</v>
      </c>
      <c r="AG13" s="3">
        <f t="shared" si="4"/>
        <v>0.54400000000000004</v>
      </c>
      <c r="AH13" s="4">
        <f t="shared" si="5"/>
        <v>0</v>
      </c>
      <c r="AI13" s="3">
        <f t="shared" si="1"/>
        <v>0.96</v>
      </c>
      <c r="AJ13" s="14"/>
      <c r="AK13" s="14"/>
    </row>
    <row r="14" spans="1:37">
      <c r="A14" s="3" t="s">
        <v>52</v>
      </c>
      <c r="B14" s="2">
        <v>0.39098379629629632</v>
      </c>
      <c r="C14" s="3">
        <v>90.52</v>
      </c>
      <c r="D14" s="3">
        <v>222.36</v>
      </c>
      <c r="E14" s="3">
        <v>70.33</v>
      </c>
      <c r="F14" s="3">
        <v>301.08999999999997</v>
      </c>
      <c r="G14" s="3">
        <v>113.29</v>
      </c>
      <c r="H14" s="3">
        <v>302.95</v>
      </c>
      <c r="I14" s="3">
        <v>50.62</v>
      </c>
      <c r="J14" s="3">
        <v>224.25</v>
      </c>
      <c r="K14" s="3">
        <v>43.84</v>
      </c>
      <c r="L14" s="3">
        <v>192.02</v>
      </c>
      <c r="M14" s="3">
        <v>77.150000000000006</v>
      </c>
      <c r="N14" s="3">
        <v>299.45999999999998</v>
      </c>
      <c r="O14" s="3">
        <v>25.67</v>
      </c>
      <c r="P14" s="3">
        <v>328.92</v>
      </c>
      <c r="Q14" s="3">
        <v>2279.5</v>
      </c>
      <c r="R14" s="3">
        <v>2279.5</v>
      </c>
      <c r="S14" s="3">
        <v>0.49</v>
      </c>
      <c r="T14" s="3">
        <v>0.04</v>
      </c>
      <c r="U14" s="3">
        <v>0.28000000000000003</v>
      </c>
      <c r="V14" s="3">
        <v>0.96</v>
      </c>
      <c r="W14" s="3">
        <v>1.1299999999999999</v>
      </c>
      <c r="X14" s="3">
        <v>-0.05</v>
      </c>
      <c r="Y14" s="3">
        <v>0.05</v>
      </c>
      <c r="Z14" s="3">
        <v>0.1</v>
      </c>
      <c r="AA14" s="4">
        <f t="shared" si="6"/>
        <v>0</v>
      </c>
      <c r="AB14" s="4">
        <f t="shared" si="7"/>
        <v>1.6</v>
      </c>
      <c r="AC14" s="3">
        <f t="shared" si="0"/>
        <v>0.78400000000000003</v>
      </c>
      <c r="AD14" s="4">
        <f t="shared" si="2"/>
        <v>0</v>
      </c>
      <c r="AE14" s="3">
        <f t="shared" si="3"/>
        <v>6.4000000000000001E-2</v>
      </c>
      <c r="AF14" s="4">
        <f t="shared" si="8"/>
        <v>0</v>
      </c>
      <c r="AG14" s="3">
        <f t="shared" si="4"/>
        <v>0.44800000000000006</v>
      </c>
      <c r="AH14" s="4">
        <f t="shared" si="5"/>
        <v>0</v>
      </c>
      <c r="AI14" s="3">
        <f t="shared" si="1"/>
        <v>0.96</v>
      </c>
      <c r="AJ14" s="14"/>
      <c r="AK14" s="14"/>
    </row>
    <row r="15" spans="1:37">
      <c r="A15" s="3" t="s">
        <v>52</v>
      </c>
      <c r="B15" s="2">
        <v>0.3916782407407407</v>
      </c>
      <c r="C15" s="3">
        <v>106.29</v>
      </c>
      <c r="D15" s="3">
        <v>244.39</v>
      </c>
      <c r="E15" s="3">
        <v>79.760000000000005</v>
      </c>
      <c r="F15" s="3">
        <v>302.16000000000003</v>
      </c>
      <c r="G15" s="3">
        <v>134.04</v>
      </c>
      <c r="H15" s="3">
        <v>325.98</v>
      </c>
      <c r="I15" s="3">
        <v>59.98</v>
      </c>
      <c r="J15" s="3">
        <v>247.97</v>
      </c>
      <c r="K15" s="3">
        <v>49.58</v>
      </c>
      <c r="L15" s="3">
        <v>211.15</v>
      </c>
      <c r="M15" s="3">
        <v>91.97</v>
      </c>
      <c r="N15" s="3">
        <v>323.23</v>
      </c>
      <c r="O15" s="3">
        <v>30.36</v>
      </c>
      <c r="P15" s="3">
        <v>330.09</v>
      </c>
      <c r="Q15" s="3">
        <v>2279.58</v>
      </c>
      <c r="R15" s="3">
        <v>2279.58</v>
      </c>
      <c r="S15" s="3">
        <v>0.38</v>
      </c>
      <c r="T15" s="3">
        <v>0.05</v>
      </c>
      <c r="U15" s="3">
        <v>0.28000000000000003</v>
      </c>
      <c r="V15" s="3">
        <v>0.88</v>
      </c>
      <c r="W15" s="3">
        <v>1.08</v>
      </c>
      <c r="X15" s="3">
        <v>-0.08</v>
      </c>
      <c r="Y15" s="3">
        <v>0.03</v>
      </c>
      <c r="Z15" s="3">
        <v>0.11</v>
      </c>
      <c r="AA15" s="4">
        <f t="shared" si="6"/>
        <v>0</v>
      </c>
      <c r="AB15" s="4">
        <f t="shared" si="7"/>
        <v>1.6</v>
      </c>
      <c r="AC15" s="3">
        <f t="shared" si="0"/>
        <v>0.6080000000000001</v>
      </c>
      <c r="AD15" s="4">
        <f t="shared" si="2"/>
        <v>0</v>
      </c>
      <c r="AE15" s="3">
        <f t="shared" si="3"/>
        <v>8.0000000000000016E-2</v>
      </c>
      <c r="AF15" s="4">
        <f t="shared" si="8"/>
        <v>0</v>
      </c>
      <c r="AG15" s="3">
        <f t="shared" si="4"/>
        <v>0.44800000000000006</v>
      </c>
      <c r="AH15" s="4">
        <f t="shared" si="5"/>
        <v>0</v>
      </c>
      <c r="AI15" s="3">
        <f t="shared" si="1"/>
        <v>0.88</v>
      </c>
      <c r="AJ15" s="14"/>
      <c r="AK15" s="14"/>
    </row>
    <row r="16" spans="1:37">
      <c r="A16" s="3" t="s">
        <v>52</v>
      </c>
      <c r="B16" s="2">
        <v>0.3923726851851852</v>
      </c>
      <c r="C16" s="3">
        <v>122.4</v>
      </c>
      <c r="D16" s="3">
        <v>264.55</v>
      </c>
      <c r="E16" s="3">
        <v>88.41</v>
      </c>
      <c r="F16" s="3">
        <v>302.08999999999997</v>
      </c>
      <c r="G16" s="3">
        <v>151.35</v>
      </c>
      <c r="H16" s="3">
        <v>329.78</v>
      </c>
      <c r="I16" s="3">
        <v>70.150000000000006</v>
      </c>
      <c r="J16" s="3">
        <v>269.91000000000003</v>
      </c>
      <c r="K16" s="3">
        <v>55.18</v>
      </c>
      <c r="L16" s="3">
        <v>229.01</v>
      </c>
      <c r="M16" s="3">
        <v>104.99</v>
      </c>
      <c r="N16" s="3">
        <v>328.12</v>
      </c>
      <c r="O16" s="3">
        <v>35.85</v>
      </c>
      <c r="P16" s="3">
        <v>325.07</v>
      </c>
      <c r="Q16" s="3">
        <v>2279.65</v>
      </c>
      <c r="R16" s="3">
        <v>2279.65</v>
      </c>
      <c r="S16" s="3">
        <v>0.34</v>
      </c>
      <c r="T16" s="3">
        <v>0.05</v>
      </c>
      <c r="U16" s="3">
        <v>0.28000000000000003</v>
      </c>
      <c r="V16" s="3">
        <v>0.82</v>
      </c>
      <c r="W16" s="3">
        <v>1.1100000000000001</v>
      </c>
      <c r="X16" s="3">
        <v>-0.08</v>
      </c>
      <c r="Y16" s="3">
        <v>0.02</v>
      </c>
      <c r="Z16" s="3">
        <v>0.11</v>
      </c>
      <c r="AA16" s="4">
        <f t="shared" si="6"/>
        <v>0</v>
      </c>
      <c r="AB16" s="4">
        <f t="shared" si="7"/>
        <v>1.6</v>
      </c>
      <c r="AC16" s="3">
        <f t="shared" si="0"/>
        <v>0.54400000000000004</v>
      </c>
      <c r="AD16" s="4">
        <f t="shared" si="2"/>
        <v>0</v>
      </c>
      <c r="AE16" s="3">
        <f t="shared" si="3"/>
        <v>8.0000000000000016E-2</v>
      </c>
      <c r="AF16" s="4">
        <f t="shared" si="8"/>
        <v>0</v>
      </c>
      <c r="AG16" s="3">
        <f t="shared" si="4"/>
        <v>0.44800000000000006</v>
      </c>
      <c r="AH16" s="4">
        <f t="shared" si="5"/>
        <v>0</v>
      </c>
      <c r="AI16" s="3">
        <f t="shared" si="1"/>
        <v>0.82</v>
      </c>
      <c r="AJ16" s="14"/>
      <c r="AK16" s="14"/>
    </row>
    <row r="17" spans="1:37">
      <c r="A17" s="3" t="s">
        <v>52</v>
      </c>
      <c r="B17" s="2">
        <v>0.39306712962962959</v>
      </c>
      <c r="C17" s="3">
        <v>138.65</v>
      </c>
      <c r="D17" s="3">
        <v>283.36</v>
      </c>
      <c r="E17" s="3">
        <v>96.49</v>
      </c>
      <c r="F17" s="3">
        <v>301.68</v>
      </c>
      <c r="G17" s="3">
        <v>164.39</v>
      </c>
      <c r="H17" s="3">
        <v>323.79000000000002</v>
      </c>
      <c r="I17" s="3">
        <v>81.239999999999995</v>
      </c>
      <c r="J17" s="3">
        <v>290.5</v>
      </c>
      <c r="K17" s="3">
        <v>61.15</v>
      </c>
      <c r="L17" s="3">
        <v>245.89</v>
      </c>
      <c r="M17" s="3">
        <v>115.98</v>
      </c>
      <c r="N17" s="3">
        <v>322.36</v>
      </c>
      <c r="O17" s="3">
        <v>41.83</v>
      </c>
      <c r="P17" s="3">
        <v>317.19</v>
      </c>
      <c r="Q17" s="3">
        <v>2279.71</v>
      </c>
      <c r="R17" s="3">
        <v>2279.71</v>
      </c>
      <c r="S17" s="3">
        <v>0.31</v>
      </c>
      <c r="T17" s="3">
        <v>0.06</v>
      </c>
      <c r="U17" s="3">
        <v>0.28999999999999998</v>
      </c>
      <c r="V17" s="3">
        <v>0.82</v>
      </c>
      <c r="W17" s="3">
        <v>1.1200000000000001</v>
      </c>
      <c r="X17" s="3">
        <v>-0.06</v>
      </c>
      <c r="Y17" s="3">
        <v>0.01</v>
      </c>
      <c r="Z17" s="3">
        <v>0.1</v>
      </c>
      <c r="AA17" s="4">
        <f t="shared" si="6"/>
        <v>0</v>
      </c>
      <c r="AB17" s="4">
        <f t="shared" si="7"/>
        <v>1.6</v>
      </c>
      <c r="AC17" s="3">
        <f t="shared" si="0"/>
        <v>0.496</v>
      </c>
      <c r="AD17" s="4">
        <f t="shared" si="2"/>
        <v>0</v>
      </c>
      <c r="AE17" s="3">
        <f t="shared" si="3"/>
        <v>9.6000000000000002E-2</v>
      </c>
      <c r="AF17" s="4">
        <f t="shared" si="8"/>
        <v>0</v>
      </c>
      <c r="AG17" s="3">
        <f t="shared" si="4"/>
        <v>0.46399999999999997</v>
      </c>
      <c r="AH17" s="4">
        <f t="shared" si="5"/>
        <v>0</v>
      </c>
      <c r="AI17" s="3">
        <f t="shared" si="1"/>
        <v>0.82</v>
      </c>
      <c r="AJ17" s="14"/>
      <c r="AK17" s="14"/>
    </row>
    <row r="18" spans="1:37">
      <c r="A18" s="3" t="s">
        <v>52</v>
      </c>
      <c r="B18" s="2">
        <v>0.39376157407407408</v>
      </c>
      <c r="C18" s="3">
        <v>154.81</v>
      </c>
      <c r="D18" s="3">
        <v>300.98</v>
      </c>
      <c r="E18" s="3">
        <v>104.48</v>
      </c>
      <c r="F18" s="3">
        <v>301.39999999999998</v>
      </c>
      <c r="G18" s="3">
        <v>174</v>
      </c>
      <c r="H18" s="3">
        <v>314.87</v>
      </c>
      <c r="I18" s="3">
        <v>93.11</v>
      </c>
      <c r="J18" s="3">
        <v>309.20999999999998</v>
      </c>
      <c r="K18" s="3">
        <v>67.099999999999994</v>
      </c>
      <c r="L18" s="3">
        <v>262.01</v>
      </c>
      <c r="M18" s="3">
        <v>123.85</v>
      </c>
      <c r="N18" s="3">
        <v>313.70999999999998</v>
      </c>
      <c r="O18" s="3">
        <v>48.09</v>
      </c>
      <c r="P18" s="3">
        <v>307.95999999999998</v>
      </c>
      <c r="Q18" s="3">
        <v>2279.7800000000002</v>
      </c>
      <c r="R18" s="3">
        <v>2279.7800000000002</v>
      </c>
      <c r="S18" s="3">
        <v>0.28000000000000003</v>
      </c>
      <c r="T18" s="3">
        <v>7.0000000000000007E-2</v>
      </c>
      <c r="U18" s="3">
        <v>0.28999999999999998</v>
      </c>
      <c r="V18" s="3">
        <v>0.83</v>
      </c>
      <c r="W18" s="3">
        <v>1.1499999999999999</v>
      </c>
      <c r="X18" s="3">
        <v>-0.1</v>
      </c>
      <c r="Y18" s="3">
        <v>0.01</v>
      </c>
      <c r="Z18" s="3">
        <v>0.12</v>
      </c>
      <c r="AA18" s="4">
        <f t="shared" si="6"/>
        <v>0</v>
      </c>
      <c r="AB18" s="4">
        <f t="shared" si="7"/>
        <v>1.6</v>
      </c>
      <c r="AC18" s="3">
        <f t="shared" si="0"/>
        <v>0.44800000000000006</v>
      </c>
      <c r="AD18" s="4">
        <f t="shared" si="2"/>
        <v>0</v>
      </c>
      <c r="AE18" s="3">
        <f t="shared" si="3"/>
        <v>0.11200000000000002</v>
      </c>
      <c r="AF18" s="4">
        <f t="shared" si="8"/>
        <v>0</v>
      </c>
      <c r="AG18" s="3">
        <f t="shared" si="4"/>
        <v>0.46399999999999997</v>
      </c>
      <c r="AH18" s="4">
        <f t="shared" si="5"/>
        <v>0</v>
      </c>
      <c r="AI18" s="3">
        <f t="shared" si="1"/>
        <v>0.83</v>
      </c>
      <c r="AJ18" s="14"/>
      <c r="AK18" s="14"/>
    </row>
    <row r="19" spans="1:37">
      <c r="A19" s="3" t="s">
        <v>52</v>
      </c>
      <c r="B19" s="2">
        <v>0.39445601851851847</v>
      </c>
      <c r="C19" s="3">
        <v>169.51</v>
      </c>
      <c r="D19" s="3">
        <v>312.66000000000003</v>
      </c>
      <c r="E19" s="3">
        <v>111.85</v>
      </c>
      <c r="F19" s="3">
        <v>303.20999999999998</v>
      </c>
      <c r="G19" s="3">
        <v>181.09</v>
      </c>
      <c r="H19" s="3">
        <v>305.49</v>
      </c>
      <c r="I19" s="3">
        <v>105.01</v>
      </c>
      <c r="J19" s="3">
        <v>318.77</v>
      </c>
      <c r="K19" s="3">
        <v>73.73</v>
      </c>
      <c r="L19" s="3">
        <v>277.58</v>
      </c>
      <c r="M19" s="3">
        <v>130.22999999999999</v>
      </c>
      <c r="N19" s="3">
        <v>304.8</v>
      </c>
      <c r="O19" s="3">
        <v>54.33</v>
      </c>
      <c r="P19" s="3">
        <v>298.74</v>
      </c>
      <c r="Q19" s="3">
        <v>2279.8200000000002</v>
      </c>
      <c r="R19" s="3">
        <v>2279.8200000000002</v>
      </c>
      <c r="S19" s="3">
        <v>0.2</v>
      </c>
      <c r="T19" s="3">
        <v>7.0000000000000007E-2</v>
      </c>
      <c r="U19" s="3">
        <v>0.28000000000000003</v>
      </c>
      <c r="V19" s="3">
        <v>0.83</v>
      </c>
      <c r="W19" s="3">
        <v>1.17</v>
      </c>
      <c r="X19" s="3">
        <v>-0.09</v>
      </c>
      <c r="Y19" s="3">
        <v>0.02</v>
      </c>
      <c r="Z19" s="3">
        <v>0.11</v>
      </c>
      <c r="AA19" s="4">
        <f t="shared" si="6"/>
        <v>0</v>
      </c>
      <c r="AB19" s="4">
        <f t="shared" si="7"/>
        <v>1.6</v>
      </c>
      <c r="AC19" s="3">
        <f t="shared" si="0"/>
        <v>0.32000000000000006</v>
      </c>
      <c r="AD19" s="4">
        <f t="shared" si="2"/>
        <v>0</v>
      </c>
      <c r="AE19" s="3">
        <f t="shared" si="3"/>
        <v>0.11200000000000002</v>
      </c>
      <c r="AF19" s="4">
        <f t="shared" si="8"/>
        <v>0</v>
      </c>
      <c r="AG19" s="3">
        <f t="shared" si="4"/>
        <v>0.44800000000000006</v>
      </c>
      <c r="AH19" s="4">
        <f t="shared" si="5"/>
        <v>0</v>
      </c>
      <c r="AI19" s="3">
        <f t="shared" si="1"/>
        <v>0.83</v>
      </c>
      <c r="AJ19" s="14"/>
      <c r="AK19" s="14"/>
    </row>
    <row r="20" spans="1:37">
      <c r="A20" s="3" t="s">
        <v>52</v>
      </c>
      <c r="B20" s="2">
        <v>0.39515046296296297</v>
      </c>
      <c r="C20" s="3">
        <v>180.55</v>
      </c>
      <c r="D20" s="3">
        <v>311.08</v>
      </c>
      <c r="E20" s="3">
        <v>118.48</v>
      </c>
      <c r="F20" s="3">
        <v>303.41000000000003</v>
      </c>
      <c r="G20" s="3">
        <v>186.55</v>
      </c>
      <c r="H20" s="3">
        <v>296.98</v>
      </c>
      <c r="I20" s="3">
        <v>116.15</v>
      </c>
      <c r="J20" s="3">
        <v>317.20999999999998</v>
      </c>
      <c r="K20" s="3">
        <v>79.59</v>
      </c>
      <c r="L20" s="3">
        <v>292.73</v>
      </c>
      <c r="M20" s="3">
        <v>135.35</v>
      </c>
      <c r="N20" s="3">
        <v>297.08999999999997</v>
      </c>
      <c r="O20" s="3">
        <v>60.47</v>
      </c>
      <c r="P20" s="3">
        <v>300.58999999999997</v>
      </c>
      <c r="Q20" s="3">
        <v>2279.86</v>
      </c>
      <c r="R20" s="3">
        <v>2279.86</v>
      </c>
      <c r="S20" s="3">
        <v>0.16</v>
      </c>
      <c r="T20" s="3">
        <v>7.0000000000000007E-2</v>
      </c>
      <c r="U20" s="3">
        <v>0.28999999999999998</v>
      </c>
      <c r="V20" s="3">
        <v>0.81</v>
      </c>
      <c r="W20" s="3">
        <v>1.18</v>
      </c>
      <c r="X20" s="3">
        <v>-0.06</v>
      </c>
      <c r="Y20" s="3">
        <v>0.03</v>
      </c>
      <c r="Z20" s="3">
        <v>0.1</v>
      </c>
      <c r="AA20" s="4">
        <f t="shared" si="6"/>
        <v>0</v>
      </c>
      <c r="AB20" s="4">
        <f t="shared" si="7"/>
        <v>1.6</v>
      </c>
      <c r="AC20" s="3">
        <f t="shared" si="0"/>
        <v>0.25600000000000001</v>
      </c>
      <c r="AD20" s="4">
        <f t="shared" si="2"/>
        <v>0</v>
      </c>
      <c r="AE20" s="3">
        <f t="shared" si="3"/>
        <v>0.11200000000000002</v>
      </c>
      <c r="AF20" s="4">
        <f t="shared" si="8"/>
        <v>0</v>
      </c>
      <c r="AG20" s="3">
        <f t="shared" si="4"/>
        <v>0.46399999999999997</v>
      </c>
      <c r="AH20" s="4">
        <f t="shared" si="5"/>
        <v>0</v>
      </c>
      <c r="AI20" s="3">
        <f t="shared" si="1"/>
        <v>0.81</v>
      </c>
      <c r="AJ20" s="14"/>
      <c r="AK20" s="14"/>
    </row>
    <row r="21" spans="1:37">
      <c r="A21" s="3" t="s">
        <v>52</v>
      </c>
      <c r="B21" s="2">
        <v>0.39584490740740735</v>
      </c>
      <c r="C21" s="3">
        <v>188.22</v>
      </c>
      <c r="D21" s="3">
        <v>303.02</v>
      </c>
      <c r="E21" s="3">
        <v>124.25</v>
      </c>
      <c r="F21" s="3">
        <v>301.82</v>
      </c>
      <c r="G21" s="3">
        <v>191.81</v>
      </c>
      <c r="H21" s="3">
        <v>299.81</v>
      </c>
      <c r="I21" s="3">
        <v>126.73</v>
      </c>
      <c r="J21" s="3">
        <v>310.75</v>
      </c>
      <c r="K21" s="3">
        <v>85.2</v>
      </c>
      <c r="L21" s="3">
        <v>306.68</v>
      </c>
      <c r="M21" s="3">
        <v>140.53</v>
      </c>
      <c r="N21" s="3">
        <v>300.93</v>
      </c>
      <c r="O21" s="3">
        <v>66.67</v>
      </c>
      <c r="P21" s="3">
        <v>312.69</v>
      </c>
      <c r="Q21" s="3">
        <v>2279.91</v>
      </c>
      <c r="R21" s="3">
        <v>2279.91</v>
      </c>
      <c r="S21" s="3">
        <v>0.15</v>
      </c>
      <c r="T21" s="3">
        <v>0.08</v>
      </c>
      <c r="U21" s="3">
        <v>0.28999999999999998</v>
      </c>
      <c r="V21" s="3">
        <v>0.79</v>
      </c>
      <c r="W21" s="3">
        <v>1.21</v>
      </c>
      <c r="X21" s="3">
        <v>-7.0000000000000007E-2</v>
      </c>
      <c r="Y21" s="3">
        <v>0.04</v>
      </c>
      <c r="Z21" s="3">
        <v>0.1</v>
      </c>
      <c r="AA21" s="4">
        <f t="shared" si="6"/>
        <v>0</v>
      </c>
      <c r="AB21" s="4">
        <f t="shared" si="7"/>
        <v>1.6</v>
      </c>
      <c r="AC21" s="3">
        <f t="shared" si="0"/>
        <v>0.24</v>
      </c>
      <c r="AD21" s="4">
        <f t="shared" si="2"/>
        <v>0</v>
      </c>
      <c r="AE21" s="3">
        <f t="shared" si="3"/>
        <v>0.128</v>
      </c>
      <c r="AF21" s="4">
        <f t="shared" si="8"/>
        <v>0</v>
      </c>
      <c r="AG21" s="3">
        <f t="shared" si="4"/>
        <v>0.46399999999999997</v>
      </c>
      <c r="AH21" s="4">
        <f t="shared" si="5"/>
        <v>0</v>
      </c>
      <c r="AI21" s="3">
        <f t="shared" si="1"/>
        <v>0.79</v>
      </c>
      <c r="AJ21" s="14"/>
      <c r="AK21" s="14"/>
    </row>
    <row r="22" spans="1:37">
      <c r="A22" s="3" t="s">
        <v>52</v>
      </c>
      <c r="B22" s="2">
        <v>0.39655092592592595</v>
      </c>
      <c r="C22" s="3">
        <v>193.86</v>
      </c>
      <c r="D22" s="3">
        <v>295.02999999999997</v>
      </c>
      <c r="E22" s="3">
        <v>130.30000000000001</v>
      </c>
      <c r="F22" s="3">
        <v>301.86</v>
      </c>
      <c r="G22" s="3">
        <v>199.37</v>
      </c>
      <c r="H22" s="3">
        <v>315.95999999999998</v>
      </c>
      <c r="I22" s="3">
        <v>136.47999999999999</v>
      </c>
      <c r="J22" s="3">
        <v>302.75</v>
      </c>
      <c r="K22" s="3">
        <v>92.73</v>
      </c>
      <c r="L22" s="3">
        <v>312.72000000000003</v>
      </c>
      <c r="M22" s="3">
        <v>146.81</v>
      </c>
      <c r="N22" s="3">
        <v>317.24</v>
      </c>
      <c r="O22" s="3">
        <v>72.849999999999994</v>
      </c>
      <c r="P22" s="3">
        <v>313.76</v>
      </c>
      <c r="Q22" s="3">
        <v>2279.94</v>
      </c>
      <c r="R22" s="3">
        <v>2279.94</v>
      </c>
      <c r="S22" s="3">
        <v>0.11</v>
      </c>
      <c r="T22" s="3">
        <v>0.08</v>
      </c>
      <c r="U22" s="3">
        <v>0.27</v>
      </c>
      <c r="V22" s="3">
        <v>0.79</v>
      </c>
      <c r="W22" s="3">
        <v>1.22</v>
      </c>
      <c r="X22" s="3">
        <v>-0.11</v>
      </c>
      <c r="Y22" s="3">
        <v>0.05</v>
      </c>
      <c r="Z22" s="3">
        <v>0.12</v>
      </c>
      <c r="AA22" s="4">
        <f t="shared" si="6"/>
        <v>0</v>
      </c>
      <c r="AB22" s="4">
        <f t="shared" ref="AB22:AB85" si="9">AB21</f>
        <v>1.6</v>
      </c>
      <c r="AC22" s="3">
        <f t="shared" si="0"/>
        <v>0.17600000000000002</v>
      </c>
      <c r="AD22" s="4">
        <f t="shared" si="2"/>
        <v>0</v>
      </c>
      <c r="AE22" s="3">
        <f t="shared" si="3"/>
        <v>0.128</v>
      </c>
      <c r="AF22" s="4">
        <f t="shared" si="8"/>
        <v>0</v>
      </c>
      <c r="AG22" s="3">
        <f t="shared" si="4"/>
        <v>0.43200000000000005</v>
      </c>
      <c r="AH22" s="4">
        <f t="shared" si="5"/>
        <v>0</v>
      </c>
      <c r="AI22" s="3">
        <f t="shared" si="1"/>
        <v>0.79</v>
      </c>
      <c r="AJ22" s="14"/>
      <c r="AK22" s="14"/>
    </row>
    <row r="23" spans="1:37">
      <c r="A23" s="3" t="s">
        <v>52</v>
      </c>
      <c r="B23" s="2">
        <v>0.39724537037037039</v>
      </c>
      <c r="C23" s="3">
        <v>199.72</v>
      </c>
      <c r="D23" s="3">
        <v>298.76</v>
      </c>
      <c r="E23" s="3">
        <v>135.85</v>
      </c>
      <c r="F23" s="3">
        <v>303.8</v>
      </c>
      <c r="G23" s="3">
        <v>206.79</v>
      </c>
      <c r="H23" s="3">
        <v>322.39999999999998</v>
      </c>
      <c r="I23" s="3">
        <v>144.66999999999999</v>
      </c>
      <c r="J23" s="3">
        <v>295.72000000000003</v>
      </c>
      <c r="K23" s="3">
        <v>98.58</v>
      </c>
      <c r="L23" s="3">
        <v>309.89</v>
      </c>
      <c r="M23" s="3">
        <v>152.69999999999999</v>
      </c>
      <c r="N23" s="3">
        <v>323.14999999999998</v>
      </c>
      <c r="O23" s="3">
        <v>78.98</v>
      </c>
      <c r="P23" s="3">
        <v>309.41000000000003</v>
      </c>
      <c r="Q23" s="3">
        <v>2279.98</v>
      </c>
      <c r="R23" s="3">
        <v>2279.98</v>
      </c>
      <c r="S23" s="3">
        <v>0.05</v>
      </c>
      <c r="T23" s="3">
        <v>0.08</v>
      </c>
      <c r="U23" s="3">
        <v>0.27</v>
      </c>
      <c r="V23" s="3">
        <v>0.76</v>
      </c>
      <c r="W23" s="3">
        <v>1.22</v>
      </c>
      <c r="X23" s="3">
        <v>-0.09</v>
      </c>
      <c r="Y23" s="3">
        <v>0.06</v>
      </c>
      <c r="Z23" s="3">
        <v>0.1</v>
      </c>
      <c r="AA23" s="4">
        <f t="shared" si="6"/>
        <v>0</v>
      </c>
      <c r="AB23" s="4">
        <f t="shared" si="9"/>
        <v>1.6</v>
      </c>
      <c r="AC23" s="3">
        <f t="shared" si="0"/>
        <v>8.0000000000000016E-2</v>
      </c>
      <c r="AD23" s="4">
        <f t="shared" si="2"/>
        <v>0</v>
      </c>
      <c r="AE23" s="3">
        <f t="shared" si="3"/>
        <v>0.128</v>
      </c>
      <c r="AF23" s="4">
        <f t="shared" si="8"/>
        <v>0</v>
      </c>
      <c r="AG23" s="3">
        <f t="shared" si="4"/>
        <v>0.43200000000000005</v>
      </c>
      <c r="AH23" s="4">
        <f t="shared" si="5"/>
        <v>0</v>
      </c>
      <c r="AI23" s="3">
        <f t="shared" si="1"/>
        <v>0.76</v>
      </c>
      <c r="AJ23" s="14"/>
      <c r="AK23" s="14"/>
    </row>
    <row r="24" spans="1:37">
      <c r="A24" s="3" t="s">
        <v>52</v>
      </c>
      <c r="B24" s="2">
        <v>0.39793981481481483</v>
      </c>
      <c r="C24" s="3">
        <v>206.38</v>
      </c>
      <c r="D24" s="3">
        <v>309.64999999999998</v>
      </c>
      <c r="E24" s="3">
        <v>140.53</v>
      </c>
      <c r="F24" s="3">
        <v>302.48</v>
      </c>
      <c r="G24" s="3">
        <v>211.97</v>
      </c>
      <c r="H24" s="3">
        <v>319.67</v>
      </c>
      <c r="I24" s="3">
        <v>152.22999999999999</v>
      </c>
      <c r="J24" s="3">
        <v>298.81</v>
      </c>
      <c r="K24" s="3">
        <v>103.45</v>
      </c>
      <c r="L24" s="3">
        <v>303.83999999999997</v>
      </c>
      <c r="M24" s="3">
        <v>156.96</v>
      </c>
      <c r="N24" s="3">
        <v>320.3</v>
      </c>
      <c r="O24" s="3">
        <v>84.97</v>
      </c>
      <c r="P24" s="3">
        <v>303.08999999999997</v>
      </c>
      <c r="Q24" s="3">
        <v>2280</v>
      </c>
      <c r="R24" s="3">
        <v>2280</v>
      </c>
      <c r="S24" s="3">
        <v>0.03</v>
      </c>
      <c r="T24" s="3">
        <v>0.08</v>
      </c>
      <c r="U24" s="3">
        <v>0.27</v>
      </c>
      <c r="V24" s="3">
        <v>0.76</v>
      </c>
      <c r="W24" s="3">
        <v>1.25</v>
      </c>
      <c r="X24" s="3">
        <v>-0.09</v>
      </c>
      <c r="Y24" s="3">
        <v>0.06</v>
      </c>
      <c r="Z24" s="3">
        <v>0.1</v>
      </c>
      <c r="AA24" s="4">
        <f t="shared" si="6"/>
        <v>0</v>
      </c>
      <c r="AB24" s="4">
        <f t="shared" si="9"/>
        <v>1.6</v>
      </c>
      <c r="AC24" s="3">
        <f t="shared" si="0"/>
        <v>4.8000000000000001E-2</v>
      </c>
      <c r="AD24" s="4">
        <f t="shared" si="2"/>
        <v>0</v>
      </c>
      <c r="AE24" s="3">
        <f t="shared" si="3"/>
        <v>0.128</v>
      </c>
      <c r="AF24" s="4">
        <f t="shared" si="8"/>
        <v>0</v>
      </c>
      <c r="AG24" s="3">
        <f t="shared" si="4"/>
        <v>0.43200000000000005</v>
      </c>
      <c r="AH24" s="4">
        <f t="shared" si="5"/>
        <v>0</v>
      </c>
      <c r="AI24" s="3">
        <f t="shared" si="1"/>
        <v>0.76</v>
      </c>
      <c r="AJ24" s="14"/>
      <c r="AK24" s="14"/>
    </row>
    <row r="25" spans="1:37">
      <c r="A25" s="3" t="s">
        <v>52</v>
      </c>
      <c r="B25" s="2">
        <v>0.39863425925925927</v>
      </c>
      <c r="C25" s="3">
        <v>211.51</v>
      </c>
      <c r="D25" s="3">
        <v>311.05</v>
      </c>
      <c r="E25" s="3">
        <v>146.44999999999999</v>
      </c>
      <c r="F25" s="3">
        <v>301.64</v>
      </c>
      <c r="G25" s="3">
        <v>215.96</v>
      </c>
      <c r="H25" s="3">
        <v>313.87</v>
      </c>
      <c r="I25" s="3">
        <v>159.27000000000001</v>
      </c>
      <c r="J25" s="3">
        <v>310.25</v>
      </c>
      <c r="K25" s="3">
        <v>108.49</v>
      </c>
      <c r="L25" s="3">
        <v>297.5</v>
      </c>
      <c r="M25" s="3">
        <v>160.68</v>
      </c>
      <c r="N25" s="3">
        <v>314.81</v>
      </c>
      <c r="O25" s="3">
        <v>90.64</v>
      </c>
      <c r="P25" s="3">
        <v>298.11</v>
      </c>
      <c r="Q25" s="3">
        <v>2280.0300000000002</v>
      </c>
      <c r="R25" s="3">
        <v>2280.0300000000002</v>
      </c>
      <c r="S25" s="3">
        <v>0.01</v>
      </c>
      <c r="T25" s="3">
        <v>0.08</v>
      </c>
      <c r="U25" s="3">
        <v>0.27</v>
      </c>
      <c r="V25" s="3">
        <v>0.77</v>
      </c>
      <c r="W25" s="3">
        <v>1.26</v>
      </c>
      <c r="X25" s="3">
        <v>-0.11</v>
      </c>
      <c r="Y25" s="3">
        <v>7.0000000000000007E-2</v>
      </c>
      <c r="Z25" s="3">
        <v>0.11</v>
      </c>
      <c r="AA25" s="4">
        <f t="shared" si="6"/>
        <v>0</v>
      </c>
      <c r="AB25" s="4">
        <f t="shared" si="9"/>
        <v>1.6</v>
      </c>
      <c r="AC25" s="3">
        <f t="shared" si="0"/>
        <v>1.6E-2</v>
      </c>
      <c r="AD25" s="4">
        <f t="shared" si="2"/>
        <v>0</v>
      </c>
      <c r="AE25" s="3">
        <f t="shared" si="3"/>
        <v>0.128</v>
      </c>
      <c r="AF25" s="4">
        <f t="shared" si="8"/>
        <v>0</v>
      </c>
      <c r="AG25" s="3">
        <f t="shared" si="4"/>
        <v>0.43200000000000005</v>
      </c>
      <c r="AH25" s="4">
        <f t="shared" si="5"/>
        <v>0</v>
      </c>
      <c r="AI25" s="3">
        <f t="shared" si="1"/>
        <v>0.77</v>
      </c>
      <c r="AJ25" s="14"/>
      <c r="AK25" s="14"/>
    </row>
    <row r="26" spans="1:37">
      <c r="A26" s="3" t="s">
        <v>52</v>
      </c>
      <c r="B26" s="2">
        <v>0.39932870370370371</v>
      </c>
      <c r="C26" s="3">
        <v>214.4</v>
      </c>
      <c r="D26" s="3">
        <v>305.14</v>
      </c>
      <c r="E26" s="3">
        <v>150.83000000000001</v>
      </c>
      <c r="F26" s="3">
        <v>303.99</v>
      </c>
      <c r="G26" s="3">
        <v>218.55</v>
      </c>
      <c r="H26" s="3">
        <v>307.3</v>
      </c>
      <c r="I26" s="3">
        <v>165.61</v>
      </c>
      <c r="J26" s="3">
        <v>315.16000000000003</v>
      </c>
      <c r="K26" s="3">
        <v>113.76</v>
      </c>
      <c r="L26" s="3">
        <v>298.12</v>
      </c>
      <c r="M26" s="3">
        <v>163.89</v>
      </c>
      <c r="N26" s="3">
        <v>308.73</v>
      </c>
      <c r="O26" s="3">
        <v>96.31</v>
      </c>
      <c r="P26" s="3">
        <v>307.62</v>
      </c>
      <c r="Q26" s="3">
        <v>2280.0500000000002</v>
      </c>
      <c r="R26" s="3">
        <v>2280.0500000000002</v>
      </c>
      <c r="S26" s="3">
        <v>-0.03</v>
      </c>
      <c r="T26" s="3">
        <v>0.09</v>
      </c>
      <c r="U26" s="3">
        <v>0.27</v>
      </c>
      <c r="V26" s="3">
        <v>0.78</v>
      </c>
      <c r="W26" s="3">
        <v>1.25</v>
      </c>
      <c r="X26" s="3">
        <v>-0.1</v>
      </c>
      <c r="Y26" s="3">
        <v>0.08</v>
      </c>
      <c r="Z26" s="3">
        <v>0.1</v>
      </c>
      <c r="AA26" s="4">
        <f t="shared" si="6"/>
        <v>0</v>
      </c>
      <c r="AB26" s="4">
        <f t="shared" si="9"/>
        <v>1.6</v>
      </c>
      <c r="AC26" s="3">
        <f t="shared" si="0"/>
        <v>-4.8000000000000001E-2</v>
      </c>
      <c r="AD26" s="4">
        <f t="shared" si="2"/>
        <v>0</v>
      </c>
      <c r="AE26" s="3">
        <f t="shared" si="3"/>
        <v>0.14399999999999999</v>
      </c>
      <c r="AF26" s="4">
        <f t="shared" si="8"/>
        <v>0</v>
      </c>
      <c r="AG26" s="3">
        <f t="shared" si="4"/>
        <v>0.43200000000000005</v>
      </c>
      <c r="AH26" s="4">
        <f t="shared" si="5"/>
        <v>0</v>
      </c>
      <c r="AI26" s="3">
        <f t="shared" si="1"/>
        <v>0.78</v>
      </c>
      <c r="AJ26" s="14"/>
      <c r="AK26" s="14"/>
    </row>
    <row r="27" spans="1:37">
      <c r="A27" s="3" t="s">
        <v>52</v>
      </c>
      <c r="B27" s="2">
        <v>0.40002314814814816</v>
      </c>
      <c r="C27" s="3">
        <v>215.42</v>
      </c>
      <c r="D27" s="3">
        <v>297.54000000000002</v>
      </c>
      <c r="E27" s="3">
        <v>155.26</v>
      </c>
      <c r="F27" s="3">
        <v>307.77999999999997</v>
      </c>
      <c r="G27" s="3">
        <v>219.88</v>
      </c>
      <c r="H27" s="3">
        <v>300.87</v>
      </c>
      <c r="I27" s="3">
        <v>171.52</v>
      </c>
      <c r="J27" s="3">
        <v>312.63</v>
      </c>
      <c r="K27" s="3">
        <v>118.27</v>
      </c>
      <c r="L27" s="3">
        <v>307.31</v>
      </c>
      <c r="M27" s="3">
        <v>166.4</v>
      </c>
      <c r="N27" s="3">
        <v>302.88</v>
      </c>
      <c r="O27" s="3">
        <v>101.67</v>
      </c>
      <c r="P27" s="3">
        <v>314.06</v>
      </c>
      <c r="Q27" s="3">
        <v>2280.06</v>
      </c>
      <c r="R27" s="3">
        <v>2280.06</v>
      </c>
      <c r="S27" s="3">
        <v>-0.06</v>
      </c>
      <c r="T27" s="3">
        <v>0.08</v>
      </c>
      <c r="U27" s="3">
        <v>0.27</v>
      </c>
      <c r="V27" s="3">
        <v>0.79</v>
      </c>
      <c r="W27" s="3">
        <v>1.25</v>
      </c>
      <c r="X27" s="3">
        <v>-0.08</v>
      </c>
      <c r="Y27" s="3">
        <v>0.09</v>
      </c>
      <c r="Z27" s="3">
        <v>0.09</v>
      </c>
      <c r="AA27" s="4">
        <f t="shared" si="6"/>
        <v>0</v>
      </c>
      <c r="AB27" s="4">
        <f t="shared" si="9"/>
        <v>1.6</v>
      </c>
      <c r="AC27" s="3">
        <f t="shared" si="0"/>
        <v>-9.6000000000000002E-2</v>
      </c>
      <c r="AD27" s="4">
        <f t="shared" si="2"/>
        <v>0</v>
      </c>
      <c r="AE27" s="3">
        <f t="shared" si="3"/>
        <v>0.128</v>
      </c>
      <c r="AF27" s="4">
        <f t="shared" si="8"/>
        <v>0</v>
      </c>
      <c r="AG27" s="3">
        <f t="shared" si="4"/>
        <v>0.43200000000000005</v>
      </c>
      <c r="AH27" s="4">
        <f t="shared" si="5"/>
        <v>0</v>
      </c>
      <c r="AI27" s="3">
        <f t="shared" si="1"/>
        <v>0.79</v>
      </c>
      <c r="AJ27" s="14"/>
      <c r="AK27" s="14"/>
    </row>
    <row r="28" spans="1:37">
      <c r="A28" s="3" t="s">
        <v>52</v>
      </c>
      <c r="B28" s="2">
        <v>0.4007175925925926</v>
      </c>
      <c r="C28" s="3">
        <v>216.76</v>
      </c>
      <c r="D28" s="3">
        <v>297.8</v>
      </c>
      <c r="E28" s="3">
        <v>159.49</v>
      </c>
      <c r="F28" s="3">
        <v>354.7</v>
      </c>
      <c r="G28" s="3">
        <v>221.43</v>
      </c>
      <c r="H28" s="3">
        <v>301.41000000000003</v>
      </c>
      <c r="I28" s="3">
        <v>176.54</v>
      </c>
      <c r="J28" s="3">
        <v>307.25</v>
      </c>
      <c r="K28" s="3">
        <v>122.64</v>
      </c>
      <c r="L28" s="3">
        <v>311.39</v>
      </c>
      <c r="M28" s="3">
        <v>167.98</v>
      </c>
      <c r="N28" s="3">
        <v>302.08999999999997</v>
      </c>
      <c r="O28" s="3">
        <v>106.85</v>
      </c>
      <c r="P28" s="3">
        <v>319.73</v>
      </c>
      <c r="Q28" s="3">
        <v>2280.09</v>
      </c>
      <c r="R28" s="3">
        <v>2280.09</v>
      </c>
      <c r="S28" s="3">
        <v>-0.09</v>
      </c>
      <c r="T28" s="3">
        <v>0.09</v>
      </c>
      <c r="U28" s="3">
        <v>0.27</v>
      </c>
      <c r="V28" s="3">
        <v>0.82</v>
      </c>
      <c r="W28" s="3">
        <v>1.26</v>
      </c>
      <c r="X28" s="3">
        <v>-0.08</v>
      </c>
      <c r="Y28" s="3">
        <v>0.1</v>
      </c>
      <c r="Z28" s="3">
        <v>0.09</v>
      </c>
      <c r="AA28" s="4">
        <f t="shared" si="6"/>
        <v>0</v>
      </c>
      <c r="AB28" s="4">
        <f t="shared" si="9"/>
        <v>1.6</v>
      </c>
      <c r="AC28" s="3">
        <f t="shared" si="0"/>
        <v>-0.14399999999999999</v>
      </c>
      <c r="AD28" s="4">
        <f t="shared" si="2"/>
        <v>0</v>
      </c>
      <c r="AE28" s="3">
        <f t="shared" si="3"/>
        <v>0.14399999999999999</v>
      </c>
      <c r="AF28" s="4">
        <f t="shared" si="8"/>
        <v>0</v>
      </c>
      <c r="AG28" s="3">
        <f t="shared" si="4"/>
        <v>0.43200000000000005</v>
      </c>
      <c r="AH28" s="4">
        <f t="shared" si="5"/>
        <v>0</v>
      </c>
      <c r="AI28" s="3">
        <f t="shared" si="1"/>
        <v>0.82</v>
      </c>
      <c r="AJ28" s="14"/>
      <c r="AK28" s="14"/>
    </row>
    <row r="29" spans="1:37">
      <c r="A29" s="3" t="s">
        <v>52</v>
      </c>
      <c r="B29" s="2">
        <v>0.40142361111111113</v>
      </c>
      <c r="C29" s="3">
        <v>220.08</v>
      </c>
      <c r="D29" s="3">
        <v>308.55</v>
      </c>
      <c r="E29" s="3">
        <v>166.28</v>
      </c>
      <c r="F29" s="3">
        <v>399.04</v>
      </c>
      <c r="G29" s="3">
        <v>226.32</v>
      </c>
      <c r="H29" s="3">
        <v>320.13</v>
      </c>
      <c r="I29" s="3">
        <v>180.55</v>
      </c>
      <c r="J29" s="3">
        <v>301.05</v>
      </c>
      <c r="K29" s="3">
        <v>128.06</v>
      </c>
      <c r="L29" s="3">
        <v>308.82</v>
      </c>
      <c r="M29" s="3">
        <v>170.98</v>
      </c>
      <c r="N29" s="3">
        <v>319.49</v>
      </c>
      <c r="O29" s="3">
        <v>112.13</v>
      </c>
      <c r="P29" s="3">
        <v>343.59</v>
      </c>
      <c r="Q29" s="3">
        <v>2280.11</v>
      </c>
      <c r="R29" s="3">
        <v>2280.11</v>
      </c>
      <c r="S29" s="3">
        <v>-0.1</v>
      </c>
      <c r="T29" s="3">
        <v>0.09</v>
      </c>
      <c r="U29" s="3">
        <v>0.27</v>
      </c>
      <c r="V29" s="3">
        <v>0.81</v>
      </c>
      <c r="W29" s="3">
        <v>1.28</v>
      </c>
      <c r="X29" s="3">
        <v>-0.08</v>
      </c>
      <c r="Y29" s="3">
        <v>0.11</v>
      </c>
      <c r="Z29" s="3">
        <v>0.1</v>
      </c>
      <c r="AA29" s="4">
        <f t="shared" si="6"/>
        <v>0</v>
      </c>
      <c r="AB29" s="4">
        <f t="shared" si="9"/>
        <v>1.6</v>
      </c>
      <c r="AC29" s="3">
        <f t="shared" si="0"/>
        <v>-0.16000000000000003</v>
      </c>
      <c r="AD29" s="4">
        <f t="shared" si="2"/>
        <v>0</v>
      </c>
      <c r="AE29" s="3">
        <f t="shared" si="3"/>
        <v>0.14399999999999999</v>
      </c>
      <c r="AF29" s="4">
        <f t="shared" si="8"/>
        <v>0</v>
      </c>
      <c r="AG29" s="3">
        <f t="shared" si="4"/>
        <v>0.43200000000000005</v>
      </c>
      <c r="AH29" s="4">
        <f t="shared" si="5"/>
        <v>0</v>
      </c>
      <c r="AI29" s="3">
        <f t="shared" si="1"/>
        <v>0.81</v>
      </c>
      <c r="AJ29" s="14"/>
      <c r="AK29" s="14"/>
    </row>
    <row r="30" spans="1:37">
      <c r="A30" s="3" t="s">
        <v>52</v>
      </c>
      <c r="B30" s="2">
        <v>0.40211805555555552</v>
      </c>
      <c r="C30" s="3">
        <v>223.39</v>
      </c>
      <c r="D30" s="3">
        <v>312.17</v>
      </c>
      <c r="E30" s="3">
        <v>174.29</v>
      </c>
      <c r="F30" s="3">
        <v>400.85</v>
      </c>
      <c r="G30" s="3">
        <v>234.92</v>
      </c>
      <c r="H30" s="3">
        <v>348.64</v>
      </c>
      <c r="I30" s="3">
        <v>184.04</v>
      </c>
      <c r="J30" s="3">
        <v>296.61</v>
      </c>
      <c r="K30" s="3">
        <v>132.76</v>
      </c>
      <c r="L30" s="3">
        <v>304.01</v>
      </c>
      <c r="M30" s="3">
        <v>176.88</v>
      </c>
      <c r="N30" s="3">
        <v>348.34</v>
      </c>
      <c r="O30" s="3">
        <v>117.73</v>
      </c>
      <c r="P30" s="3">
        <v>375.89</v>
      </c>
      <c r="Q30" s="3">
        <v>2280.15</v>
      </c>
      <c r="R30" s="3">
        <v>2280.15</v>
      </c>
      <c r="S30" s="3">
        <v>-0.11</v>
      </c>
      <c r="T30" s="3">
        <v>0.09</v>
      </c>
      <c r="U30" s="3">
        <v>0.27</v>
      </c>
      <c r="V30" s="3">
        <v>0.82</v>
      </c>
      <c r="W30" s="3">
        <v>1.29</v>
      </c>
      <c r="X30" s="3">
        <v>-0.09</v>
      </c>
      <c r="Y30" s="3">
        <v>0.11</v>
      </c>
      <c r="Z30" s="3">
        <v>0.1</v>
      </c>
      <c r="AA30" s="4">
        <f t="shared" si="6"/>
        <v>0</v>
      </c>
      <c r="AB30" s="4">
        <f t="shared" si="9"/>
        <v>1.6</v>
      </c>
      <c r="AC30" s="3">
        <f t="shared" si="0"/>
        <v>-0.17600000000000002</v>
      </c>
      <c r="AD30" s="4">
        <f t="shared" si="2"/>
        <v>0</v>
      </c>
      <c r="AE30" s="3">
        <f t="shared" si="3"/>
        <v>0.14399999999999999</v>
      </c>
      <c r="AF30" s="4">
        <f t="shared" si="8"/>
        <v>0</v>
      </c>
      <c r="AG30" s="3">
        <f t="shared" si="4"/>
        <v>0.43200000000000005</v>
      </c>
      <c r="AH30" s="4">
        <f t="shared" si="5"/>
        <v>0</v>
      </c>
      <c r="AI30" s="3">
        <f t="shared" si="1"/>
        <v>0.82</v>
      </c>
      <c r="AJ30" s="14"/>
      <c r="AK30" s="14"/>
    </row>
    <row r="31" spans="1:37">
      <c r="A31" s="3" t="s">
        <v>52</v>
      </c>
      <c r="B31" s="2">
        <v>0.40281250000000002</v>
      </c>
      <c r="C31" s="3">
        <v>225.66</v>
      </c>
      <c r="D31" s="3">
        <v>307.62</v>
      </c>
      <c r="E31" s="3">
        <v>182.26</v>
      </c>
      <c r="F31" s="3">
        <v>401.12</v>
      </c>
      <c r="G31" s="3">
        <v>246.68</v>
      </c>
      <c r="H31" s="3">
        <v>379.58</v>
      </c>
      <c r="I31" s="3">
        <v>187.29</v>
      </c>
      <c r="J31" s="3">
        <v>302.92</v>
      </c>
      <c r="K31" s="3">
        <v>136.82</v>
      </c>
      <c r="L31" s="3">
        <v>298.83999999999997</v>
      </c>
      <c r="M31" s="3">
        <v>183.77</v>
      </c>
      <c r="N31" s="3">
        <v>379.94</v>
      </c>
      <c r="O31" s="3">
        <v>124.06</v>
      </c>
      <c r="P31" s="3">
        <v>407.85</v>
      </c>
      <c r="Q31" s="3">
        <v>2280.1799999999998</v>
      </c>
      <c r="R31" s="3">
        <v>2280.1799999999998</v>
      </c>
      <c r="S31" s="3">
        <v>-0.11</v>
      </c>
      <c r="T31" s="3">
        <v>0.1</v>
      </c>
      <c r="U31" s="3">
        <v>0.27</v>
      </c>
      <c r="V31" s="3">
        <v>0.83</v>
      </c>
      <c r="W31" s="3">
        <v>1.29</v>
      </c>
      <c r="X31" s="3">
        <v>-0.12</v>
      </c>
      <c r="Y31" s="3">
        <v>0.12</v>
      </c>
      <c r="Z31" s="3">
        <v>0.11</v>
      </c>
      <c r="AA31" s="4">
        <f t="shared" si="6"/>
        <v>0</v>
      </c>
      <c r="AB31" s="4">
        <f t="shared" si="9"/>
        <v>1.6</v>
      </c>
      <c r="AC31" s="3">
        <f t="shared" si="0"/>
        <v>-0.17600000000000002</v>
      </c>
      <c r="AD31" s="4">
        <f t="shared" si="2"/>
        <v>0</v>
      </c>
      <c r="AE31" s="3">
        <f t="shared" si="3"/>
        <v>0.16000000000000003</v>
      </c>
      <c r="AF31" s="4">
        <f t="shared" si="8"/>
        <v>0</v>
      </c>
      <c r="AG31" s="3">
        <f t="shared" si="4"/>
        <v>0.43200000000000005</v>
      </c>
      <c r="AH31" s="4">
        <f t="shared" si="5"/>
        <v>0</v>
      </c>
      <c r="AI31" s="3">
        <f t="shared" si="1"/>
        <v>0.83</v>
      </c>
      <c r="AJ31" s="14"/>
      <c r="AK31" s="14"/>
    </row>
    <row r="32" spans="1:37" ht="15" customHeight="1">
      <c r="A32" s="3" t="s">
        <v>52</v>
      </c>
      <c r="B32" s="2">
        <v>0.4035069444444444</v>
      </c>
      <c r="C32" s="3">
        <v>226.85</v>
      </c>
      <c r="D32" s="3">
        <v>300.57</v>
      </c>
      <c r="E32" s="3">
        <v>188.71</v>
      </c>
      <c r="F32" s="3">
        <v>401.57</v>
      </c>
      <c r="G32" s="3">
        <v>260.77</v>
      </c>
      <c r="H32" s="3">
        <v>409.34</v>
      </c>
      <c r="I32" s="3">
        <v>190.52</v>
      </c>
      <c r="J32" s="3">
        <v>313.42</v>
      </c>
      <c r="K32" s="3">
        <v>141.34</v>
      </c>
      <c r="L32" s="3">
        <v>298.70999999999998</v>
      </c>
      <c r="M32" s="3">
        <v>193</v>
      </c>
      <c r="N32" s="3">
        <v>410.22</v>
      </c>
      <c r="O32" s="3">
        <v>131.62</v>
      </c>
      <c r="P32" s="3">
        <v>421.76</v>
      </c>
      <c r="Q32" s="3">
        <v>2280.23</v>
      </c>
      <c r="R32" s="3">
        <v>2280.23</v>
      </c>
      <c r="S32" s="3">
        <v>-0.13</v>
      </c>
      <c r="T32" s="3">
        <v>0.1</v>
      </c>
      <c r="U32" s="3">
        <v>0.27</v>
      </c>
      <c r="V32" s="3">
        <v>0.79</v>
      </c>
      <c r="W32" s="3">
        <v>1.28</v>
      </c>
      <c r="X32" s="3">
        <v>-0.09</v>
      </c>
      <c r="Y32" s="3">
        <v>0.12</v>
      </c>
      <c r="Z32" s="3">
        <v>0.09</v>
      </c>
      <c r="AA32" s="4">
        <f t="shared" si="6"/>
        <v>0</v>
      </c>
      <c r="AB32" s="4">
        <f t="shared" si="9"/>
        <v>1.6</v>
      </c>
      <c r="AC32" s="3">
        <f t="shared" si="0"/>
        <v>-0.20800000000000002</v>
      </c>
      <c r="AD32" s="4">
        <f t="shared" si="2"/>
        <v>0</v>
      </c>
      <c r="AE32" s="3">
        <f t="shared" si="3"/>
        <v>0.16000000000000003</v>
      </c>
      <c r="AF32" s="4">
        <f t="shared" si="8"/>
        <v>0</v>
      </c>
      <c r="AG32" s="3">
        <f t="shared" si="4"/>
        <v>0.43200000000000005</v>
      </c>
      <c r="AH32" s="4">
        <f t="shared" si="5"/>
        <v>0</v>
      </c>
      <c r="AI32" s="3">
        <f t="shared" si="1"/>
        <v>0.79</v>
      </c>
      <c r="AJ32" s="14"/>
      <c r="AK32" s="14"/>
    </row>
    <row r="33" spans="1:37">
      <c r="A33" s="3" t="s">
        <v>52</v>
      </c>
      <c r="B33" s="2">
        <v>0.4042013888888889</v>
      </c>
      <c r="C33" s="3">
        <v>227.58</v>
      </c>
      <c r="D33" s="3">
        <v>296.47000000000003</v>
      </c>
      <c r="E33" s="3">
        <v>196.25</v>
      </c>
      <c r="F33" s="3">
        <v>401.62</v>
      </c>
      <c r="G33" s="3">
        <v>274.39</v>
      </c>
      <c r="H33" s="3">
        <v>426.37</v>
      </c>
      <c r="I33" s="3">
        <v>193.33</v>
      </c>
      <c r="J33" s="3">
        <v>315.85000000000002</v>
      </c>
      <c r="K33" s="3">
        <v>145.49</v>
      </c>
      <c r="L33" s="3">
        <v>307.54000000000002</v>
      </c>
      <c r="M33" s="3">
        <v>202.64</v>
      </c>
      <c r="N33" s="3">
        <v>427.3</v>
      </c>
      <c r="O33" s="3">
        <v>139.97</v>
      </c>
      <c r="P33" s="3">
        <v>419.57</v>
      </c>
      <c r="Q33" s="3">
        <v>2280.2800000000002</v>
      </c>
      <c r="R33" s="3">
        <v>2280.2800000000002</v>
      </c>
      <c r="S33" s="3">
        <v>-0.16</v>
      </c>
      <c r="T33" s="3">
        <v>0.1</v>
      </c>
      <c r="U33" s="3">
        <v>0.27</v>
      </c>
      <c r="V33" s="3">
        <v>0.79</v>
      </c>
      <c r="W33" s="3">
        <v>1.27</v>
      </c>
      <c r="X33" s="3">
        <v>-0.09</v>
      </c>
      <c r="Y33" s="3">
        <v>0.13</v>
      </c>
      <c r="Z33" s="3">
        <v>0.09</v>
      </c>
      <c r="AA33" s="4">
        <f t="shared" si="6"/>
        <v>0</v>
      </c>
      <c r="AB33" s="4">
        <f t="shared" si="9"/>
        <v>1.6</v>
      </c>
      <c r="AC33" s="3">
        <f t="shared" si="0"/>
        <v>-0.25600000000000001</v>
      </c>
      <c r="AD33" s="4">
        <f t="shared" si="2"/>
        <v>0</v>
      </c>
      <c r="AE33" s="3">
        <f t="shared" si="3"/>
        <v>0.16000000000000003</v>
      </c>
      <c r="AF33" s="4">
        <f t="shared" si="8"/>
        <v>0</v>
      </c>
      <c r="AG33" s="3">
        <f t="shared" si="4"/>
        <v>0.43200000000000005</v>
      </c>
      <c r="AH33" s="4">
        <f t="shared" si="5"/>
        <v>0</v>
      </c>
      <c r="AI33" s="3">
        <f t="shared" si="1"/>
        <v>0.79</v>
      </c>
      <c r="AJ33" s="14"/>
      <c r="AK33" s="14"/>
    </row>
    <row r="34" spans="1:37">
      <c r="A34" s="3" t="s">
        <v>52</v>
      </c>
      <c r="B34" s="2">
        <v>0.40489583333333329</v>
      </c>
      <c r="C34" s="3">
        <v>229.71</v>
      </c>
      <c r="D34" s="3">
        <v>305.04000000000002</v>
      </c>
      <c r="E34" s="3">
        <v>202.32</v>
      </c>
      <c r="F34" s="3">
        <v>401.57</v>
      </c>
      <c r="G34" s="3">
        <v>284.36</v>
      </c>
      <c r="H34" s="3">
        <v>426.04</v>
      </c>
      <c r="I34" s="3">
        <v>196.26</v>
      </c>
      <c r="J34" s="3">
        <v>313</v>
      </c>
      <c r="K34" s="3">
        <v>149.69</v>
      </c>
      <c r="L34" s="3">
        <v>311.93</v>
      </c>
      <c r="M34" s="3">
        <v>210.26</v>
      </c>
      <c r="N34" s="3">
        <v>426.98</v>
      </c>
      <c r="O34" s="3">
        <v>148.65</v>
      </c>
      <c r="P34" s="3">
        <v>412.27</v>
      </c>
      <c r="Q34" s="3">
        <v>2280.29</v>
      </c>
      <c r="R34" s="3">
        <v>2280.29</v>
      </c>
      <c r="S34" s="3">
        <v>-0.19</v>
      </c>
      <c r="T34" s="3">
        <v>0.08</v>
      </c>
      <c r="U34" s="3">
        <v>0.27</v>
      </c>
      <c r="V34" s="3">
        <v>0.82</v>
      </c>
      <c r="W34" s="3">
        <v>1.28</v>
      </c>
      <c r="X34" s="3">
        <v>-0.09</v>
      </c>
      <c r="Y34" s="3">
        <v>0.13</v>
      </c>
      <c r="Z34" s="3">
        <v>0.1</v>
      </c>
      <c r="AA34" s="4">
        <f t="shared" si="6"/>
        <v>0</v>
      </c>
      <c r="AB34" s="4">
        <f t="shared" si="9"/>
        <v>1.6</v>
      </c>
      <c r="AC34" s="3">
        <f t="shared" si="0"/>
        <v>-0.30400000000000005</v>
      </c>
      <c r="AD34" s="4">
        <f t="shared" si="2"/>
        <v>0</v>
      </c>
      <c r="AE34" s="3">
        <f t="shared" si="3"/>
        <v>0.128</v>
      </c>
      <c r="AF34" s="4">
        <f t="shared" si="8"/>
        <v>0</v>
      </c>
      <c r="AG34" s="3">
        <f t="shared" si="4"/>
        <v>0.43200000000000005</v>
      </c>
      <c r="AH34" s="4">
        <f t="shared" si="5"/>
        <v>0</v>
      </c>
      <c r="AI34" s="3">
        <f t="shared" si="1"/>
        <v>0.82</v>
      </c>
      <c r="AJ34" s="14"/>
      <c r="AK34" s="14"/>
    </row>
    <row r="35" spans="1:37">
      <c r="A35" s="3" t="s">
        <v>52</v>
      </c>
      <c r="B35" s="2">
        <v>0.40559027777777779</v>
      </c>
      <c r="C35" s="3">
        <v>232.28</v>
      </c>
      <c r="D35" s="3">
        <v>312.68</v>
      </c>
      <c r="E35" s="3">
        <v>208.93</v>
      </c>
      <c r="F35" s="3">
        <v>401.65</v>
      </c>
      <c r="G35" s="3">
        <v>290.83999999999997</v>
      </c>
      <c r="H35" s="3">
        <v>419.15</v>
      </c>
      <c r="I35" s="3">
        <v>198.35</v>
      </c>
      <c r="J35" s="3">
        <v>308.22000000000003</v>
      </c>
      <c r="K35" s="3">
        <v>154.79</v>
      </c>
      <c r="L35" s="3">
        <v>310.08999999999997</v>
      </c>
      <c r="M35" s="3">
        <v>215.67</v>
      </c>
      <c r="N35" s="3">
        <v>420.52</v>
      </c>
      <c r="O35" s="3">
        <v>157.19999999999999</v>
      </c>
      <c r="P35" s="3">
        <v>402.97</v>
      </c>
      <c r="Q35" s="3">
        <v>2280.33</v>
      </c>
      <c r="R35" s="3">
        <v>2280.33</v>
      </c>
      <c r="S35" s="3">
        <v>-0.24</v>
      </c>
      <c r="T35" s="3">
        <v>0.06</v>
      </c>
      <c r="U35" s="3">
        <v>0.26</v>
      </c>
      <c r="V35" s="3">
        <v>0.83</v>
      </c>
      <c r="W35" s="3">
        <v>1.26</v>
      </c>
      <c r="X35" s="3">
        <v>-0.15</v>
      </c>
      <c r="Y35" s="3">
        <v>0.13</v>
      </c>
      <c r="Z35" s="3">
        <v>0.14000000000000001</v>
      </c>
      <c r="AA35" s="4">
        <f t="shared" si="6"/>
        <v>0</v>
      </c>
      <c r="AB35" s="4">
        <f t="shared" si="9"/>
        <v>1.6</v>
      </c>
      <c r="AC35" s="3">
        <f t="shared" si="0"/>
        <v>-0.38400000000000001</v>
      </c>
      <c r="AD35" s="4">
        <f t="shared" si="2"/>
        <v>0</v>
      </c>
      <c r="AE35" s="3">
        <f t="shared" si="3"/>
        <v>9.6000000000000002E-2</v>
      </c>
      <c r="AF35" s="4">
        <f t="shared" si="8"/>
        <v>0</v>
      </c>
      <c r="AG35" s="3">
        <f t="shared" si="4"/>
        <v>0.41600000000000004</v>
      </c>
      <c r="AH35" s="4">
        <f t="shared" si="5"/>
        <v>0</v>
      </c>
      <c r="AI35" s="3">
        <f t="shared" si="1"/>
        <v>0.83</v>
      </c>
      <c r="AJ35" s="14"/>
      <c r="AK35" s="14"/>
    </row>
    <row r="36" spans="1:37">
      <c r="A36" s="3" t="s">
        <v>52</v>
      </c>
      <c r="B36" s="2">
        <v>0.40628472222222217</v>
      </c>
      <c r="C36" s="3">
        <v>233.23</v>
      </c>
      <c r="D36" s="3">
        <v>310.49</v>
      </c>
      <c r="E36" s="3">
        <v>213.38</v>
      </c>
      <c r="F36" s="3">
        <v>402.06</v>
      </c>
      <c r="G36" s="3">
        <v>294.45</v>
      </c>
      <c r="H36" s="3">
        <v>410.58</v>
      </c>
      <c r="I36" s="3">
        <v>199.88</v>
      </c>
      <c r="J36" s="3">
        <v>302.89999999999998</v>
      </c>
      <c r="K36" s="3">
        <v>158.16</v>
      </c>
      <c r="L36" s="3">
        <v>306.06</v>
      </c>
      <c r="M36" s="3">
        <v>219.17</v>
      </c>
      <c r="N36" s="3">
        <v>412.84</v>
      </c>
      <c r="O36" s="3">
        <v>164.98</v>
      </c>
      <c r="P36" s="3">
        <v>396.58</v>
      </c>
      <c r="Q36" s="3">
        <v>2280.36</v>
      </c>
      <c r="R36" s="3">
        <v>2280.36</v>
      </c>
      <c r="S36" s="3">
        <v>-0.2</v>
      </c>
      <c r="T36" s="3">
        <v>7.0000000000000007E-2</v>
      </c>
      <c r="U36" s="3">
        <v>0.27</v>
      </c>
      <c r="V36" s="3">
        <v>0.86</v>
      </c>
      <c r="W36" s="3">
        <v>1.28</v>
      </c>
      <c r="X36" s="3">
        <v>-0.1</v>
      </c>
      <c r="Y36" s="3">
        <v>0.14000000000000001</v>
      </c>
      <c r="Z36" s="3">
        <v>0.1</v>
      </c>
      <c r="AA36" s="4">
        <f t="shared" si="6"/>
        <v>0</v>
      </c>
      <c r="AB36" s="4">
        <f t="shared" si="9"/>
        <v>1.6</v>
      </c>
      <c r="AC36" s="3">
        <f t="shared" si="0"/>
        <v>-0.32000000000000006</v>
      </c>
      <c r="AD36" s="4">
        <f t="shared" si="2"/>
        <v>0</v>
      </c>
      <c r="AE36" s="3">
        <f t="shared" si="3"/>
        <v>0.11200000000000002</v>
      </c>
      <c r="AF36" s="4">
        <f t="shared" si="8"/>
        <v>0</v>
      </c>
      <c r="AG36" s="3">
        <f t="shared" si="4"/>
        <v>0.43200000000000005</v>
      </c>
      <c r="AH36" s="4">
        <f t="shared" si="5"/>
        <v>0</v>
      </c>
      <c r="AI36" s="3">
        <f t="shared" si="1"/>
        <v>0.86</v>
      </c>
      <c r="AJ36" s="14"/>
      <c r="AK36" s="14"/>
    </row>
    <row r="37" spans="1:37">
      <c r="A37" s="3" t="s">
        <v>52</v>
      </c>
      <c r="B37" s="2">
        <v>0.40699074074074071</v>
      </c>
      <c r="C37" s="3">
        <v>232.68</v>
      </c>
      <c r="D37" s="3">
        <v>304.36</v>
      </c>
      <c r="E37" s="3">
        <v>218.55</v>
      </c>
      <c r="F37" s="3">
        <v>402.89</v>
      </c>
      <c r="G37" s="3">
        <v>296.23</v>
      </c>
      <c r="H37" s="3">
        <v>401.85</v>
      </c>
      <c r="I37" s="3">
        <v>200.9</v>
      </c>
      <c r="J37" s="3">
        <v>297.92</v>
      </c>
      <c r="K37" s="3">
        <v>161.24</v>
      </c>
      <c r="L37" s="3">
        <v>301.49</v>
      </c>
      <c r="M37" s="3">
        <v>221.69</v>
      </c>
      <c r="N37" s="3">
        <v>405.02</v>
      </c>
      <c r="O37" s="3">
        <v>172.69</v>
      </c>
      <c r="P37" s="3">
        <v>407.32</v>
      </c>
      <c r="Q37" s="3">
        <v>2280.39</v>
      </c>
      <c r="R37" s="3">
        <v>2280.39</v>
      </c>
      <c r="S37" s="3">
        <v>-0.22</v>
      </c>
      <c r="T37" s="3">
        <v>7.0000000000000007E-2</v>
      </c>
      <c r="U37" s="3">
        <v>0.28000000000000003</v>
      </c>
      <c r="V37" s="3">
        <v>0.93</v>
      </c>
      <c r="W37" s="3">
        <v>1.27</v>
      </c>
      <c r="X37" s="3">
        <v>-0.09</v>
      </c>
      <c r="Y37" s="3">
        <v>0.15</v>
      </c>
      <c r="Z37" s="3">
        <v>0.09</v>
      </c>
      <c r="AA37" s="4">
        <f t="shared" si="6"/>
        <v>0</v>
      </c>
      <c r="AB37" s="4">
        <f t="shared" si="9"/>
        <v>1.6</v>
      </c>
      <c r="AC37" s="3">
        <f t="shared" si="0"/>
        <v>-0.35200000000000004</v>
      </c>
      <c r="AD37" s="4">
        <f t="shared" si="2"/>
        <v>0</v>
      </c>
      <c r="AE37" s="3">
        <f t="shared" si="3"/>
        <v>0.11200000000000002</v>
      </c>
      <c r="AF37" s="4">
        <f t="shared" si="8"/>
        <v>0</v>
      </c>
      <c r="AG37" s="3">
        <f t="shared" si="4"/>
        <v>0.44800000000000006</v>
      </c>
      <c r="AH37" s="4">
        <f t="shared" si="5"/>
        <v>0</v>
      </c>
      <c r="AI37" s="3">
        <f t="shared" si="1"/>
        <v>0.93</v>
      </c>
      <c r="AJ37" s="14"/>
      <c r="AK37" s="14"/>
    </row>
    <row r="38" spans="1:37">
      <c r="A38" s="3" t="s">
        <v>52</v>
      </c>
      <c r="B38" s="2">
        <v>0.40768518518518521</v>
      </c>
      <c r="C38" s="3">
        <v>231.22</v>
      </c>
      <c r="D38" s="3">
        <v>297.70999999999998</v>
      </c>
      <c r="E38" s="3">
        <v>222.82</v>
      </c>
      <c r="F38" s="3">
        <v>402.45</v>
      </c>
      <c r="G38" s="3">
        <v>296.79000000000002</v>
      </c>
      <c r="H38" s="3">
        <v>396.2</v>
      </c>
      <c r="I38" s="3">
        <v>201.86</v>
      </c>
      <c r="J38" s="3">
        <v>300.48</v>
      </c>
      <c r="K38" s="3">
        <v>164.43</v>
      </c>
      <c r="L38" s="3">
        <v>298</v>
      </c>
      <c r="M38" s="3">
        <v>222.99</v>
      </c>
      <c r="N38" s="3">
        <v>398.05</v>
      </c>
      <c r="O38" s="3">
        <v>179.82</v>
      </c>
      <c r="P38" s="3">
        <v>411.74</v>
      </c>
      <c r="Q38" s="3">
        <v>2280.46</v>
      </c>
      <c r="R38" s="3">
        <v>2280.46</v>
      </c>
      <c r="S38" s="3">
        <v>-0.28999999999999998</v>
      </c>
      <c r="T38" s="3">
        <v>0.06</v>
      </c>
      <c r="U38" s="3">
        <v>0.27</v>
      </c>
      <c r="V38" s="3">
        <v>0.94</v>
      </c>
      <c r="W38" s="3">
        <v>1.27</v>
      </c>
      <c r="X38" s="3">
        <v>-0.13</v>
      </c>
      <c r="Y38" s="3">
        <v>0.15</v>
      </c>
      <c r="Z38" s="3">
        <v>0.11</v>
      </c>
      <c r="AA38" s="4">
        <f t="shared" si="6"/>
        <v>0</v>
      </c>
      <c r="AB38" s="4">
        <f t="shared" si="9"/>
        <v>1.6</v>
      </c>
      <c r="AC38" s="3">
        <f t="shared" si="0"/>
        <v>-0.46399999999999997</v>
      </c>
      <c r="AD38" s="4">
        <f t="shared" si="2"/>
        <v>0</v>
      </c>
      <c r="AE38" s="3">
        <f t="shared" si="3"/>
        <v>9.6000000000000002E-2</v>
      </c>
      <c r="AF38" s="4">
        <f t="shared" si="8"/>
        <v>0</v>
      </c>
      <c r="AG38" s="3">
        <f t="shared" si="4"/>
        <v>0.43200000000000005</v>
      </c>
      <c r="AH38" s="4">
        <f t="shared" si="5"/>
        <v>0</v>
      </c>
      <c r="AI38" s="3">
        <f t="shared" si="1"/>
        <v>0.94</v>
      </c>
      <c r="AJ38" s="14"/>
      <c r="AK38" s="14"/>
    </row>
    <row r="39" spans="1:37">
      <c r="A39" s="3" t="s">
        <v>52</v>
      </c>
      <c r="B39" s="2">
        <v>0.40837962962962965</v>
      </c>
      <c r="C39" s="3">
        <v>230.56</v>
      </c>
      <c r="D39" s="3">
        <v>299.56</v>
      </c>
      <c r="E39" s="3">
        <v>226.62</v>
      </c>
      <c r="F39" s="3">
        <v>401.95</v>
      </c>
      <c r="G39" s="3">
        <v>299.76</v>
      </c>
      <c r="H39" s="3">
        <v>406.47</v>
      </c>
      <c r="I39" s="3">
        <v>203.25</v>
      </c>
      <c r="J39" s="3">
        <v>311.52999999999997</v>
      </c>
      <c r="K39" s="3">
        <v>167.17</v>
      </c>
      <c r="L39" s="3">
        <v>303.23</v>
      </c>
      <c r="M39" s="3">
        <v>224.53</v>
      </c>
      <c r="N39" s="3">
        <v>400.69</v>
      </c>
      <c r="O39" s="3">
        <v>186.85</v>
      </c>
      <c r="P39" s="3">
        <v>407.06</v>
      </c>
      <c r="Q39" s="3">
        <v>2280.5300000000002</v>
      </c>
      <c r="R39" s="3">
        <v>2280.5300000000002</v>
      </c>
      <c r="S39" s="3">
        <v>-0.34</v>
      </c>
      <c r="T39" s="3">
        <v>0.06</v>
      </c>
      <c r="U39" s="3">
        <v>0.28000000000000003</v>
      </c>
      <c r="V39" s="3">
        <v>0.91</v>
      </c>
      <c r="W39" s="3">
        <v>1.23</v>
      </c>
      <c r="X39" s="3">
        <v>-0.12</v>
      </c>
      <c r="Y39" s="3">
        <v>0.14000000000000001</v>
      </c>
      <c r="Z39" s="3">
        <v>0.11</v>
      </c>
      <c r="AA39" s="4">
        <f t="shared" si="6"/>
        <v>0</v>
      </c>
      <c r="AB39" s="4">
        <f t="shared" si="9"/>
        <v>1.6</v>
      </c>
      <c r="AC39" s="3">
        <f t="shared" si="0"/>
        <v>-0.54400000000000004</v>
      </c>
      <c r="AD39" s="4">
        <f t="shared" si="2"/>
        <v>0</v>
      </c>
      <c r="AE39" s="3">
        <f t="shared" si="3"/>
        <v>9.6000000000000002E-2</v>
      </c>
      <c r="AF39" s="4">
        <f t="shared" si="8"/>
        <v>0</v>
      </c>
      <c r="AG39" s="3">
        <f t="shared" si="4"/>
        <v>0.44800000000000006</v>
      </c>
      <c r="AH39" s="4">
        <f t="shared" si="5"/>
        <v>0</v>
      </c>
      <c r="AI39" s="3">
        <f t="shared" si="1"/>
        <v>0.91</v>
      </c>
      <c r="AJ39" s="14"/>
      <c r="AK39" s="14"/>
    </row>
    <row r="40" spans="1:37">
      <c r="A40" s="3" t="s">
        <v>52</v>
      </c>
      <c r="B40" s="2">
        <v>0.40907407407407409</v>
      </c>
      <c r="C40" s="3">
        <v>232.18</v>
      </c>
      <c r="D40" s="3">
        <v>310.44</v>
      </c>
      <c r="E40" s="3">
        <v>230.69</v>
      </c>
      <c r="F40" s="3">
        <v>401.56</v>
      </c>
      <c r="G40" s="3">
        <v>304.17</v>
      </c>
      <c r="H40" s="3">
        <v>418.29</v>
      </c>
      <c r="I40" s="3">
        <v>204.89</v>
      </c>
      <c r="J40" s="3">
        <v>316.47000000000003</v>
      </c>
      <c r="K40" s="3">
        <v>169.55</v>
      </c>
      <c r="L40" s="3">
        <v>311.22000000000003</v>
      </c>
      <c r="M40" s="3">
        <v>228.82</v>
      </c>
      <c r="N40" s="3">
        <v>416.05</v>
      </c>
      <c r="O40" s="3">
        <v>193.42</v>
      </c>
      <c r="P40" s="3">
        <v>399.8</v>
      </c>
      <c r="Q40" s="3">
        <v>2280.62</v>
      </c>
      <c r="R40" s="3">
        <v>2280.62</v>
      </c>
      <c r="S40" s="3">
        <v>-0.39</v>
      </c>
      <c r="T40" s="3">
        <v>0.05</v>
      </c>
      <c r="U40" s="3">
        <v>0.28000000000000003</v>
      </c>
      <c r="V40" s="3">
        <v>0.88</v>
      </c>
      <c r="W40" s="3">
        <v>1.24</v>
      </c>
      <c r="X40" s="3">
        <v>-0.12</v>
      </c>
      <c r="Y40" s="3">
        <v>0.14000000000000001</v>
      </c>
      <c r="Z40" s="3">
        <v>0.11</v>
      </c>
      <c r="AA40" s="4">
        <f t="shared" si="6"/>
        <v>0</v>
      </c>
      <c r="AB40" s="4">
        <f t="shared" si="9"/>
        <v>1.6</v>
      </c>
      <c r="AC40" s="3">
        <f t="shared" si="0"/>
        <v>-0.62400000000000011</v>
      </c>
      <c r="AD40" s="4">
        <f t="shared" si="2"/>
        <v>0</v>
      </c>
      <c r="AE40" s="3">
        <f t="shared" si="3"/>
        <v>8.0000000000000016E-2</v>
      </c>
      <c r="AF40" s="4">
        <f t="shared" si="8"/>
        <v>0</v>
      </c>
      <c r="AG40" s="3">
        <f t="shared" si="4"/>
        <v>0.44800000000000006</v>
      </c>
      <c r="AH40" s="4">
        <f t="shared" si="5"/>
        <v>0</v>
      </c>
      <c r="AI40" s="3">
        <f t="shared" si="1"/>
        <v>0.88</v>
      </c>
      <c r="AJ40" s="14"/>
      <c r="AK40" s="14"/>
    </row>
    <row r="41" spans="1:37">
      <c r="A41" s="3" t="s">
        <v>52</v>
      </c>
      <c r="B41" s="2">
        <v>0.40976851851851853</v>
      </c>
      <c r="C41" s="3">
        <v>233.14</v>
      </c>
      <c r="D41" s="3">
        <v>312.77</v>
      </c>
      <c r="E41" s="3">
        <v>234.32</v>
      </c>
      <c r="F41" s="3">
        <v>401.8</v>
      </c>
      <c r="G41" s="3">
        <v>307.5</v>
      </c>
      <c r="H41" s="3">
        <v>418.02</v>
      </c>
      <c r="I41" s="3">
        <v>206.32</v>
      </c>
      <c r="J41" s="3">
        <v>315.10000000000002</v>
      </c>
      <c r="K41" s="3">
        <v>172.77</v>
      </c>
      <c r="L41" s="3">
        <v>312.05</v>
      </c>
      <c r="M41" s="3">
        <v>231.8</v>
      </c>
      <c r="N41" s="3">
        <v>421.31</v>
      </c>
      <c r="O41" s="3">
        <v>199.45</v>
      </c>
      <c r="P41" s="3">
        <v>400.39</v>
      </c>
      <c r="Q41" s="3">
        <v>2280.6999999999998</v>
      </c>
      <c r="R41" s="3">
        <v>2280.6999999999998</v>
      </c>
      <c r="S41" s="3">
        <v>-0.41</v>
      </c>
      <c r="T41" s="3">
        <v>7.0000000000000007E-2</v>
      </c>
      <c r="U41" s="3">
        <v>0.28000000000000003</v>
      </c>
      <c r="V41" s="3">
        <v>0.84</v>
      </c>
      <c r="W41" s="3">
        <v>1.18</v>
      </c>
      <c r="X41" s="3">
        <v>-0.1</v>
      </c>
      <c r="Y41" s="3">
        <v>0.12</v>
      </c>
      <c r="Z41" s="3">
        <v>0.09</v>
      </c>
      <c r="AA41" s="4">
        <f t="shared" si="6"/>
        <v>0</v>
      </c>
      <c r="AB41" s="4">
        <f t="shared" si="9"/>
        <v>1.6</v>
      </c>
      <c r="AC41" s="3">
        <f t="shared" si="0"/>
        <v>-0.65600000000000003</v>
      </c>
      <c r="AD41" s="4">
        <f t="shared" si="2"/>
        <v>0</v>
      </c>
      <c r="AE41" s="3">
        <f t="shared" si="3"/>
        <v>0.11200000000000002</v>
      </c>
      <c r="AF41" s="4">
        <f t="shared" si="8"/>
        <v>0</v>
      </c>
      <c r="AG41" s="3">
        <f t="shared" si="4"/>
        <v>0.44800000000000006</v>
      </c>
      <c r="AH41" s="4">
        <f t="shared" si="5"/>
        <v>0</v>
      </c>
      <c r="AI41" s="3">
        <f t="shared" si="1"/>
        <v>0.84</v>
      </c>
      <c r="AJ41" s="14"/>
      <c r="AK41" s="14"/>
    </row>
    <row r="42" spans="1:37">
      <c r="A42" s="3" t="s">
        <v>52</v>
      </c>
      <c r="B42" s="2">
        <v>0.41046296296296297</v>
      </c>
      <c r="C42" s="3">
        <v>232.86</v>
      </c>
      <c r="D42" s="3">
        <v>308.26</v>
      </c>
      <c r="E42" s="3">
        <v>238.09</v>
      </c>
      <c r="F42" s="3">
        <v>403.15</v>
      </c>
      <c r="G42" s="3">
        <v>308.88</v>
      </c>
      <c r="H42" s="3">
        <v>412.43</v>
      </c>
      <c r="I42" s="3">
        <v>207.17</v>
      </c>
      <c r="J42" s="3">
        <v>311.19</v>
      </c>
      <c r="K42" s="3">
        <v>176.46</v>
      </c>
      <c r="L42" s="3">
        <v>309.19</v>
      </c>
      <c r="M42" s="3">
        <v>234.18</v>
      </c>
      <c r="N42" s="3">
        <v>418.25</v>
      </c>
      <c r="O42" s="3">
        <v>205.18</v>
      </c>
      <c r="P42" s="3">
        <v>411.08</v>
      </c>
      <c r="Q42" s="3">
        <v>2280.79</v>
      </c>
      <c r="R42" s="3">
        <v>2280.79</v>
      </c>
      <c r="S42" s="3">
        <v>-0.46</v>
      </c>
      <c r="T42" s="3">
        <v>0.05</v>
      </c>
      <c r="U42" s="3">
        <v>0.28000000000000003</v>
      </c>
      <c r="V42" s="3">
        <v>0.82</v>
      </c>
      <c r="W42" s="3">
        <v>1.18</v>
      </c>
      <c r="X42" s="3">
        <v>-0.08</v>
      </c>
      <c r="Y42" s="3">
        <v>0.12</v>
      </c>
      <c r="Z42" s="3">
        <v>0.08</v>
      </c>
      <c r="AA42" s="4">
        <f t="shared" si="6"/>
        <v>0</v>
      </c>
      <c r="AB42" s="4">
        <f t="shared" si="9"/>
        <v>1.6</v>
      </c>
      <c r="AC42" s="3">
        <f t="shared" si="0"/>
        <v>-0.7360000000000001</v>
      </c>
      <c r="AD42" s="4">
        <f t="shared" si="2"/>
        <v>0</v>
      </c>
      <c r="AE42" s="3">
        <f t="shared" si="3"/>
        <v>8.0000000000000016E-2</v>
      </c>
      <c r="AF42" s="4">
        <f t="shared" si="8"/>
        <v>0</v>
      </c>
      <c r="AG42" s="3">
        <f t="shared" si="4"/>
        <v>0.44800000000000006</v>
      </c>
      <c r="AH42" s="4">
        <f t="shared" si="5"/>
        <v>0</v>
      </c>
      <c r="AI42" s="3">
        <f t="shared" si="1"/>
        <v>0.82</v>
      </c>
      <c r="AJ42" s="14"/>
      <c r="AK42" s="14"/>
    </row>
    <row r="43" spans="1:37">
      <c r="A43" s="3" t="s">
        <v>52</v>
      </c>
      <c r="B43" s="2">
        <v>0.41115740740740742</v>
      </c>
      <c r="C43" s="3">
        <v>231.25</v>
      </c>
      <c r="D43" s="3">
        <v>301.77999999999997</v>
      </c>
      <c r="E43" s="3">
        <v>240.51</v>
      </c>
      <c r="F43" s="3">
        <v>402.55</v>
      </c>
      <c r="G43" s="3">
        <v>308.89999999999998</v>
      </c>
      <c r="H43" s="3">
        <v>405.33</v>
      </c>
      <c r="I43" s="3">
        <v>207.65</v>
      </c>
      <c r="J43" s="3">
        <v>306.48</v>
      </c>
      <c r="K43" s="3">
        <v>178.97</v>
      </c>
      <c r="L43" s="3">
        <v>305.26</v>
      </c>
      <c r="M43" s="3">
        <v>236.02</v>
      </c>
      <c r="N43" s="3">
        <v>412.73</v>
      </c>
      <c r="O43" s="3">
        <v>210.69</v>
      </c>
      <c r="P43" s="3">
        <v>410.56</v>
      </c>
      <c r="Q43" s="3">
        <v>2280.89</v>
      </c>
      <c r="R43" s="3">
        <v>2280.89</v>
      </c>
      <c r="S43" s="3">
        <v>-0.49</v>
      </c>
      <c r="T43" s="3">
        <v>0.04</v>
      </c>
      <c r="U43" s="3">
        <v>0.28000000000000003</v>
      </c>
      <c r="V43" s="3">
        <v>0.8</v>
      </c>
      <c r="W43" s="3">
        <v>1.1399999999999999</v>
      </c>
      <c r="X43" s="3">
        <v>-7.0000000000000007E-2</v>
      </c>
      <c r="Y43" s="3">
        <v>0.1</v>
      </c>
      <c r="Z43" s="3">
        <v>0.08</v>
      </c>
      <c r="AA43" s="4">
        <f t="shared" si="6"/>
        <v>0</v>
      </c>
      <c r="AB43" s="4">
        <f t="shared" si="9"/>
        <v>1.6</v>
      </c>
      <c r="AC43" s="3">
        <f t="shared" si="0"/>
        <v>-0.78400000000000003</v>
      </c>
      <c r="AD43" s="4">
        <f t="shared" si="2"/>
        <v>0</v>
      </c>
      <c r="AE43" s="3">
        <f t="shared" si="3"/>
        <v>6.4000000000000001E-2</v>
      </c>
      <c r="AF43" s="4">
        <f t="shared" si="8"/>
        <v>0</v>
      </c>
      <c r="AG43" s="3">
        <f t="shared" si="4"/>
        <v>0.44800000000000006</v>
      </c>
      <c r="AH43" s="4">
        <f t="shared" si="5"/>
        <v>0</v>
      </c>
      <c r="AI43" s="3">
        <f t="shared" si="1"/>
        <v>0.8</v>
      </c>
      <c r="AJ43" s="14"/>
      <c r="AK43" s="14"/>
    </row>
    <row r="44" spans="1:37">
      <c r="A44" s="3" t="s">
        <v>52</v>
      </c>
      <c r="B44" s="2">
        <v>0.41186342592592595</v>
      </c>
      <c r="C44" s="3">
        <v>229.05</v>
      </c>
      <c r="D44" s="3">
        <v>296.94</v>
      </c>
      <c r="E44" s="3">
        <v>243.2</v>
      </c>
      <c r="F44" s="3">
        <v>412.12</v>
      </c>
      <c r="G44" s="3">
        <v>308.05</v>
      </c>
      <c r="H44" s="3">
        <v>398.23</v>
      </c>
      <c r="I44" s="3">
        <v>207.73</v>
      </c>
      <c r="J44" s="3">
        <v>301.58</v>
      </c>
      <c r="K44" s="3">
        <v>181.02</v>
      </c>
      <c r="L44" s="3">
        <v>301.10000000000002</v>
      </c>
      <c r="M44" s="3">
        <v>236.79</v>
      </c>
      <c r="N44" s="3">
        <v>406.62</v>
      </c>
      <c r="O44" s="3">
        <v>216.17</v>
      </c>
      <c r="P44" s="3">
        <v>405.87</v>
      </c>
      <c r="Q44" s="3">
        <v>2280.96</v>
      </c>
      <c r="R44" s="3">
        <v>2280.96</v>
      </c>
      <c r="S44" s="3">
        <v>-0.5</v>
      </c>
      <c r="T44" s="3">
        <v>0.03</v>
      </c>
      <c r="U44" s="3">
        <v>0.28000000000000003</v>
      </c>
      <c r="V44" s="3">
        <v>0.83</v>
      </c>
      <c r="W44" s="3">
        <v>1.1200000000000001</v>
      </c>
      <c r="X44" s="3">
        <v>-0.09</v>
      </c>
      <c r="Y44" s="3">
        <v>0.09</v>
      </c>
      <c r="Z44" s="3">
        <v>0.09</v>
      </c>
      <c r="AA44" s="4">
        <f t="shared" si="6"/>
        <v>0</v>
      </c>
      <c r="AB44" s="4">
        <f t="shared" si="9"/>
        <v>1.6</v>
      </c>
      <c r="AC44" s="3">
        <f t="shared" si="0"/>
        <v>-0.8</v>
      </c>
      <c r="AD44" s="4">
        <f t="shared" si="2"/>
        <v>0</v>
      </c>
      <c r="AE44" s="3">
        <f t="shared" si="3"/>
        <v>4.8000000000000001E-2</v>
      </c>
      <c r="AF44" s="4">
        <f t="shared" si="8"/>
        <v>0</v>
      </c>
      <c r="AG44" s="3">
        <f t="shared" si="4"/>
        <v>0.44800000000000006</v>
      </c>
      <c r="AH44" s="4">
        <f t="shared" si="5"/>
        <v>0</v>
      </c>
      <c r="AI44" s="3">
        <f t="shared" si="1"/>
        <v>0.83</v>
      </c>
      <c r="AJ44" s="14"/>
      <c r="AK44" s="14"/>
    </row>
    <row r="45" spans="1:37">
      <c r="A45" s="3" t="s">
        <v>52</v>
      </c>
      <c r="B45" s="2">
        <v>0.41255787037037034</v>
      </c>
      <c r="C45" s="3">
        <v>228.83</v>
      </c>
      <c r="D45" s="3">
        <v>304.11</v>
      </c>
      <c r="E45" s="3">
        <v>248.34</v>
      </c>
      <c r="F45" s="3">
        <v>456.42</v>
      </c>
      <c r="G45" s="3">
        <v>308.3</v>
      </c>
      <c r="H45" s="3">
        <v>400.04</v>
      </c>
      <c r="I45" s="3">
        <v>207.44</v>
      </c>
      <c r="J45" s="3">
        <v>297.77999999999997</v>
      </c>
      <c r="K45" s="3">
        <v>182.27</v>
      </c>
      <c r="L45" s="3">
        <v>298.27999999999997</v>
      </c>
      <c r="M45" s="3">
        <v>237.92</v>
      </c>
      <c r="N45" s="3">
        <v>400.75</v>
      </c>
      <c r="O45" s="3">
        <v>221.05</v>
      </c>
      <c r="P45" s="3">
        <v>413.91</v>
      </c>
      <c r="Q45" s="3">
        <v>2281.04</v>
      </c>
      <c r="R45" s="3">
        <v>2281.04</v>
      </c>
      <c r="S45" s="3">
        <v>-0.55000000000000004</v>
      </c>
      <c r="T45" s="3">
        <v>0.01</v>
      </c>
      <c r="U45" s="3">
        <v>0.28000000000000003</v>
      </c>
      <c r="V45" s="3">
        <v>0.81</v>
      </c>
      <c r="W45" s="3">
        <v>1.1100000000000001</v>
      </c>
      <c r="X45" s="3">
        <v>-0.09</v>
      </c>
      <c r="Y45" s="3">
        <v>0.09</v>
      </c>
      <c r="Z45" s="3">
        <v>0.09</v>
      </c>
      <c r="AA45" s="4">
        <f t="shared" si="6"/>
        <v>0</v>
      </c>
      <c r="AB45" s="4">
        <f t="shared" si="9"/>
        <v>1.6</v>
      </c>
      <c r="AC45" s="3">
        <f t="shared" si="0"/>
        <v>-0.88000000000000012</v>
      </c>
      <c r="AD45" s="4">
        <f t="shared" si="2"/>
        <v>0</v>
      </c>
      <c r="AE45" s="3">
        <f t="shared" si="3"/>
        <v>1.6E-2</v>
      </c>
      <c r="AF45" s="4">
        <f t="shared" si="8"/>
        <v>0</v>
      </c>
      <c r="AG45" s="3">
        <f t="shared" si="4"/>
        <v>0.44800000000000006</v>
      </c>
      <c r="AH45" s="4">
        <f t="shared" si="5"/>
        <v>0</v>
      </c>
      <c r="AI45" s="3">
        <f t="shared" si="1"/>
        <v>0.81</v>
      </c>
      <c r="AJ45" s="14"/>
      <c r="AK45" s="14"/>
    </row>
    <row r="46" spans="1:37">
      <c r="A46" s="3" t="s">
        <v>52</v>
      </c>
      <c r="B46" s="2">
        <v>0.41325231481481484</v>
      </c>
      <c r="C46" s="3">
        <v>230.03</v>
      </c>
      <c r="D46" s="3">
        <v>312.72000000000003</v>
      </c>
      <c r="E46" s="3">
        <v>254.68</v>
      </c>
      <c r="F46" s="3">
        <v>495.77</v>
      </c>
      <c r="G46" s="3">
        <v>311.89999999999998</v>
      </c>
      <c r="H46" s="3">
        <v>419.4</v>
      </c>
      <c r="I46" s="3">
        <v>207.55</v>
      </c>
      <c r="J46" s="3">
        <v>303.27999999999997</v>
      </c>
      <c r="K46" s="3">
        <v>183.74</v>
      </c>
      <c r="L46" s="3">
        <v>304.3</v>
      </c>
      <c r="M46" s="3">
        <v>238.46</v>
      </c>
      <c r="N46" s="3">
        <v>398.86</v>
      </c>
      <c r="O46" s="3">
        <v>226.02</v>
      </c>
      <c r="P46" s="3">
        <v>439.61</v>
      </c>
      <c r="Q46" s="3">
        <v>2281.12</v>
      </c>
      <c r="R46" s="3">
        <v>2281.12</v>
      </c>
      <c r="S46" s="3">
        <v>-0.57999999999999996</v>
      </c>
      <c r="T46" s="3">
        <v>-0.01</v>
      </c>
      <c r="U46" s="3">
        <v>0.28000000000000003</v>
      </c>
      <c r="V46" s="3">
        <v>0.8</v>
      </c>
      <c r="W46" s="3">
        <v>1.06</v>
      </c>
      <c r="X46" s="3">
        <v>-0.09</v>
      </c>
      <c r="Y46" s="3">
        <v>0.08</v>
      </c>
      <c r="Z46" s="3">
        <v>0.1</v>
      </c>
      <c r="AA46" s="4">
        <f t="shared" si="6"/>
        <v>0</v>
      </c>
      <c r="AB46" s="4">
        <f t="shared" si="9"/>
        <v>1.6</v>
      </c>
      <c r="AC46" s="3">
        <f t="shared" si="0"/>
        <v>-0.92799999999999994</v>
      </c>
      <c r="AD46" s="4">
        <f t="shared" si="2"/>
        <v>0</v>
      </c>
      <c r="AE46" s="3">
        <f t="shared" si="3"/>
        <v>-1.6E-2</v>
      </c>
      <c r="AF46" s="4">
        <f t="shared" si="8"/>
        <v>0</v>
      </c>
      <c r="AG46" s="3">
        <f t="shared" si="4"/>
        <v>0.44800000000000006</v>
      </c>
      <c r="AH46" s="4">
        <f t="shared" si="5"/>
        <v>0</v>
      </c>
      <c r="AI46" s="3">
        <f t="shared" si="1"/>
        <v>0.8</v>
      </c>
      <c r="AJ46" s="14"/>
      <c r="AK46" s="14"/>
    </row>
    <row r="47" spans="1:37">
      <c r="A47" s="3" t="s">
        <v>52</v>
      </c>
      <c r="B47" s="2">
        <v>0.41394675925925922</v>
      </c>
      <c r="C47" s="3">
        <v>231.13</v>
      </c>
      <c r="D47" s="3">
        <v>311.58</v>
      </c>
      <c r="E47" s="3">
        <v>261.64999999999998</v>
      </c>
      <c r="F47" s="3">
        <v>500.04</v>
      </c>
      <c r="G47" s="3">
        <v>319.69</v>
      </c>
      <c r="H47" s="3">
        <v>446.51</v>
      </c>
      <c r="I47" s="3">
        <v>208.34</v>
      </c>
      <c r="J47" s="3">
        <v>313.66000000000003</v>
      </c>
      <c r="K47" s="3">
        <v>185.49</v>
      </c>
      <c r="L47" s="3">
        <v>311.58</v>
      </c>
      <c r="M47" s="3">
        <v>240.21</v>
      </c>
      <c r="N47" s="3">
        <v>410.86</v>
      </c>
      <c r="O47" s="3">
        <v>231.62</v>
      </c>
      <c r="P47" s="3">
        <v>469.78</v>
      </c>
      <c r="Q47" s="3">
        <v>2281.21</v>
      </c>
      <c r="R47" s="3">
        <v>2281.21</v>
      </c>
      <c r="S47" s="3">
        <v>-0.63</v>
      </c>
      <c r="T47" s="3">
        <v>-0.02</v>
      </c>
      <c r="U47" s="3">
        <v>0.28000000000000003</v>
      </c>
      <c r="V47" s="3">
        <v>0.81</v>
      </c>
      <c r="W47" s="3">
        <v>1.07</v>
      </c>
      <c r="X47" s="3">
        <v>-0.14000000000000001</v>
      </c>
      <c r="Y47" s="3">
        <v>0.08</v>
      </c>
      <c r="Z47" s="3">
        <v>0.14000000000000001</v>
      </c>
      <c r="AA47" s="4">
        <f t="shared" si="6"/>
        <v>0</v>
      </c>
      <c r="AB47" s="4">
        <f t="shared" si="9"/>
        <v>1.6</v>
      </c>
      <c r="AC47" s="3">
        <f t="shared" si="0"/>
        <v>-1.008</v>
      </c>
      <c r="AD47" s="4">
        <f t="shared" si="2"/>
        <v>0</v>
      </c>
      <c r="AE47" s="3">
        <f t="shared" si="3"/>
        <v>-3.2000000000000001E-2</v>
      </c>
      <c r="AF47" s="4">
        <f t="shared" si="8"/>
        <v>0</v>
      </c>
      <c r="AG47" s="3">
        <f t="shared" si="4"/>
        <v>0.44800000000000006</v>
      </c>
      <c r="AH47" s="4">
        <f t="shared" si="5"/>
        <v>0</v>
      </c>
      <c r="AI47" s="3">
        <f t="shared" si="1"/>
        <v>0.81</v>
      </c>
      <c r="AJ47" s="14"/>
      <c r="AK47" s="14"/>
    </row>
    <row r="48" spans="1:37">
      <c r="A48" s="3" t="s">
        <v>52</v>
      </c>
      <c r="B48" s="2">
        <v>0.41464120370370372</v>
      </c>
      <c r="C48" s="3">
        <v>231.53</v>
      </c>
      <c r="D48" s="3">
        <v>306.14999999999998</v>
      </c>
      <c r="E48" s="3">
        <v>268.22000000000003</v>
      </c>
      <c r="F48" s="3">
        <v>500.31</v>
      </c>
      <c r="G48" s="3">
        <v>330.99</v>
      </c>
      <c r="H48" s="3">
        <v>474.95</v>
      </c>
      <c r="I48" s="3">
        <v>209.09</v>
      </c>
      <c r="J48" s="3">
        <v>316.64</v>
      </c>
      <c r="K48" s="3">
        <v>187.05</v>
      </c>
      <c r="L48" s="3">
        <v>311.99</v>
      </c>
      <c r="M48" s="3">
        <v>241.1</v>
      </c>
      <c r="N48" s="3">
        <v>419.31</v>
      </c>
      <c r="O48" s="3">
        <v>238.53</v>
      </c>
      <c r="P48" s="3">
        <v>500.04</v>
      </c>
      <c r="Q48" s="3">
        <v>2281.2800000000002</v>
      </c>
      <c r="R48" s="3">
        <v>2281.2800000000002</v>
      </c>
      <c r="S48" s="3">
        <v>-0.64</v>
      </c>
      <c r="T48" s="3">
        <v>-0.02</v>
      </c>
      <c r="U48" s="3">
        <v>0.28000000000000003</v>
      </c>
      <c r="V48" s="3">
        <v>0.82</v>
      </c>
      <c r="W48" s="3">
        <v>1.02</v>
      </c>
      <c r="X48" s="3">
        <v>-0.09</v>
      </c>
      <c r="Y48" s="3">
        <v>7.0000000000000007E-2</v>
      </c>
      <c r="Z48" s="3">
        <v>0.1</v>
      </c>
      <c r="AA48" s="4">
        <f t="shared" si="6"/>
        <v>0</v>
      </c>
      <c r="AB48" s="4">
        <f t="shared" si="9"/>
        <v>1.6</v>
      </c>
      <c r="AC48" s="3">
        <f t="shared" si="0"/>
        <v>-1.024</v>
      </c>
      <c r="AD48" s="4">
        <f t="shared" si="2"/>
        <v>0</v>
      </c>
      <c r="AE48" s="3">
        <f t="shared" si="3"/>
        <v>-3.2000000000000001E-2</v>
      </c>
      <c r="AF48" s="4">
        <f t="shared" si="8"/>
        <v>0</v>
      </c>
      <c r="AG48" s="3">
        <f t="shared" si="4"/>
        <v>0.44800000000000006</v>
      </c>
      <c r="AH48" s="4">
        <f t="shared" si="5"/>
        <v>0</v>
      </c>
      <c r="AI48" s="3">
        <f t="shared" si="1"/>
        <v>0.82</v>
      </c>
      <c r="AJ48" s="14"/>
      <c r="AK48" s="14"/>
    </row>
    <row r="49" spans="1:37">
      <c r="A49" s="3" t="s">
        <v>52</v>
      </c>
      <c r="B49" s="2">
        <v>0.41533564814814811</v>
      </c>
      <c r="C49" s="3">
        <v>231.68</v>
      </c>
      <c r="D49" s="3">
        <v>299.70999999999998</v>
      </c>
      <c r="E49" s="3">
        <v>274.44</v>
      </c>
      <c r="F49" s="3">
        <v>501.02</v>
      </c>
      <c r="G49" s="3">
        <v>344.4</v>
      </c>
      <c r="H49" s="3">
        <v>502.38</v>
      </c>
      <c r="I49" s="3">
        <v>209.39</v>
      </c>
      <c r="J49" s="3">
        <v>314.66000000000003</v>
      </c>
      <c r="K49" s="3">
        <v>189.01</v>
      </c>
      <c r="L49" s="3">
        <v>309.26</v>
      </c>
      <c r="M49" s="3">
        <v>243.84</v>
      </c>
      <c r="N49" s="3">
        <v>418.13</v>
      </c>
      <c r="O49" s="3">
        <v>247.34</v>
      </c>
      <c r="P49" s="3">
        <v>517.17999999999995</v>
      </c>
      <c r="Q49" s="3">
        <v>2281.37</v>
      </c>
      <c r="R49" s="3">
        <v>2281.37</v>
      </c>
      <c r="S49" s="3">
        <v>-0.69</v>
      </c>
      <c r="T49" s="3">
        <v>-0.04</v>
      </c>
      <c r="U49" s="3">
        <v>0.28000000000000003</v>
      </c>
      <c r="V49" s="3">
        <v>0.79</v>
      </c>
      <c r="W49" s="3">
        <v>1.02</v>
      </c>
      <c r="X49" s="3">
        <v>-0.1</v>
      </c>
      <c r="Y49" s="3">
        <v>7.0000000000000007E-2</v>
      </c>
      <c r="Z49" s="3">
        <v>0.1</v>
      </c>
      <c r="AA49" s="4">
        <f t="shared" si="6"/>
        <v>0</v>
      </c>
      <c r="AB49" s="4">
        <f t="shared" si="9"/>
        <v>1.6</v>
      </c>
      <c r="AC49" s="3">
        <f t="shared" si="0"/>
        <v>-1.1039999999999999</v>
      </c>
      <c r="AD49" s="4">
        <f t="shared" si="2"/>
        <v>0</v>
      </c>
      <c r="AE49" s="3">
        <f t="shared" si="3"/>
        <v>-6.4000000000000001E-2</v>
      </c>
      <c r="AF49" s="4">
        <f t="shared" si="8"/>
        <v>0</v>
      </c>
      <c r="AG49" s="3">
        <f t="shared" si="4"/>
        <v>0.44800000000000006</v>
      </c>
      <c r="AH49" s="4">
        <f t="shared" si="5"/>
        <v>0</v>
      </c>
      <c r="AI49" s="3">
        <f t="shared" si="1"/>
        <v>0.79</v>
      </c>
      <c r="AJ49" s="14"/>
      <c r="AK49" s="14"/>
    </row>
    <row r="50" spans="1:37">
      <c r="A50" s="3" t="s">
        <v>52</v>
      </c>
      <c r="B50" s="2">
        <v>0.4160300925925926</v>
      </c>
      <c r="C50" s="3">
        <v>231.95</v>
      </c>
      <c r="D50" s="3">
        <v>297.85000000000002</v>
      </c>
      <c r="E50" s="3">
        <v>280.38</v>
      </c>
      <c r="F50" s="3">
        <v>501.52</v>
      </c>
      <c r="G50" s="3">
        <v>357.92</v>
      </c>
      <c r="H50" s="3">
        <v>520.55999999999995</v>
      </c>
      <c r="I50" s="3">
        <v>209.51</v>
      </c>
      <c r="J50" s="3">
        <v>310.8</v>
      </c>
      <c r="K50" s="3">
        <v>190.73</v>
      </c>
      <c r="L50" s="3">
        <v>305.62</v>
      </c>
      <c r="M50" s="3">
        <v>244.09</v>
      </c>
      <c r="N50" s="3">
        <v>413.62</v>
      </c>
      <c r="O50" s="3">
        <v>257.10000000000002</v>
      </c>
      <c r="P50" s="3">
        <v>514.42999999999995</v>
      </c>
      <c r="Q50" s="3">
        <v>2281.4499999999998</v>
      </c>
      <c r="R50" s="3">
        <v>2281.4499999999998</v>
      </c>
      <c r="S50" s="3">
        <v>-0.71</v>
      </c>
      <c r="T50" s="3">
        <v>-0.04</v>
      </c>
      <c r="U50" s="3">
        <v>0.28000000000000003</v>
      </c>
      <c r="V50" s="3">
        <v>0.75</v>
      </c>
      <c r="W50" s="3">
        <v>0.99</v>
      </c>
      <c r="X50" s="3">
        <v>-0.1</v>
      </c>
      <c r="Y50" s="3">
        <v>0.06</v>
      </c>
      <c r="Z50" s="3">
        <v>0.1</v>
      </c>
      <c r="AA50" s="4">
        <f t="shared" si="6"/>
        <v>0</v>
      </c>
      <c r="AB50" s="4">
        <f t="shared" si="9"/>
        <v>1.6</v>
      </c>
      <c r="AC50" s="3">
        <f t="shared" si="0"/>
        <v>-1.1359999999999999</v>
      </c>
      <c r="AD50" s="4">
        <f t="shared" si="2"/>
        <v>0</v>
      </c>
      <c r="AE50" s="3">
        <f t="shared" si="3"/>
        <v>-6.4000000000000001E-2</v>
      </c>
      <c r="AF50" s="4">
        <f t="shared" si="8"/>
        <v>0</v>
      </c>
      <c r="AG50" s="3">
        <f t="shared" si="4"/>
        <v>0.44800000000000006</v>
      </c>
      <c r="AH50" s="4">
        <f t="shared" si="5"/>
        <v>0</v>
      </c>
      <c r="AI50" s="3">
        <f t="shared" si="1"/>
        <v>0.75</v>
      </c>
      <c r="AJ50" s="14"/>
      <c r="AK50" s="14"/>
    </row>
    <row r="51" spans="1:37">
      <c r="A51" s="3" t="s">
        <v>52</v>
      </c>
      <c r="B51" s="2">
        <v>0.41672453703703699</v>
      </c>
      <c r="C51" s="3">
        <v>233.83</v>
      </c>
      <c r="D51" s="3">
        <v>308.14</v>
      </c>
      <c r="E51" s="3">
        <v>286.02</v>
      </c>
      <c r="F51" s="3">
        <v>501.58</v>
      </c>
      <c r="G51" s="3">
        <v>367.22</v>
      </c>
      <c r="H51" s="3">
        <v>520.03</v>
      </c>
      <c r="I51" s="3">
        <v>209.23</v>
      </c>
      <c r="J51" s="3">
        <v>306.33999999999997</v>
      </c>
      <c r="K51" s="3">
        <v>192.34</v>
      </c>
      <c r="L51" s="3">
        <v>301.76</v>
      </c>
      <c r="M51" s="3">
        <v>244.51</v>
      </c>
      <c r="N51" s="3">
        <v>408.25</v>
      </c>
      <c r="O51" s="3">
        <v>266.82</v>
      </c>
      <c r="P51" s="3">
        <v>505.34</v>
      </c>
      <c r="Q51" s="3">
        <v>2281.5300000000002</v>
      </c>
      <c r="R51" s="3">
        <v>2281.5300000000002</v>
      </c>
      <c r="S51" s="3">
        <v>-0.74</v>
      </c>
      <c r="T51" s="3">
        <v>-0.05</v>
      </c>
      <c r="U51" s="3">
        <v>0.28000000000000003</v>
      </c>
      <c r="V51" s="3">
        <v>0.75</v>
      </c>
      <c r="W51" s="3">
        <v>0.97</v>
      </c>
      <c r="X51" s="3">
        <v>-0.11</v>
      </c>
      <c r="Y51" s="3">
        <v>0.05</v>
      </c>
      <c r="Z51" s="3">
        <v>0.11</v>
      </c>
      <c r="AA51" s="4">
        <f t="shared" si="6"/>
        <v>0</v>
      </c>
      <c r="AB51" s="4">
        <f t="shared" si="9"/>
        <v>1.6</v>
      </c>
      <c r="AC51" s="3">
        <f t="shared" si="0"/>
        <v>-1.1839999999999999</v>
      </c>
      <c r="AD51" s="4">
        <f t="shared" si="2"/>
        <v>0</v>
      </c>
      <c r="AE51" s="3">
        <f t="shared" si="3"/>
        <v>-8.0000000000000016E-2</v>
      </c>
      <c r="AF51" s="4">
        <f t="shared" si="8"/>
        <v>0</v>
      </c>
      <c r="AG51" s="3">
        <f t="shared" si="4"/>
        <v>0.44800000000000006</v>
      </c>
      <c r="AH51" s="4">
        <f t="shared" si="5"/>
        <v>0</v>
      </c>
      <c r="AI51" s="3">
        <f t="shared" si="1"/>
        <v>0.75</v>
      </c>
      <c r="AJ51" s="14"/>
      <c r="AK51" s="14"/>
    </row>
    <row r="52" spans="1:37">
      <c r="A52" s="3" t="s">
        <v>52</v>
      </c>
      <c r="B52" s="2">
        <v>0.41743055555555553</v>
      </c>
      <c r="C52" s="3">
        <v>235.88</v>
      </c>
      <c r="D52" s="3">
        <v>313.77999999999997</v>
      </c>
      <c r="E52" s="3">
        <v>289.25</v>
      </c>
      <c r="F52" s="3">
        <v>501.58</v>
      </c>
      <c r="G52" s="3">
        <v>372.48</v>
      </c>
      <c r="H52" s="3">
        <v>511.52</v>
      </c>
      <c r="I52" s="3">
        <v>208.75</v>
      </c>
      <c r="J52" s="3">
        <v>301.77999999999997</v>
      </c>
      <c r="K52" s="3">
        <v>193.84</v>
      </c>
      <c r="L52" s="3">
        <v>298.57</v>
      </c>
      <c r="M52" s="3">
        <v>244.64</v>
      </c>
      <c r="N52" s="3">
        <v>402.75</v>
      </c>
      <c r="O52" s="3">
        <v>275.91000000000003</v>
      </c>
      <c r="P52" s="3">
        <v>496.43</v>
      </c>
      <c r="Q52" s="3">
        <v>2281.62</v>
      </c>
      <c r="R52" s="3">
        <v>2281.62</v>
      </c>
      <c r="S52" s="3">
        <v>-0.75</v>
      </c>
      <c r="T52" s="3">
        <v>-0.03</v>
      </c>
      <c r="U52" s="3">
        <v>0.28000000000000003</v>
      </c>
      <c r="V52" s="3">
        <v>0.73</v>
      </c>
      <c r="W52" s="3">
        <v>0.95</v>
      </c>
      <c r="X52" s="3">
        <v>-0.09</v>
      </c>
      <c r="Y52" s="3">
        <v>0.05</v>
      </c>
      <c r="Z52" s="3">
        <v>0.09</v>
      </c>
      <c r="AA52" s="4">
        <f t="shared" si="6"/>
        <v>0</v>
      </c>
      <c r="AB52" s="4">
        <f t="shared" si="9"/>
        <v>1.6</v>
      </c>
      <c r="AC52" s="3">
        <f t="shared" si="0"/>
        <v>-1.2000000000000002</v>
      </c>
      <c r="AD52" s="4">
        <f t="shared" si="2"/>
        <v>0</v>
      </c>
      <c r="AE52" s="3">
        <f t="shared" si="3"/>
        <v>-4.8000000000000001E-2</v>
      </c>
      <c r="AF52" s="4">
        <f t="shared" si="8"/>
        <v>0</v>
      </c>
      <c r="AG52" s="3">
        <f t="shared" si="4"/>
        <v>0.44800000000000006</v>
      </c>
      <c r="AH52" s="4">
        <f t="shared" si="5"/>
        <v>0</v>
      </c>
      <c r="AI52" s="3">
        <f t="shared" si="1"/>
        <v>0.73</v>
      </c>
      <c r="AJ52" s="14"/>
      <c r="AK52" s="14"/>
    </row>
    <row r="53" spans="1:37">
      <c r="A53" s="3" t="s">
        <v>52</v>
      </c>
      <c r="B53" s="2">
        <v>0.41812500000000002</v>
      </c>
      <c r="C53" s="3">
        <v>236.13</v>
      </c>
      <c r="D53" s="3">
        <v>310.92</v>
      </c>
      <c r="E53" s="3">
        <v>295.13</v>
      </c>
      <c r="F53" s="3">
        <v>501.55</v>
      </c>
      <c r="G53" s="3">
        <v>374.64</v>
      </c>
      <c r="H53" s="3">
        <v>501.27</v>
      </c>
      <c r="I53" s="3">
        <v>208.29</v>
      </c>
      <c r="J53" s="3">
        <v>298.04000000000002</v>
      </c>
      <c r="K53" s="3">
        <v>194.87</v>
      </c>
      <c r="L53" s="3">
        <v>302.99</v>
      </c>
      <c r="M53" s="3">
        <v>244.04</v>
      </c>
      <c r="N53" s="3">
        <v>398.55</v>
      </c>
      <c r="O53" s="3">
        <v>283.91000000000003</v>
      </c>
      <c r="P53" s="3">
        <v>505.05</v>
      </c>
      <c r="Q53" s="3">
        <v>2281.71</v>
      </c>
      <c r="R53" s="3">
        <v>2281.71</v>
      </c>
      <c r="S53" s="3">
        <v>-0.78</v>
      </c>
      <c r="T53" s="3">
        <v>-0.04</v>
      </c>
      <c r="U53" s="3">
        <v>0.28000000000000003</v>
      </c>
      <c r="V53" s="3">
        <v>0.73</v>
      </c>
      <c r="W53" s="3">
        <v>0.93</v>
      </c>
      <c r="X53" s="3">
        <v>-0.09</v>
      </c>
      <c r="Y53" s="3">
        <v>0.05</v>
      </c>
      <c r="Z53" s="3">
        <v>0.09</v>
      </c>
      <c r="AA53" s="4">
        <f t="shared" si="6"/>
        <v>0</v>
      </c>
      <c r="AB53" s="4">
        <f t="shared" si="9"/>
        <v>1.6</v>
      </c>
      <c r="AC53" s="3">
        <f t="shared" si="0"/>
        <v>-1.2480000000000002</v>
      </c>
      <c r="AD53" s="4">
        <f t="shared" si="2"/>
        <v>0</v>
      </c>
      <c r="AE53" s="3">
        <f t="shared" si="3"/>
        <v>-6.4000000000000001E-2</v>
      </c>
      <c r="AF53" s="4">
        <f t="shared" si="8"/>
        <v>0</v>
      </c>
      <c r="AG53" s="3">
        <f t="shared" si="4"/>
        <v>0.44800000000000006</v>
      </c>
      <c r="AH53" s="4">
        <f t="shared" si="5"/>
        <v>0</v>
      </c>
      <c r="AI53" s="3">
        <f t="shared" si="1"/>
        <v>0.73</v>
      </c>
      <c r="AJ53" s="14"/>
      <c r="AK53" s="14"/>
    </row>
    <row r="54" spans="1:37">
      <c r="A54" s="3" t="s">
        <v>52</v>
      </c>
      <c r="B54" s="2">
        <v>0.41881944444444441</v>
      </c>
      <c r="C54" s="3">
        <v>235.24</v>
      </c>
      <c r="D54" s="3">
        <v>305.2</v>
      </c>
      <c r="E54" s="3">
        <v>298.17</v>
      </c>
      <c r="F54" s="3">
        <v>501.56</v>
      </c>
      <c r="G54" s="3">
        <v>375.52</v>
      </c>
      <c r="H54" s="3">
        <v>495.05</v>
      </c>
      <c r="I54" s="3">
        <v>208.04</v>
      </c>
      <c r="J54" s="3">
        <v>302.87</v>
      </c>
      <c r="K54" s="3">
        <v>195.91</v>
      </c>
      <c r="L54" s="3">
        <v>311.14</v>
      </c>
      <c r="M54" s="3">
        <v>245.83</v>
      </c>
      <c r="N54" s="3">
        <v>406.05</v>
      </c>
      <c r="O54" s="3">
        <v>291.47000000000003</v>
      </c>
      <c r="P54" s="3">
        <v>509.22</v>
      </c>
      <c r="Q54" s="3">
        <v>2281.7800000000002</v>
      </c>
      <c r="R54" s="3">
        <v>2281.7800000000002</v>
      </c>
      <c r="S54" s="3">
        <v>-0.82</v>
      </c>
      <c r="T54" s="3">
        <v>-0.04</v>
      </c>
      <c r="U54" s="3">
        <v>0.27</v>
      </c>
      <c r="V54" s="3">
        <v>0.72</v>
      </c>
      <c r="W54" s="3">
        <v>0.92</v>
      </c>
      <c r="X54" s="3">
        <v>-0.1</v>
      </c>
      <c r="Y54" s="3">
        <v>0.04</v>
      </c>
      <c r="Z54" s="3">
        <v>0.09</v>
      </c>
      <c r="AA54" s="4">
        <f t="shared" si="6"/>
        <v>0</v>
      </c>
      <c r="AB54" s="4">
        <f t="shared" si="9"/>
        <v>1.6</v>
      </c>
      <c r="AC54" s="3">
        <f t="shared" si="0"/>
        <v>-1.3120000000000001</v>
      </c>
      <c r="AD54" s="4">
        <f t="shared" si="2"/>
        <v>0</v>
      </c>
      <c r="AE54" s="3">
        <f t="shared" si="3"/>
        <v>-6.4000000000000001E-2</v>
      </c>
      <c r="AF54" s="4">
        <f t="shared" si="8"/>
        <v>0</v>
      </c>
      <c r="AG54" s="3">
        <f t="shared" si="4"/>
        <v>0.43200000000000005</v>
      </c>
      <c r="AH54" s="4">
        <f t="shared" si="5"/>
        <v>0</v>
      </c>
      <c r="AI54" s="3">
        <f t="shared" si="1"/>
        <v>0.72</v>
      </c>
      <c r="AJ54" s="14"/>
      <c r="AK54" s="14"/>
    </row>
    <row r="55" spans="1:37">
      <c r="A55" s="3" t="s">
        <v>52</v>
      </c>
      <c r="B55" s="2">
        <v>0.41951388888888891</v>
      </c>
      <c r="C55" s="3">
        <v>233.71</v>
      </c>
      <c r="D55" s="3">
        <v>298.99</v>
      </c>
      <c r="E55" s="3">
        <v>302.38</v>
      </c>
      <c r="F55" s="3">
        <v>501.5</v>
      </c>
      <c r="G55" s="3">
        <v>378.81</v>
      </c>
      <c r="H55" s="3">
        <v>505.89</v>
      </c>
      <c r="I55" s="3">
        <v>208.38</v>
      </c>
      <c r="J55" s="3">
        <v>313.42</v>
      </c>
      <c r="K55" s="3">
        <v>196.5</v>
      </c>
      <c r="L55" s="3">
        <v>312.52999999999997</v>
      </c>
      <c r="M55" s="3">
        <v>246.75</v>
      </c>
      <c r="N55" s="3">
        <v>418.09</v>
      </c>
      <c r="O55" s="3">
        <v>298.67</v>
      </c>
      <c r="P55" s="3">
        <v>502.34</v>
      </c>
      <c r="Q55" s="3">
        <v>2281.85</v>
      </c>
      <c r="R55" s="3">
        <v>2281.85</v>
      </c>
      <c r="S55" s="3">
        <v>-0.82</v>
      </c>
      <c r="T55" s="3">
        <v>-0.04</v>
      </c>
      <c r="U55" s="3">
        <v>0.28000000000000003</v>
      </c>
      <c r="V55" s="3">
        <v>0.73</v>
      </c>
      <c r="W55" s="3">
        <v>0.92</v>
      </c>
      <c r="X55" s="3">
        <v>-0.1</v>
      </c>
      <c r="Y55" s="3">
        <v>0.04</v>
      </c>
      <c r="Z55" s="3">
        <v>0.09</v>
      </c>
      <c r="AA55" s="4">
        <f t="shared" si="6"/>
        <v>0</v>
      </c>
      <c r="AB55" s="4">
        <f t="shared" si="9"/>
        <v>1.6</v>
      </c>
      <c r="AC55" s="3">
        <f t="shared" si="0"/>
        <v>-1.3120000000000001</v>
      </c>
      <c r="AD55" s="4">
        <f t="shared" si="2"/>
        <v>0</v>
      </c>
      <c r="AE55" s="3">
        <f t="shared" si="3"/>
        <v>-6.4000000000000001E-2</v>
      </c>
      <c r="AF55" s="4">
        <f t="shared" si="8"/>
        <v>0</v>
      </c>
      <c r="AG55" s="3">
        <f t="shared" si="4"/>
        <v>0.44800000000000006</v>
      </c>
      <c r="AH55" s="4">
        <f t="shared" si="5"/>
        <v>0</v>
      </c>
      <c r="AI55" s="3">
        <f t="shared" si="1"/>
        <v>0.73</v>
      </c>
      <c r="AJ55" s="14"/>
      <c r="AK55" s="14"/>
    </row>
    <row r="56" spans="1:37">
      <c r="A56" s="3" t="s">
        <v>52</v>
      </c>
      <c r="B56" s="2">
        <v>0.42020833333333335</v>
      </c>
      <c r="C56" s="3">
        <v>233.16</v>
      </c>
      <c r="D56" s="3">
        <v>298.95</v>
      </c>
      <c r="E56" s="3">
        <v>305.54000000000002</v>
      </c>
      <c r="F56" s="3">
        <v>501.68</v>
      </c>
      <c r="G56" s="3">
        <v>383.44</v>
      </c>
      <c r="H56" s="3">
        <v>516.21</v>
      </c>
      <c r="I56" s="3">
        <v>208.73</v>
      </c>
      <c r="J56" s="3">
        <v>316.92</v>
      </c>
      <c r="K56" s="3">
        <v>198.25</v>
      </c>
      <c r="L56" s="3">
        <v>310.29000000000002</v>
      </c>
      <c r="M56" s="3">
        <v>248.38</v>
      </c>
      <c r="N56" s="3">
        <v>419.58</v>
      </c>
      <c r="O56" s="3">
        <v>305.05</v>
      </c>
      <c r="P56" s="3">
        <v>492.8</v>
      </c>
      <c r="Q56" s="3">
        <v>2281.91</v>
      </c>
      <c r="R56" s="3">
        <v>2281.91</v>
      </c>
      <c r="S56" s="3">
        <v>-0.83</v>
      </c>
      <c r="T56" s="3">
        <v>-0.06</v>
      </c>
      <c r="U56" s="3">
        <v>0.28000000000000003</v>
      </c>
      <c r="V56" s="3">
        <v>0.72</v>
      </c>
      <c r="W56" s="3">
        <v>0.89</v>
      </c>
      <c r="X56" s="3">
        <v>-0.1</v>
      </c>
      <c r="Y56" s="3">
        <v>0.03</v>
      </c>
      <c r="Z56" s="3">
        <v>0.09</v>
      </c>
      <c r="AA56" s="4">
        <f t="shared" si="6"/>
        <v>0</v>
      </c>
      <c r="AB56" s="4">
        <f t="shared" si="9"/>
        <v>1.6</v>
      </c>
      <c r="AC56" s="3">
        <f t="shared" si="0"/>
        <v>-1.3280000000000001</v>
      </c>
      <c r="AD56" s="4">
        <f t="shared" si="2"/>
        <v>0</v>
      </c>
      <c r="AE56" s="3">
        <f t="shared" si="3"/>
        <v>-9.6000000000000002E-2</v>
      </c>
      <c r="AF56" s="4">
        <f t="shared" si="8"/>
        <v>0</v>
      </c>
      <c r="AG56" s="3">
        <f t="shared" si="4"/>
        <v>0.44800000000000006</v>
      </c>
      <c r="AH56" s="4">
        <f t="shared" si="5"/>
        <v>0</v>
      </c>
      <c r="AI56" s="3">
        <f t="shared" si="1"/>
        <v>0.72</v>
      </c>
      <c r="AJ56" s="14"/>
      <c r="AK56" s="14"/>
    </row>
    <row r="57" spans="1:37">
      <c r="A57" s="3" t="s">
        <v>52</v>
      </c>
      <c r="B57" s="2">
        <v>0.42090277777777779</v>
      </c>
      <c r="C57" s="3">
        <v>234.36</v>
      </c>
      <c r="D57" s="3">
        <v>309.81</v>
      </c>
      <c r="E57" s="3">
        <v>308.85000000000002</v>
      </c>
      <c r="F57" s="3">
        <v>501.76</v>
      </c>
      <c r="G57" s="3">
        <v>386.14</v>
      </c>
      <c r="H57" s="3">
        <v>513.24</v>
      </c>
      <c r="I57" s="3">
        <v>208.8</v>
      </c>
      <c r="J57" s="3">
        <v>315.29000000000002</v>
      </c>
      <c r="K57" s="3">
        <v>199.24</v>
      </c>
      <c r="L57" s="3">
        <v>306.93</v>
      </c>
      <c r="M57" s="3">
        <v>250.35</v>
      </c>
      <c r="N57" s="3">
        <v>416.05</v>
      </c>
      <c r="O57" s="3">
        <v>310.45</v>
      </c>
      <c r="P57" s="3">
        <v>482.49</v>
      </c>
      <c r="Q57" s="3">
        <v>2281.98</v>
      </c>
      <c r="R57" s="3">
        <v>2281.98</v>
      </c>
      <c r="S57" s="3">
        <v>-0.89</v>
      </c>
      <c r="T57" s="3">
        <v>-0.08</v>
      </c>
      <c r="U57" s="3">
        <v>0.28000000000000003</v>
      </c>
      <c r="V57" s="3">
        <v>0.72</v>
      </c>
      <c r="W57" s="3">
        <v>0.87</v>
      </c>
      <c r="X57" s="3">
        <v>-0.1</v>
      </c>
      <c r="Y57" s="3">
        <v>0.03</v>
      </c>
      <c r="Z57" s="3">
        <v>0.09</v>
      </c>
      <c r="AA57" s="4">
        <f t="shared" si="6"/>
        <v>0</v>
      </c>
      <c r="AB57" s="4">
        <f t="shared" si="9"/>
        <v>1.6</v>
      </c>
      <c r="AC57" s="3">
        <f t="shared" si="0"/>
        <v>-1.4240000000000002</v>
      </c>
      <c r="AD57" s="4">
        <f t="shared" si="2"/>
        <v>0</v>
      </c>
      <c r="AE57" s="3">
        <f t="shared" si="3"/>
        <v>-0.128</v>
      </c>
      <c r="AF57" s="4">
        <f t="shared" si="8"/>
        <v>0</v>
      </c>
      <c r="AG57" s="3">
        <f t="shared" si="4"/>
        <v>0.44800000000000006</v>
      </c>
      <c r="AH57" s="4">
        <f t="shared" si="5"/>
        <v>0</v>
      </c>
      <c r="AI57" s="3">
        <f t="shared" si="1"/>
        <v>0.72</v>
      </c>
      <c r="AJ57" s="14"/>
      <c r="AK57" s="14"/>
    </row>
    <row r="58" spans="1:37">
      <c r="A58" s="3" t="s">
        <v>52</v>
      </c>
      <c r="B58" s="2">
        <v>0.42159722222222223</v>
      </c>
      <c r="C58" s="3">
        <v>235.29</v>
      </c>
      <c r="D58" s="3">
        <v>313.77999999999997</v>
      </c>
      <c r="E58" s="3">
        <v>312.11</v>
      </c>
      <c r="F58" s="3">
        <v>504</v>
      </c>
      <c r="G58" s="3">
        <v>386.9</v>
      </c>
      <c r="H58" s="3">
        <v>505.25</v>
      </c>
      <c r="I58" s="3">
        <v>208.87</v>
      </c>
      <c r="J58" s="3">
        <v>311.73</v>
      </c>
      <c r="K58" s="3">
        <v>200.24</v>
      </c>
      <c r="L58" s="3">
        <v>303.32</v>
      </c>
      <c r="M58" s="3">
        <v>249.75</v>
      </c>
      <c r="N58" s="3">
        <v>411.07</v>
      </c>
      <c r="O58" s="3">
        <v>314.93</v>
      </c>
      <c r="P58" s="3">
        <v>472.98</v>
      </c>
      <c r="Q58" s="3">
        <v>2282.0700000000002</v>
      </c>
      <c r="R58" s="3">
        <v>2282.0700000000002</v>
      </c>
      <c r="S58" s="3">
        <v>-0.97</v>
      </c>
      <c r="T58" s="3">
        <v>-0.11</v>
      </c>
      <c r="U58" s="3">
        <v>0.26</v>
      </c>
      <c r="V58" s="3">
        <v>0.72</v>
      </c>
      <c r="W58" s="3">
        <v>0.86</v>
      </c>
      <c r="X58" s="3">
        <v>-0.09</v>
      </c>
      <c r="Y58" s="3">
        <v>0.03</v>
      </c>
      <c r="Z58" s="3">
        <v>0.08</v>
      </c>
      <c r="AA58" s="4">
        <f t="shared" si="6"/>
        <v>0</v>
      </c>
      <c r="AB58" s="4">
        <f t="shared" si="9"/>
        <v>1.6</v>
      </c>
      <c r="AC58" s="3">
        <f t="shared" si="0"/>
        <v>-1.552</v>
      </c>
      <c r="AD58" s="4">
        <f t="shared" si="2"/>
        <v>0</v>
      </c>
      <c r="AE58" s="3">
        <f t="shared" si="3"/>
        <v>-0.17600000000000002</v>
      </c>
      <c r="AF58" s="4">
        <f t="shared" si="8"/>
        <v>0</v>
      </c>
      <c r="AG58" s="3">
        <f t="shared" si="4"/>
        <v>0.41600000000000004</v>
      </c>
      <c r="AH58" s="4">
        <f t="shared" si="5"/>
        <v>0</v>
      </c>
      <c r="AI58" s="3">
        <f t="shared" si="1"/>
        <v>0.72</v>
      </c>
      <c r="AJ58" s="14"/>
      <c r="AK58" s="14"/>
    </row>
    <row r="59" spans="1:37">
      <c r="A59" s="3" t="s">
        <v>52</v>
      </c>
      <c r="B59" s="2">
        <v>0.42229166666666668</v>
      </c>
      <c r="C59" s="3">
        <v>235.01</v>
      </c>
      <c r="D59" s="3">
        <v>310.33999999999997</v>
      </c>
      <c r="E59" s="3">
        <v>314.79000000000002</v>
      </c>
      <c r="F59" s="3">
        <v>536.89</v>
      </c>
      <c r="G59" s="3">
        <v>386.71</v>
      </c>
      <c r="H59" s="3">
        <v>500.64</v>
      </c>
      <c r="I59" s="3">
        <v>208.36</v>
      </c>
      <c r="J59" s="3">
        <v>307.52</v>
      </c>
      <c r="K59" s="3">
        <v>200.95</v>
      </c>
      <c r="L59" s="3">
        <v>299.75</v>
      </c>
      <c r="M59" s="3">
        <v>249.3</v>
      </c>
      <c r="N59" s="3">
        <v>405.92</v>
      </c>
      <c r="O59" s="3">
        <v>318.17</v>
      </c>
      <c r="P59" s="3">
        <v>478.52</v>
      </c>
      <c r="Q59" s="3">
        <v>2282.13</v>
      </c>
      <c r="R59" s="3">
        <v>2282.13</v>
      </c>
      <c r="S59" s="3">
        <v>-1.1299999999999999</v>
      </c>
      <c r="T59" s="3">
        <v>-0.19</v>
      </c>
      <c r="U59" s="3">
        <v>0.22</v>
      </c>
      <c r="V59" s="3">
        <v>0.72</v>
      </c>
      <c r="W59" s="3">
        <v>0.79</v>
      </c>
      <c r="X59" s="3">
        <v>-0.14000000000000001</v>
      </c>
      <c r="Y59" s="3">
        <v>0.02</v>
      </c>
      <c r="Z59" s="3">
        <v>0.11</v>
      </c>
      <c r="AA59" s="4">
        <f t="shared" si="6"/>
        <v>0</v>
      </c>
      <c r="AB59" s="4">
        <f t="shared" si="9"/>
        <v>1.6</v>
      </c>
      <c r="AC59" s="3">
        <f t="shared" si="0"/>
        <v>-1.8079999999999998</v>
      </c>
      <c r="AD59" s="4">
        <f t="shared" si="2"/>
        <v>0</v>
      </c>
      <c r="AE59" s="3">
        <f t="shared" si="3"/>
        <v>-0.30400000000000005</v>
      </c>
      <c r="AF59" s="4">
        <f t="shared" si="8"/>
        <v>0</v>
      </c>
      <c r="AG59" s="3">
        <f t="shared" si="4"/>
        <v>0.35200000000000004</v>
      </c>
      <c r="AH59" s="4">
        <f t="shared" si="5"/>
        <v>0</v>
      </c>
      <c r="AI59" s="3">
        <f t="shared" si="1"/>
        <v>0.72</v>
      </c>
      <c r="AJ59" s="14"/>
      <c r="AK59" s="14"/>
    </row>
    <row r="60" spans="1:37">
      <c r="A60" s="3" t="s">
        <v>52</v>
      </c>
      <c r="B60" s="2">
        <v>0.42299768518518516</v>
      </c>
      <c r="C60" s="3">
        <v>234.24</v>
      </c>
      <c r="D60" s="3">
        <v>304.64999999999998</v>
      </c>
      <c r="E60" s="3">
        <v>320.51</v>
      </c>
      <c r="F60" s="3">
        <v>574.47</v>
      </c>
      <c r="G60" s="3">
        <v>389.89</v>
      </c>
      <c r="H60" s="3">
        <v>513.66999999999996</v>
      </c>
      <c r="I60" s="3">
        <v>207.76</v>
      </c>
      <c r="J60" s="3">
        <v>303.18</v>
      </c>
      <c r="K60" s="3">
        <v>201.94</v>
      </c>
      <c r="L60" s="3">
        <v>299.77999999999997</v>
      </c>
      <c r="M60" s="3">
        <v>250.13</v>
      </c>
      <c r="N60" s="3">
        <v>400.9</v>
      </c>
      <c r="O60" s="3">
        <v>321.27</v>
      </c>
      <c r="P60" s="3">
        <v>502.98</v>
      </c>
      <c r="Q60" s="3">
        <v>2282.17</v>
      </c>
      <c r="R60" s="3">
        <v>2282.17</v>
      </c>
      <c r="S60" s="3">
        <v>-1.85</v>
      </c>
      <c r="T60" s="3">
        <v>-0.49</v>
      </c>
      <c r="U60" s="3">
        <v>-0.09</v>
      </c>
      <c r="V60" s="3">
        <v>0.56000000000000005</v>
      </c>
      <c r="W60" s="3">
        <v>-0.02</v>
      </c>
      <c r="X60" s="3">
        <v>-0.19</v>
      </c>
      <c r="Y60" s="3">
        <v>-0.03</v>
      </c>
      <c r="Z60" s="3">
        <v>0.05</v>
      </c>
      <c r="AA60" s="4">
        <f t="shared" si="6"/>
        <v>0</v>
      </c>
      <c r="AB60" s="4">
        <f t="shared" si="9"/>
        <v>1.6</v>
      </c>
      <c r="AC60" s="3">
        <f t="shared" si="0"/>
        <v>-2.9600000000000004</v>
      </c>
      <c r="AD60" s="4">
        <f t="shared" si="2"/>
        <v>0</v>
      </c>
      <c r="AE60" s="3">
        <f t="shared" si="3"/>
        <v>-0.78400000000000003</v>
      </c>
      <c r="AF60" s="4">
        <f t="shared" si="8"/>
        <v>0</v>
      </c>
      <c r="AG60" s="3">
        <f t="shared" si="4"/>
        <v>-0.14399999999999999</v>
      </c>
      <c r="AH60" s="4">
        <f t="shared" si="5"/>
        <v>0</v>
      </c>
      <c r="AI60" s="3">
        <f t="shared" si="1"/>
        <v>0.56000000000000005</v>
      </c>
      <c r="AJ60" s="14"/>
      <c r="AK60" s="14"/>
    </row>
    <row r="61" spans="1:37">
      <c r="A61" s="3" t="s">
        <v>52</v>
      </c>
      <c r="B61" s="2">
        <v>0.42369212962962965</v>
      </c>
      <c r="C61" s="3">
        <v>233.31</v>
      </c>
      <c r="D61" s="3">
        <v>298.67</v>
      </c>
      <c r="E61" s="3">
        <v>327.72</v>
      </c>
      <c r="F61" s="3">
        <v>598.25</v>
      </c>
      <c r="G61" s="3">
        <v>397.06</v>
      </c>
      <c r="H61" s="3">
        <v>536.89</v>
      </c>
      <c r="I61" s="3">
        <v>207.16</v>
      </c>
      <c r="J61" s="3">
        <v>299.02999999999997</v>
      </c>
      <c r="K61" s="3">
        <v>201.9</v>
      </c>
      <c r="L61" s="3">
        <v>308.41000000000003</v>
      </c>
      <c r="M61" s="3">
        <v>249.79</v>
      </c>
      <c r="N61" s="3">
        <v>399.1</v>
      </c>
      <c r="O61" s="3">
        <v>325.64</v>
      </c>
      <c r="P61" s="3">
        <v>532.03</v>
      </c>
      <c r="Q61" s="3">
        <v>2282.2199999999998</v>
      </c>
      <c r="R61" s="3">
        <v>2282.2199999999998</v>
      </c>
      <c r="S61" s="3">
        <v>-1.45</v>
      </c>
      <c r="T61" s="3">
        <v>-0.33</v>
      </c>
      <c r="U61" s="3">
        <v>0.11</v>
      </c>
      <c r="V61" s="3">
        <v>0.66</v>
      </c>
      <c r="W61" s="3">
        <v>0.55000000000000004</v>
      </c>
      <c r="X61" s="3">
        <v>-0.14000000000000001</v>
      </c>
      <c r="Y61" s="3">
        <v>-0.01</v>
      </c>
      <c r="Z61" s="3">
        <v>7.0000000000000007E-2</v>
      </c>
      <c r="AA61" s="4">
        <f t="shared" si="6"/>
        <v>0</v>
      </c>
      <c r="AB61" s="4">
        <f t="shared" si="9"/>
        <v>1.6</v>
      </c>
      <c r="AC61" s="3">
        <f t="shared" si="0"/>
        <v>-2.3199999999999998</v>
      </c>
      <c r="AD61" s="4">
        <f t="shared" si="2"/>
        <v>0</v>
      </c>
      <c r="AE61" s="3">
        <f t="shared" si="3"/>
        <v>-0.52800000000000002</v>
      </c>
      <c r="AF61" s="4">
        <f t="shared" si="8"/>
        <v>0</v>
      </c>
      <c r="AG61" s="3">
        <f t="shared" si="4"/>
        <v>0.17600000000000002</v>
      </c>
      <c r="AH61" s="4">
        <f t="shared" si="5"/>
        <v>0</v>
      </c>
      <c r="AI61" s="3">
        <f t="shared" si="1"/>
        <v>0.66</v>
      </c>
      <c r="AJ61" s="14"/>
      <c r="AK61" s="14"/>
    </row>
    <row r="62" spans="1:37">
      <c r="A62" s="3" t="s">
        <v>52</v>
      </c>
      <c r="B62" s="2">
        <v>0.42438657407407404</v>
      </c>
      <c r="C62" s="3">
        <v>233.33</v>
      </c>
      <c r="D62" s="3">
        <v>299.67</v>
      </c>
      <c r="E62" s="3">
        <v>334.66</v>
      </c>
      <c r="F62" s="3">
        <v>600.48</v>
      </c>
      <c r="G62" s="3">
        <v>407.55</v>
      </c>
      <c r="H62" s="3">
        <v>562.04</v>
      </c>
      <c r="I62" s="3">
        <v>206.99</v>
      </c>
      <c r="J62" s="3">
        <v>300.02</v>
      </c>
      <c r="K62" s="3">
        <v>202.99</v>
      </c>
      <c r="L62" s="3">
        <v>312.89999999999998</v>
      </c>
      <c r="M62" s="3">
        <v>250.64</v>
      </c>
      <c r="N62" s="3">
        <v>410.82</v>
      </c>
      <c r="O62" s="3">
        <v>331.81</v>
      </c>
      <c r="P62" s="3">
        <v>561.24</v>
      </c>
      <c r="Q62" s="3">
        <v>2282.27</v>
      </c>
      <c r="R62" s="3">
        <v>2282.27</v>
      </c>
      <c r="S62" s="3">
        <v>-1.77</v>
      </c>
      <c r="T62" s="3">
        <v>-0.47</v>
      </c>
      <c r="U62" s="3">
        <v>-0.02</v>
      </c>
      <c r="V62" s="3">
        <v>0.62</v>
      </c>
      <c r="W62" s="3">
        <v>0.24</v>
      </c>
      <c r="X62" s="3">
        <v>-0.17</v>
      </c>
      <c r="Y62" s="3">
        <v>-0.02</v>
      </c>
      <c r="Z62" s="3">
        <v>0.06</v>
      </c>
      <c r="AA62" s="4">
        <f t="shared" si="6"/>
        <v>0</v>
      </c>
      <c r="AB62" s="4">
        <f t="shared" si="9"/>
        <v>1.6</v>
      </c>
      <c r="AC62" s="3">
        <f t="shared" si="0"/>
        <v>-2.8320000000000003</v>
      </c>
      <c r="AD62" s="4">
        <f t="shared" si="2"/>
        <v>0</v>
      </c>
      <c r="AE62" s="3">
        <f t="shared" si="3"/>
        <v>-0.752</v>
      </c>
      <c r="AF62" s="4">
        <f t="shared" si="8"/>
        <v>0</v>
      </c>
      <c r="AG62" s="3">
        <f t="shared" si="4"/>
        <v>-3.2000000000000001E-2</v>
      </c>
      <c r="AH62" s="4">
        <f t="shared" si="5"/>
        <v>0</v>
      </c>
      <c r="AI62" s="3">
        <f t="shared" si="1"/>
        <v>0.62</v>
      </c>
      <c r="AJ62" s="14"/>
      <c r="AK62" s="14"/>
    </row>
    <row r="63" spans="1:37">
      <c r="A63" s="3" t="s">
        <v>52</v>
      </c>
      <c r="B63" s="2">
        <v>0.42508101851851854</v>
      </c>
      <c r="C63" s="3">
        <v>236.19</v>
      </c>
      <c r="D63" s="3">
        <v>310.66000000000003</v>
      </c>
      <c r="E63" s="3">
        <v>341.16</v>
      </c>
      <c r="F63" s="3">
        <v>600.16999999999996</v>
      </c>
      <c r="G63" s="3">
        <v>420.6</v>
      </c>
      <c r="H63" s="3">
        <v>586.5</v>
      </c>
      <c r="I63" s="3">
        <v>207.13</v>
      </c>
      <c r="J63" s="3">
        <v>310.7</v>
      </c>
      <c r="K63" s="3">
        <v>203.88</v>
      </c>
      <c r="L63" s="3">
        <v>311.95</v>
      </c>
      <c r="M63" s="3">
        <v>251.55</v>
      </c>
      <c r="N63" s="3">
        <v>420.07</v>
      </c>
      <c r="O63" s="3">
        <v>340.42</v>
      </c>
      <c r="P63" s="3">
        <v>589.54999999999995</v>
      </c>
      <c r="Q63" s="3">
        <v>2282.34</v>
      </c>
      <c r="R63" s="3">
        <v>2282.34</v>
      </c>
      <c r="S63" s="3">
        <v>-1.58</v>
      </c>
      <c r="T63" s="3">
        <v>-0.39</v>
      </c>
      <c r="U63" s="3">
        <v>0.06</v>
      </c>
      <c r="V63" s="3">
        <v>0.66</v>
      </c>
      <c r="W63" s="3">
        <v>0.4</v>
      </c>
      <c r="X63" s="3">
        <v>-0.17</v>
      </c>
      <c r="Y63" s="3">
        <v>-0.02</v>
      </c>
      <c r="Z63" s="3">
        <v>7.0000000000000007E-2</v>
      </c>
      <c r="AA63" s="4">
        <f t="shared" si="6"/>
        <v>0</v>
      </c>
      <c r="AB63" s="4">
        <f t="shared" si="9"/>
        <v>1.6</v>
      </c>
      <c r="AC63" s="3">
        <f t="shared" si="0"/>
        <v>-2.5280000000000005</v>
      </c>
      <c r="AD63" s="4">
        <f t="shared" si="2"/>
        <v>0</v>
      </c>
      <c r="AE63" s="3">
        <f t="shared" si="3"/>
        <v>-0.62400000000000011</v>
      </c>
      <c r="AF63" s="4">
        <f t="shared" si="8"/>
        <v>0</v>
      </c>
      <c r="AG63" s="3">
        <f t="shared" si="4"/>
        <v>9.6000000000000002E-2</v>
      </c>
      <c r="AH63" s="4">
        <f t="shared" si="5"/>
        <v>0</v>
      </c>
      <c r="AI63" s="3">
        <f t="shared" si="1"/>
        <v>0.66</v>
      </c>
      <c r="AJ63" s="14"/>
      <c r="AK63" s="14"/>
    </row>
    <row r="64" spans="1:37">
      <c r="A64" s="3" t="s">
        <v>52</v>
      </c>
      <c r="B64" s="2">
        <v>0.42577546296296293</v>
      </c>
      <c r="C64" s="3">
        <v>239.55</v>
      </c>
      <c r="D64" s="3">
        <v>313.87</v>
      </c>
      <c r="E64" s="3">
        <v>347.81</v>
      </c>
      <c r="F64" s="3">
        <v>600.86</v>
      </c>
      <c r="G64" s="3">
        <v>434.56</v>
      </c>
      <c r="H64" s="3">
        <v>608.66</v>
      </c>
      <c r="I64" s="3">
        <v>207.11</v>
      </c>
      <c r="J64" s="3">
        <v>316.91000000000003</v>
      </c>
      <c r="K64" s="3">
        <v>204.91</v>
      </c>
      <c r="L64" s="3">
        <v>309.08</v>
      </c>
      <c r="M64" s="3">
        <v>252.99</v>
      </c>
      <c r="N64" s="3">
        <v>419.69</v>
      </c>
      <c r="O64" s="3">
        <v>351.28</v>
      </c>
      <c r="P64" s="3">
        <v>611</v>
      </c>
      <c r="Q64" s="3">
        <v>2282.38</v>
      </c>
      <c r="R64" s="3">
        <v>2282.38</v>
      </c>
      <c r="S64" s="3">
        <v>-1.78</v>
      </c>
      <c r="T64" s="3">
        <v>-0.48</v>
      </c>
      <c r="U64" s="3">
        <v>-0.02</v>
      </c>
      <c r="V64" s="3">
        <v>0.62</v>
      </c>
      <c r="W64" s="3">
        <v>0.24</v>
      </c>
      <c r="X64" s="3">
        <v>-0.17</v>
      </c>
      <c r="Y64" s="3">
        <v>-0.03</v>
      </c>
      <c r="Z64" s="3">
        <v>0.06</v>
      </c>
      <c r="AA64" s="4">
        <f t="shared" si="6"/>
        <v>0</v>
      </c>
      <c r="AB64" s="4">
        <f t="shared" si="9"/>
        <v>1.6</v>
      </c>
      <c r="AC64" s="3">
        <f t="shared" si="0"/>
        <v>-2.8480000000000003</v>
      </c>
      <c r="AD64" s="4">
        <f t="shared" si="2"/>
        <v>0</v>
      </c>
      <c r="AE64" s="3">
        <f t="shared" si="3"/>
        <v>-0.76800000000000002</v>
      </c>
      <c r="AF64" s="4">
        <f t="shared" si="8"/>
        <v>0</v>
      </c>
      <c r="AG64" s="3">
        <f t="shared" si="4"/>
        <v>-3.2000000000000001E-2</v>
      </c>
      <c r="AH64" s="4">
        <f t="shared" si="5"/>
        <v>0</v>
      </c>
      <c r="AI64" s="3">
        <f t="shared" si="1"/>
        <v>0.62</v>
      </c>
      <c r="AJ64" s="14"/>
      <c r="AK64" s="14"/>
    </row>
    <row r="65" spans="1:37">
      <c r="A65" s="3" t="s">
        <v>52</v>
      </c>
      <c r="B65" s="2">
        <v>0.42646990740740742</v>
      </c>
      <c r="C65" s="3">
        <v>241.49</v>
      </c>
      <c r="D65" s="3">
        <v>310.27</v>
      </c>
      <c r="E65" s="3">
        <v>353.02</v>
      </c>
      <c r="F65" s="3">
        <v>600.76</v>
      </c>
      <c r="G65" s="3">
        <v>446.17</v>
      </c>
      <c r="H65" s="3">
        <v>616.16999999999996</v>
      </c>
      <c r="I65" s="3">
        <v>207.2</v>
      </c>
      <c r="J65" s="3">
        <v>316.67</v>
      </c>
      <c r="K65" s="3">
        <v>206.03</v>
      </c>
      <c r="L65" s="3">
        <v>305.7</v>
      </c>
      <c r="M65" s="3">
        <v>255.48</v>
      </c>
      <c r="N65" s="3">
        <v>415.78</v>
      </c>
      <c r="O65" s="3">
        <v>363.34</v>
      </c>
      <c r="P65" s="3">
        <v>610.08000000000004</v>
      </c>
      <c r="Q65" s="3">
        <v>2282.4299999999998</v>
      </c>
      <c r="R65" s="3">
        <v>2282.4299999999998</v>
      </c>
      <c r="S65" s="3">
        <v>-2</v>
      </c>
      <c r="T65" s="3">
        <v>-0.56000000000000005</v>
      </c>
      <c r="U65" s="3">
        <v>-0.11</v>
      </c>
      <c r="V65" s="3">
        <v>0.56999999999999995</v>
      </c>
      <c r="W65" s="3">
        <v>-0.03</v>
      </c>
      <c r="X65" s="3">
        <v>-0.19</v>
      </c>
      <c r="Y65" s="3">
        <v>-0.05</v>
      </c>
      <c r="Z65" s="3">
        <v>0.05</v>
      </c>
      <c r="AA65" s="4">
        <f t="shared" si="6"/>
        <v>0</v>
      </c>
      <c r="AB65" s="4">
        <f t="shared" si="9"/>
        <v>1.6</v>
      </c>
      <c r="AC65" s="3">
        <f t="shared" si="0"/>
        <v>-3.2</v>
      </c>
      <c r="AD65" s="4">
        <f t="shared" si="2"/>
        <v>0</v>
      </c>
      <c r="AE65" s="3">
        <f t="shared" si="3"/>
        <v>-0.89600000000000013</v>
      </c>
      <c r="AF65" s="4">
        <f t="shared" si="8"/>
        <v>0</v>
      </c>
      <c r="AG65" s="3">
        <f t="shared" si="4"/>
        <v>-0.17600000000000002</v>
      </c>
      <c r="AH65" s="4">
        <f t="shared" si="5"/>
        <v>0</v>
      </c>
      <c r="AI65" s="3">
        <f t="shared" si="1"/>
        <v>0.56999999999999995</v>
      </c>
      <c r="AJ65" s="14"/>
      <c r="AK65" s="14"/>
    </row>
    <row r="66" spans="1:37">
      <c r="A66" s="3" t="s">
        <v>52</v>
      </c>
      <c r="B66" s="2">
        <v>0.42716435185185181</v>
      </c>
      <c r="C66" s="3">
        <v>241.67</v>
      </c>
      <c r="D66" s="3">
        <v>304.68</v>
      </c>
      <c r="E66" s="3">
        <v>357.16</v>
      </c>
      <c r="F66" s="3">
        <v>600.55999999999995</v>
      </c>
      <c r="G66" s="3">
        <v>452.31</v>
      </c>
      <c r="H66" s="3">
        <v>608.62</v>
      </c>
      <c r="I66" s="3">
        <v>207.2</v>
      </c>
      <c r="J66" s="3">
        <v>313.72000000000003</v>
      </c>
      <c r="K66" s="3">
        <v>206.61</v>
      </c>
      <c r="L66" s="3">
        <v>302.26</v>
      </c>
      <c r="M66" s="3">
        <v>255.32</v>
      </c>
      <c r="N66" s="3">
        <v>410.94</v>
      </c>
      <c r="O66" s="3">
        <v>374.82</v>
      </c>
      <c r="P66" s="3">
        <v>599.65</v>
      </c>
      <c r="Q66" s="3">
        <v>2282.5</v>
      </c>
      <c r="R66" s="3">
        <v>2282.5</v>
      </c>
      <c r="S66" s="3">
        <v>-1.9</v>
      </c>
      <c r="T66" s="3">
        <v>-0.52</v>
      </c>
      <c r="U66" s="3">
        <v>-0.06</v>
      </c>
      <c r="V66" s="3">
        <v>0.62</v>
      </c>
      <c r="W66" s="3">
        <v>0.06</v>
      </c>
      <c r="X66" s="3">
        <v>-0.18</v>
      </c>
      <c r="Y66" s="3">
        <v>-0.04</v>
      </c>
      <c r="Z66" s="3">
        <v>0.04</v>
      </c>
      <c r="AA66" s="4">
        <f t="shared" si="6"/>
        <v>0</v>
      </c>
      <c r="AB66" s="4">
        <f t="shared" si="9"/>
        <v>1.6</v>
      </c>
      <c r="AC66" s="3">
        <f t="shared" si="0"/>
        <v>-3.04</v>
      </c>
      <c r="AD66" s="4">
        <f t="shared" si="2"/>
        <v>0</v>
      </c>
      <c r="AE66" s="3">
        <f t="shared" si="3"/>
        <v>-0.83200000000000007</v>
      </c>
      <c r="AF66" s="4">
        <f t="shared" si="8"/>
        <v>0</v>
      </c>
      <c r="AG66" s="3">
        <f t="shared" si="4"/>
        <v>-9.6000000000000002E-2</v>
      </c>
      <c r="AH66" s="4">
        <f t="shared" si="5"/>
        <v>0</v>
      </c>
      <c r="AI66" s="3">
        <f t="shared" si="1"/>
        <v>0.62</v>
      </c>
      <c r="AJ66" s="14"/>
      <c r="AK66" s="14"/>
    </row>
    <row r="67" spans="1:37">
      <c r="A67" s="3" t="s">
        <v>52</v>
      </c>
      <c r="B67" s="2">
        <v>0.42785879629629631</v>
      </c>
      <c r="C67" s="3">
        <v>240.39</v>
      </c>
      <c r="D67" s="3">
        <v>298.81</v>
      </c>
      <c r="E67" s="3">
        <v>361.62</v>
      </c>
      <c r="F67" s="3">
        <v>601.39</v>
      </c>
      <c r="G67" s="3">
        <v>454.65</v>
      </c>
      <c r="H67" s="3">
        <v>597.22</v>
      </c>
      <c r="I67" s="3">
        <v>206.64</v>
      </c>
      <c r="J67" s="3">
        <v>309.83</v>
      </c>
      <c r="K67" s="3">
        <v>207.11</v>
      </c>
      <c r="L67" s="3">
        <v>299.07</v>
      </c>
      <c r="M67" s="3">
        <v>254.7</v>
      </c>
      <c r="N67" s="3">
        <v>405.95</v>
      </c>
      <c r="O67" s="3">
        <v>384.61</v>
      </c>
      <c r="P67" s="3">
        <v>598.22</v>
      </c>
      <c r="Q67" s="3">
        <v>2282.5500000000002</v>
      </c>
      <c r="R67" s="3">
        <v>2282.5500000000002</v>
      </c>
      <c r="S67" s="3">
        <v>-1.99</v>
      </c>
      <c r="T67" s="3">
        <v>-0.55000000000000004</v>
      </c>
      <c r="U67" s="3">
        <v>-0.1</v>
      </c>
      <c r="V67" s="3">
        <v>0.61</v>
      </c>
      <c r="W67" s="3">
        <v>-0.01</v>
      </c>
      <c r="X67" s="3">
        <v>-0.22</v>
      </c>
      <c r="Y67" s="3">
        <v>-0.05</v>
      </c>
      <c r="Z67" s="3">
        <v>0.06</v>
      </c>
      <c r="AA67" s="4">
        <f t="shared" si="6"/>
        <v>0</v>
      </c>
      <c r="AB67" s="4">
        <f t="shared" si="9"/>
        <v>1.6</v>
      </c>
      <c r="AC67" s="3">
        <f t="shared" ref="AC67:AC130" si="10">S67*AB67+AA67</f>
        <v>-3.1840000000000002</v>
      </c>
      <c r="AD67" s="4">
        <f t="shared" si="2"/>
        <v>0</v>
      </c>
      <c r="AE67" s="3">
        <f t="shared" ref="AE67:AE130" si="11">T67*AB67+AD67</f>
        <v>-0.88000000000000012</v>
      </c>
      <c r="AF67" s="4">
        <f t="shared" si="8"/>
        <v>0</v>
      </c>
      <c r="AG67" s="3">
        <f t="shared" si="4"/>
        <v>-0.16000000000000003</v>
      </c>
      <c r="AH67" s="4">
        <f t="shared" si="5"/>
        <v>0</v>
      </c>
      <c r="AI67" s="3">
        <f t="shared" ref="AI67:AI130" si="12">AH67*AB67+V67</f>
        <v>0.61</v>
      </c>
      <c r="AJ67" s="14"/>
      <c r="AK67" s="14"/>
    </row>
    <row r="68" spans="1:37">
      <c r="A68" s="3" t="s">
        <v>52</v>
      </c>
      <c r="B68" s="2">
        <v>0.42856481481481484</v>
      </c>
      <c r="C68" s="3">
        <v>240.14</v>
      </c>
      <c r="D68" s="3">
        <v>299.49</v>
      </c>
      <c r="E68" s="3">
        <v>365.59</v>
      </c>
      <c r="F68" s="3">
        <v>600.86</v>
      </c>
      <c r="G68" s="3">
        <v>456.47</v>
      </c>
      <c r="H68" s="3">
        <v>595.34</v>
      </c>
      <c r="I68" s="3">
        <v>206.23</v>
      </c>
      <c r="J68" s="3">
        <v>305.68</v>
      </c>
      <c r="K68" s="3">
        <v>207.15</v>
      </c>
      <c r="L68" s="3">
        <v>301.69</v>
      </c>
      <c r="M68" s="3">
        <v>254.62</v>
      </c>
      <c r="N68" s="3">
        <v>401.14</v>
      </c>
      <c r="O68" s="3">
        <v>393.38</v>
      </c>
      <c r="P68" s="3">
        <v>606.91999999999996</v>
      </c>
      <c r="Q68" s="3">
        <v>2282.6</v>
      </c>
      <c r="R68" s="3">
        <v>2282.6</v>
      </c>
      <c r="S68" s="3">
        <v>-2.0499999999999998</v>
      </c>
      <c r="T68" s="3">
        <v>-0.57999999999999996</v>
      </c>
      <c r="U68" s="3">
        <v>-0.12</v>
      </c>
      <c r="V68" s="3">
        <v>0.59</v>
      </c>
      <c r="W68" s="3">
        <v>-0.08</v>
      </c>
      <c r="X68" s="3">
        <v>-0.19</v>
      </c>
      <c r="Y68" s="3">
        <v>-0.05</v>
      </c>
      <c r="Z68" s="3">
        <v>0.04</v>
      </c>
      <c r="AA68" s="4">
        <f t="shared" si="6"/>
        <v>0</v>
      </c>
      <c r="AB68" s="4">
        <f t="shared" si="9"/>
        <v>1.6</v>
      </c>
      <c r="AC68" s="3">
        <f t="shared" si="10"/>
        <v>-3.28</v>
      </c>
      <c r="AD68" s="4">
        <f t="shared" ref="AD68:AD131" si="13">AD67</f>
        <v>0</v>
      </c>
      <c r="AE68" s="3">
        <f t="shared" si="11"/>
        <v>-0.92799999999999994</v>
      </c>
      <c r="AF68" s="4">
        <f t="shared" si="8"/>
        <v>0</v>
      </c>
      <c r="AG68" s="3">
        <f t="shared" ref="AG68:AG131" si="14">U68*AB68+AF68</f>
        <v>-0.192</v>
      </c>
      <c r="AH68" s="4">
        <f t="shared" ref="AH68:AH131" si="15">AH67</f>
        <v>0</v>
      </c>
      <c r="AI68" s="3">
        <f t="shared" si="12"/>
        <v>0.59</v>
      </c>
      <c r="AJ68" s="14"/>
      <c r="AK68" s="14"/>
    </row>
    <row r="69" spans="1:37">
      <c r="A69" s="3" t="s">
        <v>52</v>
      </c>
      <c r="B69" s="2">
        <v>0.42925925925925923</v>
      </c>
      <c r="C69" s="3">
        <v>241.59</v>
      </c>
      <c r="D69" s="3">
        <v>310.39</v>
      </c>
      <c r="E69" s="3">
        <v>369.02</v>
      </c>
      <c r="F69" s="3">
        <v>600.72</v>
      </c>
      <c r="G69" s="3">
        <v>461.38</v>
      </c>
      <c r="H69" s="3">
        <v>608.51</v>
      </c>
      <c r="I69" s="3">
        <v>205.68</v>
      </c>
      <c r="J69" s="3">
        <v>301.52999999999997</v>
      </c>
      <c r="K69" s="3">
        <v>207.68</v>
      </c>
      <c r="L69" s="3">
        <v>310.39</v>
      </c>
      <c r="M69" s="3">
        <v>255.03</v>
      </c>
      <c r="N69" s="3">
        <v>398.66</v>
      </c>
      <c r="O69" s="3">
        <v>401.64</v>
      </c>
      <c r="P69" s="3">
        <v>600.69000000000005</v>
      </c>
      <c r="Q69" s="3">
        <v>2282.65</v>
      </c>
      <c r="R69" s="3">
        <v>2282.65</v>
      </c>
      <c r="S69" s="3">
        <v>-1.98</v>
      </c>
      <c r="T69" s="3">
        <v>-0.55000000000000004</v>
      </c>
      <c r="U69" s="3">
        <v>-0.08</v>
      </c>
      <c r="V69" s="3">
        <v>0.62</v>
      </c>
      <c r="W69" s="3">
        <v>0.02</v>
      </c>
      <c r="X69" s="3">
        <v>-0.18</v>
      </c>
      <c r="Y69" s="3">
        <v>-0.04</v>
      </c>
      <c r="Z69" s="3">
        <v>0.04</v>
      </c>
      <c r="AA69" s="4">
        <f t="shared" ref="AA69:AA132" si="16">AA68</f>
        <v>0</v>
      </c>
      <c r="AB69" s="4">
        <f t="shared" si="9"/>
        <v>1.6</v>
      </c>
      <c r="AC69" s="3">
        <f t="shared" si="10"/>
        <v>-3.1680000000000001</v>
      </c>
      <c r="AD69" s="4">
        <f t="shared" si="13"/>
        <v>0</v>
      </c>
      <c r="AE69" s="3">
        <f t="shared" si="11"/>
        <v>-0.88000000000000012</v>
      </c>
      <c r="AF69" s="4">
        <f t="shared" ref="AF69:AF132" si="17">AF68</f>
        <v>0</v>
      </c>
      <c r="AG69" s="3">
        <f t="shared" si="14"/>
        <v>-0.128</v>
      </c>
      <c r="AH69" s="4">
        <f t="shared" si="15"/>
        <v>0</v>
      </c>
      <c r="AI69" s="3">
        <f t="shared" si="12"/>
        <v>0.62</v>
      </c>
      <c r="AJ69" s="14"/>
      <c r="AK69" s="14"/>
    </row>
    <row r="70" spans="1:37">
      <c r="A70" s="3" t="s">
        <v>52</v>
      </c>
      <c r="B70" s="2">
        <v>0.42995370370370373</v>
      </c>
      <c r="C70" s="3">
        <v>243.31</v>
      </c>
      <c r="D70" s="3">
        <v>313.99</v>
      </c>
      <c r="E70" s="3">
        <v>372.29</v>
      </c>
      <c r="F70" s="3">
        <v>601.45000000000005</v>
      </c>
      <c r="G70" s="3">
        <v>465.98</v>
      </c>
      <c r="H70" s="3">
        <v>612.42999999999995</v>
      </c>
      <c r="I70" s="3">
        <v>205.23</v>
      </c>
      <c r="J70" s="3">
        <v>298.27999999999997</v>
      </c>
      <c r="K70" s="3">
        <v>207.87</v>
      </c>
      <c r="L70" s="3">
        <v>313</v>
      </c>
      <c r="M70" s="3">
        <v>256.39</v>
      </c>
      <c r="N70" s="3">
        <v>410.22</v>
      </c>
      <c r="O70" s="3">
        <v>408.5</v>
      </c>
      <c r="P70" s="3">
        <v>589.42999999999995</v>
      </c>
      <c r="Q70" s="3">
        <v>2282.71</v>
      </c>
      <c r="R70" s="3">
        <v>2282.71</v>
      </c>
      <c r="S70" s="3">
        <v>-1.96</v>
      </c>
      <c r="T70" s="3">
        <v>-0.53</v>
      </c>
      <c r="U70" s="3">
        <v>-0.06</v>
      </c>
      <c r="V70" s="3">
        <v>0.63</v>
      </c>
      <c r="W70" s="3">
        <v>0.06</v>
      </c>
      <c r="X70" s="3">
        <v>-0.19</v>
      </c>
      <c r="Y70" s="3">
        <v>-0.05</v>
      </c>
      <c r="Z70" s="3">
        <v>0.05</v>
      </c>
      <c r="AA70" s="4">
        <f t="shared" si="16"/>
        <v>0</v>
      </c>
      <c r="AB70" s="4">
        <f t="shared" si="9"/>
        <v>1.6</v>
      </c>
      <c r="AC70" s="3">
        <f t="shared" si="10"/>
        <v>-3.1360000000000001</v>
      </c>
      <c r="AD70" s="4">
        <f t="shared" si="13"/>
        <v>0</v>
      </c>
      <c r="AE70" s="3">
        <f t="shared" si="11"/>
        <v>-0.84800000000000009</v>
      </c>
      <c r="AF70" s="4">
        <f t="shared" si="17"/>
        <v>0</v>
      </c>
      <c r="AG70" s="3">
        <f t="shared" si="14"/>
        <v>-9.6000000000000002E-2</v>
      </c>
      <c r="AH70" s="4">
        <f t="shared" si="15"/>
        <v>0</v>
      </c>
      <c r="AI70" s="3">
        <f t="shared" si="12"/>
        <v>0.63</v>
      </c>
      <c r="AJ70" s="14"/>
      <c r="AK70" s="14"/>
    </row>
    <row r="71" spans="1:37">
      <c r="A71" s="3" t="s">
        <v>52</v>
      </c>
      <c r="B71" s="2">
        <v>0.43064814814814811</v>
      </c>
      <c r="C71" s="3">
        <v>243.28</v>
      </c>
      <c r="D71" s="3">
        <v>310.67</v>
      </c>
      <c r="E71" s="3">
        <v>375.36</v>
      </c>
      <c r="F71" s="3">
        <v>600.85</v>
      </c>
      <c r="G71" s="3">
        <v>467.28</v>
      </c>
      <c r="H71" s="3">
        <v>604.73</v>
      </c>
      <c r="I71" s="3">
        <v>204.83</v>
      </c>
      <c r="J71" s="3">
        <v>303.64999999999998</v>
      </c>
      <c r="K71" s="3">
        <v>208.59</v>
      </c>
      <c r="L71" s="3">
        <v>311.42</v>
      </c>
      <c r="M71" s="3">
        <v>257.31</v>
      </c>
      <c r="N71" s="3">
        <v>420.84</v>
      </c>
      <c r="O71" s="3">
        <v>413.95</v>
      </c>
      <c r="P71" s="3">
        <v>577.12</v>
      </c>
      <c r="Q71" s="3">
        <v>2282.7600000000002</v>
      </c>
      <c r="R71" s="3">
        <v>2282.7600000000002</v>
      </c>
      <c r="S71" s="3">
        <v>-1.76</v>
      </c>
      <c r="T71" s="3">
        <v>-0.44</v>
      </c>
      <c r="U71" s="3">
        <v>0.03</v>
      </c>
      <c r="V71" s="3">
        <v>0.66</v>
      </c>
      <c r="W71" s="3">
        <v>0.28999999999999998</v>
      </c>
      <c r="X71" s="3">
        <v>-0.17</v>
      </c>
      <c r="Y71" s="3">
        <v>-0.03</v>
      </c>
      <c r="Z71" s="3">
        <v>0.04</v>
      </c>
      <c r="AA71" s="4">
        <f t="shared" si="16"/>
        <v>0</v>
      </c>
      <c r="AB71" s="4">
        <f t="shared" si="9"/>
        <v>1.6</v>
      </c>
      <c r="AC71" s="3">
        <f t="shared" si="10"/>
        <v>-2.8160000000000003</v>
      </c>
      <c r="AD71" s="4">
        <f t="shared" si="13"/>
        <v>0</v>
      </c>
      <c r="AE71" s="3">
        <f t="shared" si="11"/>
        <v>-0.70400000000000007</v>
      </c>
      <c r="AF71" s="4">
        <f t="shared" si="17"/>
        <v>0</v>
      </c>
      <c r="AG71" s="3">
        <f t="shared" si="14"/>
        <v>4.8000000000000001E-2</v>
      </c>
      <c r="AH71" s="4">
        <f t="shared" si="15"/>
        <v>0</v>
      </c>
      <c r="AI71" s="3">
        <f t="shared" si="12"/>
        <v>0.66</v>
      </c>
      <c r="AJ71" s="14"/>
      <c r="AK71" s="14"/>
    </row>
    <row r="72" spans="1:37">
      <c r="A72" s="3" t="s">
        <v>52</v>
      </c>
      <c r="B72" s="2">
        <v>0.43134259259259261</v>
      </c>
      <c r="C72" s="3">
        <v>242.2</v>
      </c>
      <c r="D72" s="3">
        <v>305.27999999999997</v>
      </c>
      <c r="E72" s="3">
        <v>377.96</v>
      </c>
      <c r="F72" s="3">
        <v>600.89</v>
      </c>
      <c r="G72" s="3">
        <v>466.82</v>
      </c>
      <c r="H72" s="3">
        <v>595.38</v>
      </c>
      <c r="I72" s="3">
        <v>204.97</v>
      </c>
      <c r="J72" s="3">
        <v>314.05</v>
      </c>
      <c r="K72" s="3">
        <v>210.08</v>
      </c>
      <c r="L72" s="3">
        <v>308.5</v>
      </c>
      <c r="M72" s="3">
        <v>258.17</v>
      </c>
      <c r="N72" s="3">
        <v>421.3</v>
      </c>
      <c r="O72" s="3">
        <v>417.63</v>
      </c>
      <c r="P72" s="3">
        <v>573.14</v>
      </c>
      <c r="Q72" s="3">
        <v>2282.8000000000002</v>
      </c>
      <c r="R72" s="3">
        <v>2282.8000000000002</v>
      </c>
      <c r="S72" s="3">
        <v>-2.0099999999999998</v>
      </c>
      <c r="T72" s="3">
        <v>-0.54</v>
      </c>
      <c r="U72" s="3">
        <v>-0.08</v>
      </c>
      <c r="V72" s="3">
        <v>0.6</v>
      </c>
      <c r="W72" s="3">
        <v>-0.01</v>
      </c>
      <c r="X72" s="3">
        <v>-0.18</v>
      </c>
      <c r="Y72" s="3">
        <v>-0.05</v>
      </c>
      <c r="Z72" s="3">
        <v>-0.04</v>
      </c>
      <c r="AA72" s="4">
        <f t="shared" si="16"/>
        <v>0</v>
      </c>
      <c r="AB72" s="4">
        <f t="shared" si="9"/>
        <v>1.6</v>
      </c>
      <c r="AC72" s="3">
        <f t="shared" si="10"/>
        <v>-3.2159999999999997</v>
      </c>
      <c r="AD72" s="4">
        <f t="shared" si="13"/>
        <v>0</v>
      </c>
      <c r="AE72" s="3">
        <f t="shared" si="11"/>
        <v>-0.8640000000000001</v>
      </c>
      <c r="AF72" s="4">
        <f t="shared" si="17"/>
        <v>0</v>
      </c>
      <c r="AG72" s="3">
        <f t="shared" si="14"/>
        <v>-0.128</v>
      </c>
      <c r="AH72" s="4">
        <f t="shared" si="15"/>
        <v>0</v>
      </c>
      <c r="AI72" s="3">
        <f t="shared" si="12"/>
        <v>0.6</v>
      </c>
      <c r="AJ72" s="14"/>
      <c r="AK72" s="14"/>
    </row>
    <row r="73" spans="1:37">
      <c r="A73" s="3" t="s">
        <v>52</v>
      </c>
      <c r="B73" s="2">
        <v>0.43203703703703705</v>
      </c>
      <c r="C73" s="3">
        <v>240.57</v>
      </c>
      <c r="D73" s="3">
        <v>299.5</v>
      </c>
      <c r="E73" s="3">
        <v>380.61</v>
      </c>
      <c r="F73" s="3">
        <v>601.41999999999996</v>
      </c>
      <c r="G73" s="3">
        <v>468.04</v>
      </c>
      <c r="H73" s="3">
        <v>600.19000000000005</v>
      </c>
      <c r="I73" s="3">
        <v>205.03</v>
      </c>
      <c r="J73" s="3">
        <v>317.33999999999997</v>
      </c>
      <c r="K73" s="3">
        <v>211.03</v>
      </c>
      <c r="L73" s="3">
        <v>305.20999999999998</v>
      </c>
      <c r="M73" s="3">
        <v>259.58</v>
      </c>
      <c r="N73" s="3">
        <v>417.68</v>
      </c>
      <c r="O73" s="3">
        <v>420.95</v>
      </c>
      <c r="P73" s="3">
        <v>590.54</v>
      </c>
      <c r="Q73" s="3">
        <v>2282.84</v>
      </c>
      <c r="R73" s="3">
        <v>2282.84</v>
      </c>
      <c r="S73" s="3">
        <v>-2.06</v>
      </c>
      <c r="T73" s="3">
        <v>-0.55000000000000004</v>
      </c>
      <c r="U73" s="3">
        <v>-0.09</v>
      </c>
      <c r="V73" s="3">
        <v>0.59</v>
      </c>
      <c r="W73" s="3">
        <v>-0.05</v>
      </c>
      <c r="X73" s="3">
        <v>-0.18</v>
      </c>
      <c r="Y73" s="3">
        <v>-0.05</v>
      </c>
      <c r="Z73" s="3">
        <v>0</v>
      </c>
      <c r="AA73" s="4">
        <f t="shared" si="16"/>
        <v>0</v>
      </c>
      <c r="AB73" s="4">
        <f t="shared" si="9"/>
        <v>1.6</v>
      </c>
      <c r="AC73" s="3">
        <f t="shared" si="10"/>
        <v>-3.2960000000000003</v>
      </c>
      <c r="AD73" s="4">
        <f t="shared" si="13"/>
        <v>0</v>
      </c>
      <c r="AE73" s="3">
        <f t="shared" si="11"/>
        <v>-0.88000000000000012</v>
      </c>
      <c r="AF73" s="4">
        <f t="shared" si="17"/>
        <v>0</v>
      </c>
      <c r="AG73" s="3">
        <f t="shared" si="14"/>
        <v>-0.14399999999999999</v>
      </c>
      <c r="AH73" s="4">
        <f t="shared" si="15"/>
        <v>0</v>
      </c>
      <c r="AI73" s="3">
        <f t="shared" si="12"/>
        <v>0.59</v>
      </c>
      <c r="AJ73" s="14"/>
      <c r="AK73" s="14"/>
    </row>
    <row r="74" spans="1:37">
      <c r="A74" s="3" t="s">
        <v>52</v>
      </c>
      <c r="B74" s="2">
        <v>0.43273148148148149</v>
      </c>
      <c r="C74" s="3">
        <v>239.94</v>
      </c>
      <c r="D74" s="3">
        <v>298.98</v>
      </c>
      <c r="E74" s="3">
        <v>383.13</v>
      </c>
      <c r="F74" s="3">
        <v>600.79999999999995</v>
      </c>
      <c r="G74" s="3">
        <v>472.01</v>
      </c>
      <c r="H74" s="3">
        <v>612.51</v>
      </c>
      <c r="I74" s="3">
        <v>205.11</v>
      </c>
      <c r="J74" s="3">
        <v>315.89</v>
      </c>
      <c r="K74" s="3">
        <v>211.39</v>
      </c>
      <c r="L74" s="3">
        <v>301.94</v>
      </c>
      <c r="M74" s="3">
        <v>259.61</v>
      </c>
      <c r="N74" s="3">
        <v>413.08</v>
      </c>
      <c r="O74" s="3">
        <v>425.41</v>
      </c>
      <c r="P74" s="3">
        <v>610.42999999999995</v>
      </c>
      <c r="Q74" s="3">
        <v>2282.9</v>
      </c>
      <c r="R74" s="3">
        <v>2282.9</v>
      </c>
      <c r="S74" s="3">
        <v>-2.02</v>
      </c>
      <c r="T74" s="3">
        <v>-0.54</v>
      </c>
      <c r="U74" s="3">
        <v>-0.06</v>
      </c>
      <c r="V74" s="3">
        <v>0.6</v>
      </c>
      <c r="W74" s="3">
        <v>-0.02</v>
      </c>
      <c r="X74" s="3">
        <v>-0.24</v>
      </c>
      <c r="Y74" s="3">
        <v>-0.04</v>
      </c>
      <c r="Z74" s="3">
        <v>7.0000000000000007E-2</v>
      </c>
      <c r="AA74" s="4">
        <f t="shared" si="16"/>
        <v>0</v>
      </c>
      <c r="AB74" s="4">
        <f t="shared" si="9"/>
        <v>1.6</v>
      </c>
      <c r="AC74" s="3">
        <f t="shared" si="10"/>
        <v>-3.2320000000000002</v>
      </c>
      <c r="AD74" s="4">
        <f t="shared" si="13"/>
        <v>0</v>
      </c>
      <c r="AE74" s="3">
        <f t="shared" si="11"/>
        <v>-0.8640000000000001</v>
      </c>
      <c r="AF74" s="4">
        <f t="shared" si="17"/>
        <v>0</v>
      </c>
      <c r="AG74" s="3">
        <f t="shared" si="14"/>
        <v>-9.6000000000000002E-2</v>
      </c>
      <c r="AH74" s="4">
        <f t="shared" si="15"/>
        <v>0</v>
      </c>
      <c r="AI74" s="3">
        <f t="shared" si="12"/>
        <v>0.6</v>
      </c>
      <c r="AJ74" s="14"/>
      <c r="AK74" s="14"/>
    </row>
    <row r="75" spans="1:37">
      <c r="A75" s="3" t="s">
        <v>52</v>
      </c>
      <c r="B75" s="2">
        <v>0.43342592592592594</v>
      </c>
      <c r="C75" s="3">
        <v>240.93</v>
      </c>
      <c r="D75" s="3">
        <v>309.58</v>
      </c>
      <c r="E75" s="3">
        <v>385.43</v>
      </c>
      <c r="F75" s="3">
        <v>600.99</v>
      </c>
      <c r="G75" s="3">
        <v>474.2</v>
      </c>
      <c r="H75" s="3">
        <v>610.73</v>
      </c>
      <c r="I75" s="3">
        <v>204.69</v>
      </c>
      <c r="J75" s="3">
        <v>312.62</v>
      </c>
      <c r="K75" s="3">
        <v>211.33</v>
      </c>
      <c r="L75" s="3">
        <v>299.01</v>
      </c>
      <c r="M75" s="3">
        <v>259.07</v>
      </c>
      <c r="N75" s="3">
        <v>408.29</v>
      </c>
      <c r="O75" s="3">
        <v>431.11</v>
      </c>
      <c r="P75" s="3">
        <v>611</v>
      </c>
      <c r="Q75" s="3">
        <v>2282.94</v>
      </c>
      <c r="R75" s="3">
        <v>2282.94</v>
      </c>
      <c r="S75" s="3">
        <v>-2.16</v>
      </c>
      <c r="T75" s="3">
        <v>-0.57999999999999996</v>
      </c>
      <c r="U75" s="3">
        <v>-0.12</v>
      </c>
      <c r="V75" s="3">
        <v>0.56000000000000005</v>
      </c>
      <c r="W75" s="3">
        <v>-0.16</v>
      </c>
      <c r="X75" s="3">
        <v>-0.22</v>
      </c>
      <c r="Y75" s="3">
        <v>-0.04</v>
      </c>
      <c r="Z75" s="3">
        <v>0.04</v>
      </c>
      <c r="AA75" s="4">
        <f t="shared" si="16"/>
        <v>0</v>
      </c>
      <c r="AB75" s="4">
        <f t="shared" si="9"/>
        <v>1.6</v>
      </c>
      <c r="AC75" s="3">
        <f t="shared" si="10"/>
        <v>-3.4560000000000004</v>
      </c>
      <c r="AD75" s="4">
        <f t="shared" si="13"/>
        <v>0</v>
      </c>
      <c r="AE75" s="3">
        <f t="shared" si="11"/>
        <v>-0.92799999999999994</v>
      </c>
      <c r="AF75" s="4">
        <f t="shared" si="17"/>
        <v>0</v>
      </c>
      <c r="AG75" s="3">
        <f t="shared" si="14"/>
        <v>-0.192</v>
      </c>
      <c r="AH75" s="4">
        <f t="shared" si="15"/>
        <v>0</v>
      </c>
      <c r="AI75" s="3">
        <f t="shared" si="12"/>
        <v>0.56000000000000005</v>
      </c>
      <c r="AJ75" s="14"/>
      <c r="AK75" s="14"/>
    </row>
    <row r="76" spans="1:37">
      <c r="A76" s="3" t="s">
        <v>52</v>
      </c>
      <c r="B76" s="2">
        <v>0.43413194444444447</v>
      </c>
      <c r="C76" s="3">
        <v>241.77</v>
      </c>
      <c r="D76" s="3">
        <v>314.11</v>
      </c>
      <c r="E76" s="3">
        <v>387.68</v>
      </c>
      <c r="F76" s="3">
        <v>601.54</v>
      </c>
      <c r="G76" s="3">
        <v>474.16</v>
      </c>
      <c r="H76" s="3">
        <v>601.58000000000004</v>
      </c>
      <c r="I76" s="3">
        <v>204.52</v>
      </c>
      <c r="J76" s="3">
        <v>308.74</v>
      </c>
      <c r="K76" s="3">
        <v>211.65</v>
      </c>
      <c r="L76" s="3">
        <v>302.38</v>
      </c>
      <c r="M76" s="3">
        <v>259.06</v>
      </c>
      <c r="N76" s="3">
        <v>403.58</v>
      </c>
      <c r="O76" s="3">
        <v>436.51</v>
      </c>
      <c r="P76" s="3">
        <v>602.67999999999995</v>
      </c>
      <c r="Q76" s="3">
        <v>2282.98</v>
      </c>
      <c r="R76" s="3">
        <v>2282.98</v>
      </c>
      <c r="S76" s="3">
        <v>-2.1800000000000002</v>
      </c>
      <c r="T76" s="3">
        <v>-0.59</v>
      </c>
      <c r="U76" s="3">
        <v>-0.12</v>
      </c>
      <c r="V76" s="3">
        <v>0.56000000000000005</v>
      </c>
      <c r="W76" s="3">
        <v>-0.16</v>
      </c>
      <c r="X76" s="3">
        <v>-0.2</v>
      </c>
      <c r="Y76" s="3">
        <v>-0.04</v>
      </c>
      <c r="Z76" s="3">
        <v>0.03</v>
      </c>
      <c r="AA76" s="4">
        <f t="shared" si="16"/>
        <v>0</v>
      </c>
      <c r="AB76" s="4">
        <f t="shared" si="9"/>
        <v>1.6</v>
      </c>
      <c r="AC76" s="3">
        <f t="shared" si="10"/>
        <v>-3.4880000000000004</v>
      </c>
      <c r="AD76" s="4">
        <f t="shared" si="13"/>
        <v>0</v>
      </c>
      <c r="AE76" s="3">
        <f t="shared" si="11"/>
        <v>-0.94399999999999995</v>
      </c>
      <c r="AF76" s="4">
        <f t="shared" si="17"/>
        <v>0</v>
      </c>
      <c r="AG76" s="3">
        <f t="shared" si="14"/>
        <v>-0.192</v>
      </c>
      <c r="AH76" s="4">
        <f t="shared" si="15"/>
        <v>0</v>
      </c>
      <c r="AI76" s="3">
        <f t="shared" si="12"/>
        <v>0.56000000000000005</v>
      </c>
      <c r="AJ76" s="14"/>
      <c r="AK76" s="14"/>
    </row>
    <row r="77" spans="1:37">
      <c r="A77" s="3" t="s">
        <v>52</v>
      </c>
      <c r="B77" s="2">
        <v>0.43482638888888886</v>
      </c>
      <c r="C77" s="3">
        <v>241.43</v>
      </c>
      <c r="D77" s="3">
        <v>311.3</v>
      </c>
      <c r="E77" s="3">
        <v>389.97</v>
      </c>
      <c r="F77" s="3">
        <v>601.16999999999996</v>
      </c>
      <c r="G77" s="3">
        <v>473.14</v>
      </c>
      <c r="H77" s="3">
        <v>594.77</v>
      </c>
      <c r="I77" s="3">
        <v>204.12</v>
      </c>
      <c r="J77" s="3">
        <v>304.74</v>
      </c>
      <c r="K77" s="3">
        <v>211.93</v>
      </c>
      <c r="L77" s="3">
        <v>310.7</v>
      </c>
      <c r="M77" s="3">
        <v>258.52999999999997</v>
      </c>
      <c r="N77" s="3">
        <v>399.39</v>
      </c>
      <c r="O77" s="3">
        <v>440.93</v>
      </c>
      <c r="P77" s="3">
        <v>597.6</v>
      </c>
      <c r="Q77" s="3">
        <v>2283.0100000000002</v>
      </c>
      <c r="R77" s="3">
        <v>2283.0100000000002</v>
      </c>
      <c r="S77" s="3">
        <v>-2.1800000000000002</v>
      </c>
      <c r="T77" s="3">
        <v>-0.59</v>
      </c>
      <c r="U77" s="3">
        <v>-0.12</v>
      </c>
      <c r="V77" s="3">
        <v>0.56999999999999995</v>
      </c>
      <c r="W77" s="3">
        <v>-0.17</v>
      </c>
      <c r="X77" s="3">
        <v>-0.25</v>
      </c>
      <c r="Y77" s="3">
        <v>-0.03</v>
      </c>
      <c r="Z77" s="3">
        <v>7.0000000000000007E-2</v>
      </c>
      <c r="AA77" s="4">
        <f t="shared" si="16"/>
        <v>0</v>
      </c>
      <c r="AB77" s="4">
        <f t="shared" si="9"/>
        <v>1.6</v>
      </c>
      <c r="AC77" s="3">
        <f t="shared" si="10"/>
        <v>-3.4880000000000004</v>
      </c>
      <c r="AD77" s="4">
        <f t="shared" si="13"/>
        <v>0</v>
      </c>
      <c r="AE77" s="3">
        <f t="shared" si="11"/>
        <v>-0.94399999999999995</v>
      </c>
      <c r="AF77" s="4">
        <f t="shared" si="17"/>
        <v>0</v>
      </c>
      <c r="AG77" s="3">
        <f t="shared" si="14"/>
        <v>-0.192</v>
      </c>
      <c r="AH77" s="4">
        <f t="shared" si="15"/>
        <v>0</v>
      </c>
      <c r="AI77" s="3">
        <f t="shared" si="12"/>
        <v>0.56999999999999995</v>
      </c>
      <c r="AJ77" s="14"/>
      <c r="AK77" s="14"/>
    </row>
    <row r="78" spans="1:37">
      <c r="A78" s="3" t="s">
        <v>52</v>
      </c>
      <c r="B78" s="2">
        <v>0.43552083333333336</v>
      </c>
      <c r="C78" s="3">
        <v>240.61</v>
      </c>
      <c r="D78" s="3">
        <v>306.14999999999998</v>
      </c>
      <c r="E78" s="3">
        <v>391.84</v>
      </c>
      <c r="F78" s="3">
        <v>600.79999999999995</v>
      </c>
      <c r="G78" s="3">
        <v>474.95</v>
      </c>
      <c r="H78" s="3">
        <v>604.80999999999995</v>
      </c>
      <c r="I78" s="3">
        <v>203.7</v>
      </c>
      <c r="J78" s="3">
        <v>300.79000000000002</v>
      </c>
      <c r="K78" s="3">
        <v>212.52</v>
      </c>
      <c r="L78" s="3">
        <v>312.79000000000002</v>
      </c>
      <c r="M78" s="3">
        <v>258.43</v>
      </c>
      <c r="N78" s="3">
        <v>403.02</v>
      </c>
      <c r="O78" s="3">
        <v>444.34</v>
      </c>
      <c r="P78" s="3">
        <v>607.5</v>
      </c>
      <c r="Q78" s="3">
        <v>2283.0500000000002</v>
      </c>
      <c r="R78" s="3">
        <v>2283.0500000000002</v>
      </c>
      <c r="S78" s="3">
        <v>-2.15</v>
      </c>
      <c r="T78" s="3">
        <v>-0.56999999999999995</v>
      </c>
      <c r="U78" s="3">
        <v>-0.09</v>
      </c>
      <c r="V78" s="3">
        <v>0.6</v>
      </c>
      <c r="W78" s="3">
        <v>-0.15</v>
      </c>
      <c r="X78" s="3">
        <v>-0.21</v>
      </c>
      <c r="Y78" s="3">
        <v>-0.03</v>
      </c>
      <c r="Z78" s="3">
        <v>0.04</v>
      </c>
      <c r="AA78" s="4">
        <f t="shared" si="16"/>
        <v>0</v>
      </c>
      <c r="AB78" s="4">
        <f t="shared" si="9"/>
        <v>1.6</v>
      </c>
      <c r="AC78" s="3">
        <f t="shared" si="10"/>
        <v>-3.44</v>
      </c>
      <c r="AD78" s="4">
        <f t="shared" si="13"/>
        <v>0</v>
      </c>
      <c r="AE78" s="3">
        <f t="shared" si="11"/>
        <v>-0.91199999999999992</v>
      </c>
      <c r="AF78" s="4">
        <f t="shared" si="17"/>
        <v>0</v>
      </c>
      <c r="AG78" s="3">
        <f t="shared" si="14"/>
        <v>-0.14399999999999999</v>
      </c>
      <c r="AH78" s="4">
        <f t="shared" si="15"/>
        <v>0</v>
      </c>
      <c r="AI78" s="3">
        <f t="shared" si="12"/>
        <v>0.6</v>
      </c>
      <c r="AJ78" s="14"/>
      <c r="AK78" s="14"/>
    </row>
    <row r="79" spans="1:37">
      <c r="A79" s="3" t="s">
        <v>52</v>
      </c>
      <c r="B79" s="2">
        <v>0.43621527777777774</v>
      </c>
      <c r="C79" s="3">
        <v>239.17</v>
      </c>
      <c r="D79" s="3">
        <v>300.49</v>
      </c>
      <c r="E79" s="3">
        <v>394.07</v>
      </c>
      <c r="F79" s="3">
        <v>601.45000000000005</v>
      </c>
      <c r="G79" s="3">
        <v>478.44</v>
      </c>
      <c r="H79" s="3">
        <v>613.79999999999995</v>
      </c>
      <c r="I79" s="3">
        <v>203.22</v>
      </c>
      <c r="J79" s="3">
        <v>298.39999999999998</v>
      </c>
      <c r="K79" s="3">
        <v>213.33</v>
      </c>
      <c r="L79" s="3">
        <v>311.13</v>
      </c>
      <c r="M79" s="3">
        <v>260.37</v>
      </c>
      <c r="N79" s="3">
        <v>414.84</v>
      </c>
      <c r="O79" s="3">
        <v>448.28</v>
      </c>
      <c r="P79" s="3">
        <v>612.28</v>
      </c>
      <c r="Q79" s="3">
        <v>2283.09</v>
      </c>
      <c r="R79" s="3">
        <v>2283.09</v>
      </c>
      <c r="S79" s="3">
        <v>-2.17</v>
      </c>
      <c r="T79" s="3">
        <v>-0.56999999999999995</v>
      </c>
      <c r="U79" s="3">
        <v>-0.09</v>
      </c>
      <c r="V79" s="3">
        <v>0.6</v>
      </c>
      <c r="W79" s="3">
        <v>-0.1</v>
      </c>
      <c r="X79" s="3">
        <v>-0.22</v>
      </c>
      <c r="Y79" s="3">
        <v>-0.02</v>
      </c>
      <c r="Z79" s="3">
        <v>0.05</v>
      </c>
      <c r="AA79" s="4">
        <f t="shared" si="16"/>
        <v>0</v>
      </c>
      <c r="AB79" s="4">
        <f t="shared" si="9"/>
        <v>1.6</v>
      </c>
      <c r="AC79" s="3">
        <f t="shared" si="10"/>
        <v>-3.472</v>
      </c>
      <c r="AD79" s="4">
        <f t="shared" si="13"/>
        <v>0</v>
      </c>
      <c r="AE79" s="3">
        <f t="shared" si="11"/>
        <v>-0.91199999999999992</v>
      </c>
      <c r="AF79" s="4">
        <f t="shared" si="17"/>
        <v>0</v>
      </c>
      <c r="AG79" s="3">
        <f t="shared" si="14"/>
        <v>-0.14399999999999999</v>
      </c>
      <c r="AH79" s="4">
        <f t="shared" si="15"/>
        <v>0</v>
      </c>
      <c r="AI79" s="3">
        <f t="shared" si="12"/>
        <v>0.6</v>
      </c>
      <c r="AJ79" s="14"/>
      <c r="AK79" s="14"/>
    </row>
    <row r="80" spans="1:37">
      <c r="A80" s="3" t="s">
        <v>52</v>
      </c>
      <c r="B80" s="2">
        <v>0.43690972222222224</v>
      </c>
      <c r="C80" s="3">
        <v>238.06</v>
      </c>
      <c r="D80" s="3">
        <v>298.08999999999997</v>
      </c>
      <c r="E80" s="3">
        <v>395.7</v>
      </c>
      <c r="F80" s="3">
        <v>601.41999999999996</v>
      </c>
      <c r="G80" s="3">
        <v>479.89</v>
      </c>
      <c r="H80" s="3">
        <v>608.92999999999995</v>
      </c>
      <c r="I80" s="3">
        <v>203.03</v>
      </c>
      <c r="J80" s="3">
        <v>305.77999999999997</v>
      </c>
      <c r="K80" s="3">
        <v>213.97</v>
      </c>
      <c r="L80" s="3">
        <v>308.27999999999997</v>
      </c>
      <c r="M80" s="3">
        <v>261.32</v>
      </c>
      <c r="N80" s="3">
        <v>418.09</v>
      </c>
      <c r="O80" s="3">
        <v>452.82</v>
      </c>
      <c r="P80" s="3">
        <v>631.44000000000005</v>
      </c>
      <c r="Q80" s="3">
        <v>2283.11</v>
      </c>
      <c r="R80" s="3">
        <v>2283.11</v>
      </c>
      <c r="S80" s="3">
        <v>-2.14</v>
      </c>
      <c r="T80" s="3">
        <v>-0.56000000000000005</v>
      </c>
      <c r="U80" s="3">
        <v>-0.08</v>
      </c>
      <c r="V80" s="3">
        <v>0.56999999999999995</v>
      </c>
      <c r="W80" s="3">
        <v>-7.0000000000000007E-2</v>
      </c>
      <c r="X80" s="3">
        <v>-0.22</v>
      </c>
      <c r="Y80" s="3">
        <v>-0.02</v>
      </c>
      <c r="Z80" s="3">
        <v>0.05</v>
      </c>
      <c r="AA80" s="4">
        <f t="shared" si="16"/>
        <v>0</v>
      </c>
      <c r="AB80" s="4">
        <f t="shared" si="9"/>
        <v>1.6</v>
      </c>
      <c r="AC80" s="3">
        <f t="shared" si="10"/>
        <v>-3.4240000000000004</v>
      </c>
      <c r="AD80" s="4">
        <f t="shared" si="13"/>
        <v>0</v>
      </c>
      <c r="AE80" s="3">
        <f t="shared" si="11"/>
        <v>-0.89600000000000013</v>
      </c>
      <c r="AF80" s="4">
        <f t="shared" si="17"/>
        <v>0</v>
      </c>
      <c r="AG80" s="3">
        <f t="shared" si="14"/>
        <v>-0.128</v>
      </c>
      <c r="AH80" s="4">
        <f t="shared" si="15"/>
        <v>0</v>
      </c>
      <c r="AI80" s="3">
        <f t="shared" si="12"/>
        <v>0.56999999999999995</v>
      </c>
      <c r="AJ80" s="14"/>
      <c r="AK80" s="14"/>
    </row>
    <row r="81" spans="1:37">
      <c r="A81" s="3" t="s">
        <v>52</v>
      </c>
      <c r="B81" s="2">
        <v>0.43760416666666663</v>
      </c>
      <c r="C81" s="3">
        <v>238.15</v>
      </c>
      <c r="D81" s="3">
        <v>307.72000000000003</v>
      </c>
      <c r="E81" s="3">
        <v>397.45</v>
      </c>
      <c r="F81" s="3">
        <v>601.07000000000005</v>
      </c>
      <c r="G81" s="3">
        <v>478.99</v>
      </c>
      <c r="H81" s="3">
        <v>599.28</v>
      </c>
      <c r="I81" s="3">
        <v>203.14</v>
      </c>
      <c r="J81" s="3">
        <v>315.27</v>
      </c>
      <c r="K81" s="3">
        <v>214.15</v>
      </c>
      <c r="L81" s="3">
        <v>305.14</v>
      </c>
      <c r="M81" s="3">
        <v>262.26</v>
      </c>
      <c r="N81" s="3">
        <v>415.7</v>
      </c>
      <c r="O81" s="3">
        <v>459.04</v>
      </c>
      <c r="P81" s="3">
        <v>655.68</v>
      </c>
      <c r="Q81" s="3">
        <v>2283.14</v>
      </c>
      <c r="R81" s="3">
        <v>2283.14</v>
      </c>
      <c r="S81" s="3">
        <v>-2.16</v>
      </c>
      <c r="T81" s="3">
        <v>-0.56000000000000005</v>
      </c>
      <c r="U81" s="3">
        <v>-0.08</v>
      </c>
      <c r="V81" s="3">
        <v>0.56999999999999995</v>
      </c>
      <c r="W81" s="3">
        <v>-0.1</v>
      </c>
      <c r="X81" s="3">
        <v>-0.2</v>
      </c>
      <c r="Y81" s="3">
        <v>-0.01</v>
      </c>
      <c r="Z81" s="3">
        <v>0.04</v>
      </c>
      <c r="AA81" s="4">
        <f t="shared" si="16"/>
        <v>0</v>
      </c>
      <c r="AB81" s="4">
        <f t="shared" si="9"/>
        <v>1.6</v>
      </c>
      <c r="AC81" s="3">
        <f t="shared" si="10"/>
        <v>-3.4560000000000004</v>
      </c>
      <c r="AD81" s="4">
        <f t="shared" si="13"/>
        <v>0</v>
      </c>
      <c r="AE81" s="3">
        <f t="shared" si="11"/>
        <v>-0.89600000000000013</v>
      </c>
      <c r="AF81" s="4">
        <f t="shared" si="17"/>
        <v>0</v>
      </c>
      <c r="AG81" s="3">
        <f t="shared" si="14"/>
        <v>-0.128</v>
      </c>
      <c r="AH81" s="4">
        <f t="shared" si="15"/>
        <v>0</v>
      </c>
      <c r="AI81" s="3">
        <f t="shared" si="12"/>
        <v>0.56999999999999995</v>
      </c>
      <c r="AJ81" s="14"/>
      <c r="AK81" s="14"/>
    </row>
    <row r="82" spans="1:37">
      <c r="A82" s="3" t="s">
        <v>52</v>
      </c>
      <c r="B82" s="2">
        <v>0.43829861111111112</v>
      </c>
      <c r="C82" s="3">
        <v>239.17</v>
      </c>
      <c r="D82" s="3">
        <v>314.29000000000002</v>
      </c>
      <c r="E82" s="3">
        <v>398.54</v>
      </c>
      <c r="F82" s="3">
        <v>600.97</v>
      </c>
      <c r="G82" s="3">
        <v>478.31</v>
      </c>
      <c r="H82" s="3">
        <v>595.9</v>
      </c>
      <c r="I82" s="3">
        <v>203.07</v>
      </c>
      <c r="J82" s="3">
        <v>317.47000000000003</v>
      </c>
      <c r="K82" s="3">
        <v>214.49</v>
      </c>
      <c r="L82" s="3">
        <v>301.98</v>
      </c>
      <c r="M82" s="3">
        <v>264.07</v>
      </c>
      <c r="N82" s="3">
        <v>411.7</v>
      </c>
      <c r="O82" s="3">
        <v>467.33</v>
      </c>
      <c r="P82" s="3">
        <v>680.31</v>
      </c>
      <c r="Q82" s="3">
        <v>2283.15</v>
      </c>
      <c r="R82" s="3">
        <v>2283.15</v>
      </c>
      <c r="S82" s="3">
        <v>-2.1800000000000002</v>
      </c>
      <c r="T82" s="3">
        <v>-0.56000000000000005</v>
      </c>
      <c r="U82" s="3">
        <v>-0.08</v>
      </c>
      <c r="V82" s="3">
        <v>0.59</v>
      </c>
      <c r="W82" s="3">
        <v>-0.09</v>
      </c>
      <c r="X82" s="3">
        <v>-0.2</v>
      </c>
      <c r="Y82" s="3">
        <v>-0.01</v>
      </c>
      <c r="Z82" s="3">
        <v>0.04</v>
      </c>
      <c r="AA82" s="4">
        <f t="shared" si="16"/>
        <v>0</v>
      </c>
      <c r="AB82" s="4">
        <f t="shared" si="9"/>
        <v>1.6</v>
      </c>
      <c r="AC82" s="3">
        <f t="shared" si="10"/>
        <v>-3.4880000000000004</v>
      </c>
      <c r="AD82" s="4">
        <f t="shared" si="13"/>
        <v>0</v>
      </c>
      <c r="AE82" s="3">
        <f t="shared" si="11"/>
        <v>-0.89600000000000013</v>
      </c>
      <c r="AF82" s="4">
        <f t="shared" si="17"/>
        <v>0</v>
      </c>
      <c r="AG82" s="3">
        <f t="shared" si="14"/>
        <v>-0.128</v>
      </c>
      <c r="AH82" s="4">
        <f t="shared" si="15"/>
        <v>0</v>
      </c>
      <c r="AI82" s="3">
        <f t="shared" si="12"/>
        <v>0.59</v>
      </c>
      <c r="AJ82" s="14"/>
      <c r="AK82" s="14"/>
    </row>
    <row r="83" spans="1:37">
      <c r="A83" s="3" t="s">
        <v>52</v>
      </c>
      <c r="B83" s="2">
        <v>0.43899305555555551</v>
      </c>
      <c r="C83" s="3">
        <v>239.37</v>
      </c>
      <c r="D83" s="3">
        <v>312.5</v>
      </c>
      <c r="E83" s="3">
        <v>400.27</v>
      </c>
      <c r="F83" s="3">
        <v>599.79999999999995</v>
      </c>
      <c r="G83" s="3">
        <v>480.94</v>
      </c>
      <c r="H83" s="3">
        <v>608.72</v>
      </c>
      <c r="I83" s="3">
        <v>203.01</v>
      </c>
      <c r="J83" s="3">
        <v>315.64999999999998</v>
      </c>
      <c r="K83" s="3">
        <v>214.83</v>
      </c>
      <c r="L83" s="3">
        <v>299.14</v>
      </c>
      <c r="M83" s="3">
        <v>262.43</v>
      </c>
      <c r="N83" s="3">
        <v>407.09</v>
      </c>
      <c r="O83" s="3">
        <v>478.38</v>
      </c>
      <c r="P83" s="3">
        <v>703.17</v>
      </c>
      <c r="Q83" s="3">
        <v>2283.17</v>
      </c>
      <c r="R83" s="3">
        <v>2283.17</v>
      </c>
      <c r="S83" s="3">
        <v>-2.1800000000000002</v>
      </c>
      <c r="T83" s="3">
        <v>-0.56000000000000005</v>
      </c>
      <c r="U83" s="3">
        <v>-0.08</v>
      </c>
      <c r="V83" s="3">
        <v>0.56999999999999995</v>
      </c>
      <c r="W83" s="3">
        <v>-0.06</v>
      </c>
      <c r="X83" s="3">
        <v>-0.2</v>
      </c>
      <c r="Y83" s="3">
        <v>0</v>
      </c>
      <c r="Z83" s="3">
        <v>0.05</v>
      </c>
      <c r="AA83" s="4">
        <f t="shared" si="16"/>
        <v>0</v>
      </c>
      <c r="AB83" s="4">
        <f t="shared" si="9"/>
        <v>1.6</v>
      </c>
      <c r="AC83" s="3">
        <f t="shared" si="10"/>
        <v>-3.4880000000000004</v>
      </c>
      <c r="AD83" s="4">
        <f t="shared" si="13"/>
        <v>0</v>
      </c>
      <c r="AE83" s="3">
        <f t="shared" si="11"/>
        <v>-0.89600000000000013</v>
      </c>
      <c r="AF83" s="4">
        <f t="shared" si="17"/>
        <v>0</v>
      </c>
      <c r="AG83" s="3">
        <f t="shared" si="14"/>
        <v>-0.128</v>
      </c>
      <c r="AH83" s="4">
        <f t="shared" si="15"/>
        <v>0</v>
      </c>
      <c r="AI83" s="3">
        <f t="shared" si="12"/>
        <v>0.56999999999999995</v>
      </c>
      <c r="AJ83" s="14"/>
      <c r="AK83" s="14"/>
    </row>
    <row r="84" spans="1:37">
      <c r="A84" s="3" t="s">
        <v>52</v>
      </c>
      <c r="B84" s="2">
        <v>0.43969907407407405</v>
      </c>
      <c r="C84" s="3">
        <v>238.84</v>
      </c>
      <c r="D84" s="3">
        <v>307.72000000000003</v>
      </c>
      <c r="E84" s="3">
        <v>401.75</v>
      </c>
      <c r="F84" s="3">
        <v>589.30999999999995</v>
      </c>
      <c r="G84" s="3">
        <v>483.99</v>
      </c>
      <c r="H84" s="3">
        <v>613.79999999999995</v>
      </c>
      <c r="I84" s="3">
        <v>202.74</v>
      </c>
      <c r="J84" s="3">
        <v>312.33999999999997</v>
      </c>
      <c r="K84" s="3">
        <v>215.13</v>
      </c>
      <c r="L84" s="3">
        <v>302.27999999999997</v>
      </c>
      <c r="M84" s="3">
        <v>262.72000000000003</v>
      </c>
      <c r="N84" s="3">
        <v>402.72</v>
      </c>
      <c r="O84" s="3">
        <v>490.37</v>
      </c>
      <c r="P84" s="3">
        <v>708.44</v>
      </c>
      <c r="Q84" s="3">
        <v>2283.1799999999998</v>
      </c>
      <c r="R84" s="3">
        <v>2283.1799999999998</v>
      </c>
      <c r="S84" s="3">
        <v>-2.08</v>
      </c>
      <c r="T84" s="3">
        <v>-0.51</v>
      </c>
      <c r="U84" s="3">
        <v>-0.03</v>
      </c>
      <c r="V84" s="3">
        <v>0.57999999999999996</v>
      </c>
      <c r="W84" s="3">
        <v>0</v>
      </c>
      <c r="X84" s="3">
        <v>-0.2</v>
      </c>
      <c r="Y84" s="3">
        <v>0</v>
      </c>
      <c r="Z84" s="3">
        <v>0.05</v>
      </c>
      <c r="AA84" s="4">
        <f t="shared" si="16"/>
        <v>0</v>
      </c>
      <c r="AB84" s="4">
        <f t="shared" si="9"/>
        <v>1.6</v>
      </c>
      <c r="AC84" s="3">
        <f t="shared" si="10"/>
        <v>-3.3280000000000003</v>
      </c>
      <c r="AD84" s="4">
        <f t="shared" si="13"/>
        <v>0</v>
      </c>
      <c r="AE84" s="3">
        <f t="shared" si="11"/>
        <v>-0.81600000000000006</v>
      </c>
      <c r="AF84" s="4">
        <f t="shared" si="17"/>
        <v>0</v>
      </c>
      <c r="AG84" s="3">
        <f t="shared" si="14"/>
        <v>-4.8000000000000001E-2</v>
      </c>
      <c r="AH84" s="4">
        <f t="shared" si="15"/>
        <v>0</v>
      </c>
      <c r="AI84" s="3">
        <f t="shared" si="12"/>
        <v>0.57999999999999996</v>
      </c>
      <c r="AJ84" s="14"/>
      <c r="AK84" s="14"/>
    </row>
    <row r="85" spans="1:37">
      <c r="A85" s="3" t="s">
        <v>52</v>
      </c>
      <c r="B85" s="2">
        <v>0.44039351851851855</v>
      </c>
      <c r="C85" s="3">
        <v>237.37</v>
      </c>
      <c r="D85" s="3">
        <v>302.2</v>
      </c>
      <c r="E85" s="3">
        <v>401.47</v>
      </c>
      <c r="F85" s="3">
        <v>577.73</v>
      </c>
      <c r="G85" s="3">
        <v>484.8</v>
      </c>
      <c r="H85" s="3">
        <v>607.11</v>
      </c>
      <c r="I85" s="3">
        <v>202.67</v>
      </c>
      <c r="J85" s="3">
        <v>308.54000000000002</v>
      </c>
      <c r="K85" s="3">
        <v>215.48</v>
      </c>
      <c r="L85" s="3">
        <v>310.66000000000003</v>
      </c>
      <c r="M85" s="3">
        <v>262.81</v>
      </c>
      <c r="N85" s="3">
        <v>398.77</v>
      </c>
      <c r="O85" s="3">
        <v>501.1</v>
      </c>
      <c r="P85" s="3">
        <v>698.14</v>
      </c>
      <c r="Q85" s="3">
        <v>2283.1999999999998</v>
      </c>
      <c r="R85" s="3">
        <v>2283.1999999999998</v>
      </c>
      <c r="S85" s="3">
        <v>-2.15</v>
      </c>
      <c r="T85" s="3">
        <v>-0.54</v>
      </c>
      <c r="U85" s="3">
        <v>-0.06</v>
      </c>
      <c r="V85" s="3">
        <v>0.56000000000000005</v>
      </c>
      <c r="W85" s="3">
        <v>-0.08</v>
      </c>
      <c r="X85" s="3">
        <v>-0.22</v>
      </c>
      <c r="Y85" s="3">
        <v>0</v>
      </c>
      <c r="Z85" s="3">
        <v>0.05</v>
      </c>
      <c r="AA85" s="4">
        <f t="shared" si="16"/>
        <v>0</v>
      </c>
      <c r="AB85" s="4">
        <f t="shared" si="9"/>
        <v>1.6</v>
      </c>
      <c r="AC85" s="3">
        <f t="shared" si="10"/>
        <v>-3.44</v>
      </c>
      <c r="AD85" s="4">
        <f t="shared" si="13"/>
        <v>0</v>
      </c>
      <c r="AE85" s="3">
        <f t="shared" si="11"/>
        <v>-0.8640000000000001</v>
      </c>
      <c r="AF85" s="4">
        <f t="shared" si="17"/>
        <v>0</v>
      </c>
      <c r="AG85" s="3">
        <f t="shared" si="14"/>
        <v>-9.6000000000000002E-2</v>
      </c>
      <c r="AH85" s="4">
        <f t="shared" si="15"/>
        <v>0</v>
      </c>
      <c r="AI85" s="3">
        <f t="shared" si="12"/>
        <v>0.56000000000000005</v>
      </c>
      <c r="AJ85" s="14"/>
      <c r="AK85" s="14"/>
    </row>
    <row r="86" spans="1:37">
      <c r="A86" s="3" t="s">
        <v>52</v>
      </c>
      <c r="B86" s="2">
        <v>0.44108796296296293</v>
      </c>
      <c r="C86" s="3">
        <v>235.34</v>
      </c>
      <c r="D86" s="3">
        <v>297.81</v>
      </c>
      <c r="E86" s="3">
        <v>401.56</v>
      </c>
      <c r="F86" s="3">
        <v>567.76</v>
      </c>
      <c r="G86" s="3">
        <v>483.28</v>
      </c>
      <c r="H86" s="3">
        <v>597.51</v>
      </c>
      <c r="I86" s="3">
        <v>202.51</v>
      </c>
      <c r="J86" s="3">
        <v>304.67</v>
      </c>
      <c r="K86" s="3">
        <v>216.06</v>
      </c>
      <c r="L86" s="3">
        <v>312.91000000000003</v>
      </c>
      <c r="M86" s="3">
        <v>263.33</v>
      </c>
      <c r="N86" s="3">
        <v>404.23</v>
      </c>
      <c r="O86" s="3">
        <v>509.11</v>
      </c>
      <c r="P86" s="3">
        <v>690.8</v>
      </c>
      <c r="Q86" s="3">
        <v>2283.21</v>
      </c>
      <c r="R86" s="3">
        <v>2283.21</v>
      </c>
      <c r="S86" s="3">
        <v>-2.23</v>
      </c>
      <c r="T86" s="3">
        <v>-0.56999999999999995</v>
      </c>
      <c r="U86" s="3">
        <v>-0.09</v>
      </c>
      <c r="V86" s="3">
        <v>0.56000000000000005</v>
      </c>
      <c r="W86" s="3">
        <v>-0.08</v>
      </c>
      <c r="X86" s="3">
        <v>-0.21</v>
      </c>
      <c r="Y86" s="3">
        <v>0</v>
      </c>
      <c r="Z86" s="3">
        <v>0.05</v>
      </c>
      <c r="AA86" s="4">
        <f t="shared" si="16"/>
        <v>0</v>
      </c>
      <c r="AB86" s="4">
        <f t="shared" ref="AB86:AB100" si="18">AB85</f>
        <v>1.6</v>
      </c>
      <c r="AC86" s="3">
        <f t="shared" si="10"/>
        <v>-3.5680000000000001</v>
      </c>
      <c r="AD86" s="4">
        <f t="shared" si="13"/>
        <v>0</v>
      </c>
      <c r="AE86" s="3">
        <f t="shared" si="11"/>
        <v>-0.91199999999999992</v>
      </c>
      <c r="AF86" s="4">
        <f t="shared" si="17"/>
        <v>0</v>
      </c>
      <c r="AG86" s="3">
        <f t="shared" si="14"/>
        <v>-0.14399999999999999</v>
      </c>
      <c r="AH86" s="4">
        <f t="shared" si="15"/>
        <v>0</v>
      </c>
      <c r="AI86" s="3">
        <f t="shared" si="12"/>
        <v>0.56000000000000005</v>
      </c>
      <c r="AJ86" s="14"/>
      <c r="AK86" s="14"/>
    </row>
    <row r="87" spans="1:37">
      <c r="A87" s="3" t="s">
        <v>52</v>
      </c>
      <c r="B87" s="2">
        <v>0.44178240740740743</v>
      </c>
      <c r="C87" s="3">
        <v>234.86</v>
      </c>
      <c r="D87" s="3">
        <v>304.17</v>
      </c>
      <c r="E87" s="3">
        <v>401.18</v>
      </c>
      <c r="F87" s="3">
        <v>558.78</v>
      </c>
      <c r="G87" s="3">
        <v>482.94</v>
      </c>
      <c r="H87" s="3">
        <v>597.76</v>
      </c>
      <c r="I87" s="3">
        <v>202.12</v>
      </c>
      <c r="J87" s="3">
        <v>300.86</v>
      </c>
      <c r="K87" s="3">
        <v>216.83</v>
      </c>
      <c r="L87" s="3">
        <v>311.39</v>
      </c>
      <c r="M87" s="3">
        <v>264.31</v>
      </c>
      <c r="N87" s="3">
        <v>417.5</v>
      </c>
      <c r="O87" s="3">
        <v>515.84</v>
      </c>
      <c r="P87" s="3">
        <v>702.38</v>
      </c>
      <c r="Q87" s="3">
        <v>2283.23</v>
      </c>
      <c r="R87" s="3">
        <v>2283.23</v>
      </c>
      <c r="S87" s="3">
        <v>-2.17</v>
      </c>
      <c r="T87" s="3">
        <v>-0.55000000000000004</v>
      </c>
      <c r="U87" s="3">
        <v>-0.06</v>
      </c>
      <c r="V87" s="3">
        <v>0.59</v>
      </c>
      <c r="W87" s="3">
        <v>-0.05</v>
      </c>
      <c r="X87" s="3">
        <v>-0.22</v>
      </c>
      <c r="Y87" s="3">
        <v>0</v>
      </c>
      <c r="Z87" s="3">
        <v>0.06</v>
      </c>
      <c r="AA87" s="4">
        <f t="shared" si="16"/>
        <v>0</v>
      </c>
      <c r="AB87" s="4">
        <f t="shared" si="18"/>
        <v>1.6</v>
      </c>
      <c r="AC87" s="3">
        <f t="shared" si="10"/>
        <v>-3.472</v>
      </c>
      <c r="AD87" s="4">
        <f t="shared" si="13"/>
        <v>0</v>
      </c>
      <c r="AE87" s="3">
        <f t="shared" si="11"/>
        <v>-0.88000000000000012</v>
      </c>
      <c r="AF87" s="4">
        <f t="shared" si="17"/>
        <v>0</v>
      </c>
      <c r="AG87" s="3">
        <f t="shared" si="14"/>
        <v>-9.6000000000000002E-2</v>
      </c>
      <c r="AH87" s="4">
        <f t="shared" si="15"/>
        <v>0</v>
      </c>
      <c r="AI87" s="3">
        <f t="shared" si="12"/>
        <v>0.59</v>
      </c>
      <c r="AJ87" s="14"/>
      <c r="AK87" s="14"/>
    </row>
    <row r="88" spans="1:37">
      <c r="A88" s="3" t="s">
        <v>52</v>
      </c>
      <c r="B88" s="2">
        <v>0.44247685185185182</v>
      </c>
      <c r="C88" s="3">
        <v>236.52</v>
      </c>
      <c r="D88" s="3">
        <v>313.47000000000003</v>
      </c>
      <c r="E88" s="3">
        <v>400.37</v>
      </c>
      <c r="F88" s="3">
        <v>554.61</v>
      </c>
      <c r="G88" s="3">
        <v>485.86</v>
      </c>
      <c r="H88" s="3">
        <v>611.16</v>
      </c>
      <c r="I88" s="3">
        <v>201.47</v>
      </c>
      <c r="J88" s="3">
        <v>298.52</v>
      </c>
      <c r="K88" s="3">
        <v>217.18</v>
      </c>
      <c r="L88" s="3">
        <v>308.68</v>
      </c>
      <c r="M88" s="3">
        <v>265.26</v>
      </c>
      <c r="N88" s="3">
        <v>421.07</v>
      </c>
      <c r="O88" s="3">
        <v>522.79999999999995</v>
      </c>
      <c r="P88" s="3">
        <v>706.17</v>
      </c>
      <c r="Q88" s="3">
        <v>2283.27</v>
      </c>
      <c r="R88" s="3">
        <v>2283.27</v>
      </c>
      <c r="S88" s="3">
        <v>-2.25</v>
      </c>
      <c r="T88" s="3">
        <v>-0.59</v>
      </c>
      <c r="U88" s="3">
        <v>-0.09</v>
      </c>
      <c r="V88" s="3">
        <v>0.59</v>
      </c>
      <c r="W88" s="3">
        <v>-7.0000000000000007E-2</v>
      </c>
      <c r="X88" s="3">
        <v>-0.24</v>
      </c>
      <c r="Y88" s="3">
        <v>0</v>
      </c>
      <c r="Z88" s="3">
        <v>7.0000000000000007E-2</v>
      </c>
      <c r="AA88" s="4">
        <f t="shared" si="16"/>
        <v>0</v>
      </c>
      <c r="AB88" s="4">
        <f t="shared" si="18"/>
        <v>1.6</v>
      </c>
      <c r="AC88" s="3">
        <f t="shared" si="10"/>
        <v>-3.6</v>
      </c>
      <c r="AD88" s="4">
        <f t="shared" si="13"/>
        <v>0</v>
      </c>
      <c r="AE88" s="3">
        <f t="shared" si="11"/>
        <v>-0.94399999999999995</v>
      </c>
      <c r="AF88" s="4">
        <f t="shared" si="17"/>
        <v>0</v>
      </c>
      <c r="AG88" s="3">
        <f t="shared" si="14"/>
        <v>-0.14399999999999999</v>
      </c>
      <c r="AH88" s="4">
        <f t="shared" si="15"/>
        <v>0</v>
      </c>
      <c r="AI88" s="3">
        <f t="shared" si="12"/>
        <v>0.59</v>
      </c>
      <c r="AJ88" s="14"/>
      <c r="AK88" s="14"/>
    </row>
    <row r="89" spans="1:37">
      <c r="A89" s="3" t="s">
        <v>52</v>
      </c>
      <c r="B89" s="2">
        <v>0.44317129629629631</v>
      </c>
      <c r="C89" s="3">
        <v>237.15</v>
      </c>
      <c r="D89" s="3">
        <v>313.54000000000002</v>
      </c>
      <c r="E89" s="3">
        <v>399.72</v>
      </c>
      <c r="F89" s="3">
        <v>559.22</v>
      </c>
      <c r="G89" s="3">
        <v>488.22</v>
      </c>
      <c r="H89" s="3">
        <v>612.9</v>
      </c>
      <c r="I89" s="3">
        <v>201.28</v>
      </c>
      <c r="J89" s="3">
        <v>305.76</v>
      </c>
      <c r="K89" s="3">
        <v>217.84</v>
      </c>
      <c r="L89" s="3">
        <v>305.63</v>
      </c>
      <c r="M89" s="3">
        <v>267.36</v>
      </c>
      <c r="N89" s="3">
        <v>418.67</v>
      </c>
      <c r="O89" s="3">
        <v>529.6</v>
      </c>
      <c r="P89" s="3">
        <v>713.48</v>
      </c>
      <c r="Q89" s="3">
        <v>2283.29</v>
      </c>
      <c r="R89" s="3">
        <v>2283.29</v>
      </c>
      <c r="S89" s="3">
        <v>-2.2599999999999998</v>
      </c>
      <c r="T89" s="3">
        <v>-0.59</v>
      </c>
      <c r="U89" s="3">
        <v>-0.09</v>
      </c>
      <c r="V89" s="3">
        <v>0.59</v>
      </c>
      <c r="W89" s="3">
        <v>-0.1</v>
      </c>
      <c r="X89" s="3">
        <v>-0.23</v>
      </c>
      <c r="Y89" s="3">
        <v>0</v>
      </c>
      <c r="Z89" s="3">
        <v>0.06</v>
      </c>
      <c r="AA89" s="4">
        <f t="shared" si="16"/>
        <v>0</v>
      </c>
      <c r="AB89" s="4">
        <f t="shared" si="18"/>
        <v>1.6</v>
      </c>
      <c r="AC89" s="3">
        <f t="shared" si="10"/>
        <v>-3.6159999999999997</v>
      </c>
      <c r="AD89" s="4">
        <f t="shared" si="13"/>
        <v>0</v>
      </c>
      <c r="AE89" s="3">
        <f t="shared" si="11"/>
        <v>-0.94399999999999995</v>
      </c>
      <c r="AF89" s="4">
        <f t="shared" si="17"/>
        <v>0</v>
      </c>
      <c r="AG89" s="3">
        <f t="shared" si="14"/>
        <v>-0.14399999999999999</v>
      </c>
      <c r="AH89" s="4">
        <f t="shared" si="15"/>
        <v>0</v>
      </c>
      <c r="AI89" s="3">
        <f t="shared" si="12"/>
        <v>0.59</v>
      </c>
      <c r="AJ89" s="14"/>
      <c r="AK89" s="14"/>
    </row>
    <row r="90" spans="1:37">
      <c r="A90" s="3" t="s">
        <v>52</v>
      </c>
      <c r="B90" s="2">
        <v>0.44386574074074076</v>
      </c>
      <c r="C90" s="3">
        <v>236.87</v>
      </c>
      <c r="D90" s="3">
        <v>309.37</v>
      </c>
      <c r="E90" s="3">
        <v>400.36</v>
      </c>
      <c r="F90" s="3">
        <v>587.96</v>
      </c>
      <c r="G90" s="3">
        <v>488.29</v>
      </c>
      <c r="H90" s="3">
        <v>605.21</v>
      </c>
      <c r="I90" s="3">
        <v>201.13</v>
      </c>
      <c r="J90" s="3">
        <v>315.14999999999998</v>
      </c>
      <c r="K90" s="3">
        <v>218.57</v>
      </c>
      <c r="L90" s="3">
        <v>302.58</v>
      </c>
      <c r="M90" s="3">
        <v>267.99</v>
      </c>
      <c r="N90" s="3">
        <v>414.71</v>
      </c>
      <c r="O90" s="3">
        <v>536.91</v>
      </c>
      <c r="P90" s="3">
        <v>732.02</v>
      </c>
      <c r="Q90" s="3">
        <v>2283.31</v>
      </c>
      <c r="R90" s="3">
        <v>2283.31</v>
      </c>
      <c r="S90" s="3">
        <v>-2.2200000000000002</v>
      </c>
      <c r="T90" s="3">
        <v>-0.56999999999999995</v>
      </c>
      <c r="U90" s="3">
        <v>-0.06</v>
      </c>
      <c r="V90" s="3">
        <v>0.59</v>
      </c>
      <c r="W90" s="3">
        <v>-0.06</v>
      </c>
      <c r="X90" s="3">
        <v>-0.23</v>
      </c>
      <c r="Y90" s="3">
        <v>0.01</v>
      </c>
      <c r="Z90" s="3">
        <v>0.06</v>
      </c>
      <c r="AA90" s="4">
        <f t="shared" si="16"/>
        <v>0</v>
      </c>
      <c r="AB90" s="4">
        <f t="shared" si="18"/>
        <v>1.6</v>
      </c>
      <c r="AC90" s="3">
        <f t="shared" si="10"/>
        <v>-3.5520000000000005</v>
      </c>
      <c r="AD90" s="4">
        <f t="shared" si="13"/>
        <v>0</v>
      </c>
      <c r="AE90" s="3">
        <f t="shared" si="11"/>
        <v>-0.91199999999999992</v>
      </c>
      <c r="AF90" s="4">
        <f t="shared" si="17"/>
        <v>0</v>
      </c>
      <c r="AG90" s="3">
        <f t="shared" si="14"/>
        <v>-9.6000000000000002E-2</v>
      </c>
      <c r="AH90" s="4">
        <f t="shared" si="15"/>
        <v>0</v>
      </c>
      <c r="AI90" s="3">
        <f t="shared" si="12"/>
        <v>0.59</v>
      </c>
      <c r="AJ90" s="14"/>
      <c r="AK90" s="14"/>
    </row>
    <row r="91" spans="1:37">
      <c r="A91" s="3" t="s">
        <v>52</v>
      </c>
      <c r="B91" s="2">
        <v>0.4445601851851852</v>
      </c>
      <c r="C91" s="3">
        <v>235.32</v>
      </c>
      <c r="D91" s="3">
        <v>304.06</v>
      </c>
      <c r="E91" s="3">
        <v>402.27</v>
      </c>
      <c r="F91" s="3">
        <v>581.75</v>
      </c>
      <c r="G91" s="3">
        <v>486.97</v>
      </c>
      <c r="H91" s="3">
        <v>596.27</v>
      </c>
      <c r="I91" s="3">
        <v>201.03</v>
      </c>
      <c r="J91" s="3">
        <v>317.37</v>
      </c>
      <c r="K91" s="3">
        <v>218.38</v>
      </c>
      <c r="L91" s="3">
        <v>299.64999999999998</v>
      </c>
      <c r="M91" s="3">
        <v>267.97000000000003</v>
      </c>
      <c r="N91" s="3">
        <v>410.21</v>
      </c>
      <c r="O91" s="3">
        <v>546.16</v>
      </c>
      <c r="P91" s="3">
        <v>752.36</v>
      </c>
      <c r="Q91" s="3">
        <v>2283.34</v>
      </c>
      <c r="R91" s="3">
        <v>2283.34</v>
      </c>
      <c r="S91" s="3">
        <v>-2.2000000000000002</v>
      </c>
      <c r="T91" s="3">
        <v>-0.55000000000000004</v>
      </c>
      <c r="U91" s="3">
        <v>-0.04</v>
      </c>
      <c r="V91" s="3">
        <v>0.57999999999999996</v>
      </c>
      <c r="W91" s="3">
        <v>-0.05</v>
      </c>
      <c r="X91" s="3">
        <v>-0.24</v>
      </c>
      <c r="Y91" s="3">
        <v>0.01</v>
      </c>
      <c r="Z91" s="3">
        <v>0.06</v>
      </c>
      <c r="AA91" s="4">
        <f t="shared" si="16"/>
        <v>0</v>
      </c>
      <c r="AB91" s="4">
        <f t="shared" si="18"/>
        <v>1.6</v>
      </c>
      <c r="AC91" s="3">
        <f t="shared" si="10"/>
        <v>-3.5200000000000005</v>
      </c>
      <c r="AD91" s="4">
        <f t="shared" si="13"/>
        <v>0</v>
      </c>
      <c r="AE91" s="3">
        <f t="shared" si="11"/>
        <v>-0.88000000000000012</v>
      </c>
      <c r="AF91" s="4">
        <f t="shared" si="17"/>
        <v>0</v>
      </c>
      <c r="AG91" s="3">
        <f t="shared" si="14"/>
        <v>-6.4000000000000001E-2</v>
      </c>
      <c r="AH91" s="4">
        <f t="shared" si="15"/>
        <v>0</v>
      </c>
      <c r="AI91" s="3">
        <f t="shared" si="12"/>
        <v>0.57999999999999996</v>
      </c>
      <c r="AJ91" s="14"/>
      <c r="AK91" s="14"/>
    </row>
    <row r="92" spans="1:37">
      <c r="A92" s="3" t="s">
        <v>52</v>
      </c>
      <c r="B92" s="2">
        <v>0.44526620370370368</v>
      </c>
      <c r="C92" s="3">
        <v>233.6</v>
      </c>
      <c r="D92" s="3">
        <v>298.81</v>
      </c>
      <c r="E92" s="3">
        <v>402.91</v>
      </c>
      <c r="F92" s="3">
        <v>568.54999999999995</v>
      </c>
      <c r="G92" s="3">
        <v>487.33</v>
      </c>
      <c r="H92" s="3">
        <v>600.61</v>
      </c>
      <c r="I92" s="3">
        <v>201.21</v>
      </c>
      <c r="J92" s="3">
        <v>315.64999999999998</v>
      </c>
      <c r="K92" s="3">
        <v>218.37</v>
      </c>
      <c r="L92" s="3">
        <v>300.73</v>
      </c>
      <c r="M92" s="3">
        <v>268.04000000000002</v>
      </c>
      <c r="N92" s="3">
        <v>405.7</v>
      </c>
      <c r="O92" s="3">
        <v>557.66</v>
      </c>
      <c r="P92" s="3">
        <v>772.48</v>
      </c>
      <c r="Q92" s="3">
        <v>2283.37</v>
      </c>
      <c r="R92" s="3">
        <v>2283.37</v>
      </c>
      <c r="S92" s="3">
        <v>-2.2000000000000002</v>
      </c>
      <c r="T92" s="3">
        <v>-0.54</v>
      </c>
      <c r="U92" s="3">
        <v>-0.04</v>
      </c>
      <c r="V92" s="3">
        <v>0.55000000000000004</v>
      </c>
      <c r="W92" s="3">
        <v>0.02</v>
      </c>
      <c r="X92" s="3">
        <v>-0.27</v>
      </c>
      <c r="Y92" s="3">
        <v>0.02</v>
      </c>
      <c r="Z92" s="3">
        <v>0.08</v>
      </c>
      <c r="AA92" s="4">
        <f t="shared" si="16"/>
        <v>0</v>
      </c>
      <c r="AB92" s="4">
        <f t="shared" si="18"/>
        <v>1.6</v>
      </c>
      <c r="AC92" s="3">
        <f t="shared" si="10"/>
        <v>-3.5200000000000005</v>
      </c>
      <c r="AD92" s="4">
        <f t="shared" si="13"/>
        <v>0</v>
      </c>
      <c r="AE92" s="3">
        <f t="shared" si="11"/>
        <v>-0.8640000000000001</v>
      </c>
      <c r="AF92" s="4">
        <f t="shared" si="17"/>
        <v>0</v>
      </c>
      <c r="AG92" s="3">
        <f t="shared" si="14"/>
        <v>-6.4000000000000001E-2</v>
      </c>
      <c r="AH92" s="4">
        <f t="shared" si="15"/>
        <v>0</v>
      </c>
      <c r="AI92" s="3">
        <f t="shared" si="12"/>
        <v>0.55000000000000004</v>
      </c>
      <c r="AJ92" s="14"/>
      <c r="AK92" s="14"/>
    </row>
    <row r="93" spans="1:37">
      <c r="A93" s="3" t="s">
        <v>52</v>
      </c>
      <c r="B93" s="2">
        <v>0.44596064814814818</v>
      </c>
      <c r="C93" s="3">
        <v>232.78</v>
      </c>
      <c r="D93" s="3">
        <v>300.52999999999997</v>
      </c>
      <c r="E93" s="3">
        <v>403.06</v>
      </c>
      <c r="F93" s="3">
        <v>558.55999999999995</v>
      </c>
      <c r="G93" s="3">
        <v>490.53</v>
      </c>
      <c r="H93" s="3">
        <v>613.16999999999996</v>
      </c>
      <c r="I93" s="3">
        <v>201.19</v>
      </c>
      <c r="J93" s="3">
        <v>312.45999999999998</v>
      </c>
      <c r="K93" s="3">
        <v>218.78</v>
      </c>
      <c r="L93" s="3">
        <v>309.35000000000002</v>
      </c>
      <c r="M93" s="3">
        <v>268.39999999999998</v>
      </c>
      <c r="N93" s="3">
        <v>401.66</v>
      </c>
      <c r="O93" s="3">
        <v>569.91</v>
      </c>
      <c r="P93" s="3">
        <v>791.7</v>
      </c>
      <c r="Q93" s="3">
        <v>2283.42</v>
      </c>
      <c r="R93" s="3">
        <v>2283.42</v>
      </c>
      <c r="S93" s="3">
        <v>-2.2000000000000002</v>
      </c>
      <c r="T93" s="3">
        <v>-0.54</v>
      </c>
      <c r="U93" s="3">
        <v>-0.04</v>
      </c>
      <c r="V93" s="3">
        <v>0.53</v>
      </c>
      <c r="W93" s="3">
        <v>-0.01</v>
      </c>
      <c r="X93" s="3">
        <v>-0.25</v>
      </c>
      <c r="Y93" s="3">
        <v>0.01</v>
      </c>
      <c r="Z93" s="3">
        <v>7.0000000000000007E-2</v>
      </c>
      <c r="AA93" s="4">
        <f t="shared" si="16"/>
        <v>0</v>
      </c>
      <c r="AB93" s="4">
        <f t="shared" si="18"/>
        <v>1.6</v>
      </c>
      <c r="AC93" s="3">
        <f t="shared" si="10"/>
        <v>-3.5200000000000005</v>
      </c>
      <c r="AD93" s="4">
        <f t="shared" si="13"/>
        <v>0</v>
      </c>
      <c r="AE93" s="3">
        <f t="shared" si="11"/>
        <v>-0.8640000000000001</v>
      </c>
      <c r="AF93" s="4">
        <f t="shared" si="17"/>
        <v>0</v>
      </c>
      <c r="AG93" s="3">
        <f t="shared" si="14"/>
        <v>-6.4000000000000001E-2</v>
      </c>
      <c r="AH93" s="4">
        <f t="shared" si="15"/>
        <v>0</v>
      </c>
      <c r="AI93" s="3">
        <f t="shared" si="12"/>
        <v>0.53</v>
      </c>
      <c r="AJ93" s="14"/>
      <c r="AK93" s="14"/>
    </row>
    <row r="94" spans="1:37">
      <c r="A94" s="3" t="s">
        <v>52</v>
      </c>
      <c r="B94" s="2">
        <v>0.44665509259259256</v>
      </c>
      <c r="C94" s="3">
        <v>234.1</v>
      </c>
      <c r="D94" s="3">
        <v>311.42</v>
      </c>
      <c r="E94" s="3">
        <v>402.72</v>
      </c>
      <c r="F94" s="3">
        <v>550.1</v>
      </c>
      <c r="G94" s="3">
        <v>492.41</v>
      </c>
      <c r="H94" s="3">
        <v>611.91999999999996</v>
      </c>
      <c r="I94" s="3">
        <v>200.93</v>
      </c>
      <c r="J94" s="3">
        <v>308.8</v>
      </c>
      <c r="K94" s="3">
        <v>219.42</v>
      </c>
      <c r="L94" s="3">
        <v>313.06</v>
      </c>
      <c r="M94" s="3">
        <v>267.68</v>
      </c>
      <c r="N94" s="3">
        <v>399.47</v>
      </c>
      <c r="O94" s="3">
        <v>583.73</v>
      </c>
      <c r="P94" s="3">
        <v>805.15</v>
      </c>
      <c r="Q94" s="3">
        <v>2283.44</v>
      </c>
      <c r="R94" s="3">
        <v>2283.44</v>
      </c>
      <c r="S94" s="3">
        <v>-2.38</v>
      </c>
      <c r="T94" s="3">
        <v>-0.61</v>
      </c>
      <c r="U94" s="3">
        <v>-0.11</v>
      </c>
      <c r="V94" s="3">
        <v>0.51</v>
      </c>
      <c r="W94" s="3">
        <v>-0.17</v>
      </c>
      <c r="X94" s="3">
        <v>-0.24</v>
      </c>
      <c r="Y94" s="3">
        <v>0</v>
      </c>
      <c r="Z94" s="3">
        <v>0.05</v>
      </c>
      <c r="AA94" s="4">
        <f t="shared" si="16"/>
        <v>0</v>
      </c>
      <c r="AB94" s="4">
        <f t="shared" si="18"/>
        <v>1.6</v>
      </c>
      <c r="AC94" s="3">
        <f t="shared" si="10"/>
        <v>-3.8079999999999998</v>
      </c>
      <c r="AD94" s="4">
        <f t="shared" si="13"/>
        <v>0</v>
      </c>
      <c r="AE94" s="3">
        <f t="shared" si="11"/>
        <v>-0.97599999999999998</v>
      </c>
      <c r="AF94" s="4">
        <f t="shared" si="17"/>
        <v>0</v>
      </c>
      <c r="AG94" s="3">
        <f t="shared" si="14"/>
        <v>-0.17600000000000002</v>
      </c>
      <c r="AH94" s="4">
        <f t="shared" si="15"/>
        <v>0</v>
      </c>
      <c r="AI94" s="3">
        <f t="shared" si="12"/>
        <v>0.51</v>
      </c>
      <c r="AJ94" s="14"/>
      <c r="AK94" s="14"/>
    </row>
    <row r="95" spans="1:37">
      <c r="A95" s="3" t="s">
        <v>52</v>
      </c>
      <c r="B95" s="2">
        <v>0.44734953703703706</v>
      </c>
      <c r="C95" s="3">
        <v>234.95</v>
      </c>
      <c r="D95" s="3">
        <v>314.48</v>
      </c>
      <c r="E95" s="3">
        <v>401.89</v>
      </c>
      <c r="F95" s="3">
        <v>542.49</v>
      </c>
      <c r="G95" s="3">
        <v>492.03</v>
      </c>
      <c r="H95" s="3">
        <v>603.54</v>
      </c>
      <c r="I95" s="3">
        <v>200.74</v>
      </c>
      <c r="J95" s="3">
        <v>305.04000000000002</v>
      </c>
      <c r="K95" s="3">
        <v>219.85</v>
      </c>
      <c r="L95" s="3">
        <v>312.13</v>
      </c>
      <c r="M95" s="3">
        <v>268.51</v>
      </c>
      <c r="N95" s="3">
        <v>409.85</v>
      </c>
      <c r="O95" s="3">
        <v>596.82000000000005</v>
      </c>
      <c r="P95" s="3">
        <v>798.29</v>
      </c>
      <c r="Q95" s="3">
        <v>2283.46</v>
      </c>
      <c r="R95" s="3">
        <v>2283.46</v>
      </c>
      <c r="S95" s="3">
        <v>-2.0699999999999998</v>
      </c>
      <c r="T95" s="3">
        <v>-0.48</v>
      </c>
      <c r="U95" s="3">
        <v>0.04</v>
      </c>
      <c r="V95" s="3">
        <v>0.61</v>
      </c>
      <c r="W95" s="3">
        <v>0.21</v>
      </c>
      <c r="X95" s="3">
        <v>-0.23</v>
      </c>
      <c r="Y95" s="3">
        <v>0.02</v>
      </c>
      <c r="Z95" s="3">
        <v>0.09</v>
      </c>
      <c r="AA95" s="4">
        <f t="shared" si="16"/>
        <v>0</v>
      </c>
      <c r="AB95" s="4">
        <f t="shared" si="18"/>
        <v>1.6</v>
      </c>
      <c r="AC95" s="3">
        <f t="shared" si="10"/>
        <v>-3.3119999999999998</v>
      </c>
      <c r="AD95" s="4">
        <f t="shared" si="13"/>
        <v>0</v>
      </c>
      <c r="AE95" s="3">
        <f t="shared" si="11"/>
        <v>-0.76800000000000002</v>
      </c>
      <c r="AF95" s="4">
        <f t="shared" si="17"/>
        <v>0</v>
      </c>
      <c r="AG95" s="3">
        <f t="shared" si="14"/>
        <v>6.4000000000000001E-2</v>
      </c>
      <c r="AH95" s="4">
        <f t="shared" si="15"/>
        <v>0</v>
      </c>
      <c r="AI95" s="3">
        <f t="shared" si="12"/>
        <v>0.61</v>
      </c>
      <c r="AJ95" s="14"/>
      <c r="AK95" s="14"/>
    </row>
    <row r="96" spans="1:37">
      <c r="A96" s="3" t="s">
        <v>52</v>
      </c>
      <c r="B96" s="2">
        <v>0.44804398148148145</v>
      </c>
      <c r="C96" s="3">
        <v>234.55</v>
      </c>
      <c r="D96" s="3">
        <v>311.38</v>
      </c>
      <c r="E96" s="3">
        <v>401.07</v>
      </c>
      <c r="F96" s="3">
        <v>535.44000000000005</v>
      </c>
      <c r="G96" s="3">
        <v>490.5</v>
      </c>
      <c r="H96" s="3">
        <v>595.59</v>
      </c>
      <c r="I96" s="3">
        <v>200.53</v>
      </c>
      <c r="J96" s="3">
        <v>301.35000000000002</v>
      </c>
      <c r="K96" s="3">
        <v>220.54</v>
      </c>
      <c r="L96" s="3">
        <v>309.66000000000003</v>
      </c>
      <c r="M96" s="3">
        <v>270.33</v>
      </c>
      <c r="N96" s="3">
        <v>419.17</v>
      </c>
      <c r="O96" s="3">
        <v>606.34</v>
      </c>
      <c r="P96" s="3">
        <v>798.24</v>
      </c>
      <c r="Q96" s="3">
        <v>2283.5</v>
      </c>
      <c r="R96" s="3">
        <v>2283.5</v>
      </c>
      <c r="S96" s="3">
        <v>-2.02</v>
      </c>
      <c r="T96" s="3">
        <v>-0.46</v>
      </c>
      <c r="U96" s="3">
        <v>0.06</v>
      </c>
      <c r="V96" s="3">
        <v>0.61</v>
      </c>
      <c r="W96" s="3">
        <v>0.24</v>
      </c>
      <c r="X96" s="3">
        <v>-0.28999999999999998</v>
      </c>
      <c r="Y96" s="3">
        <v>0.02</v>
      </c>
      <c r="Z96" s="3">
        <v>0.12</v>
      </c>
      <c r="AA96" s="4">
        <f t="shared" si="16"/>
        <v>0</v>
      </c>
      <c r="AB96" s="4">
        <f t="shared" si="18"/>
        <v>1.6</v>
      </c>
      <c r="AC96" s="3">
        <f t="shared" si="10"/>
        <v>-3.2320000000000002</v>
      </c>
      <c r="AD96" s="4">
        <f t="shared" si="13"/>
        <v>0</v>
      </c>
      <c r="AE96" s="3">
        <f t="shared" si="11"/>
        <v>-0.7360000000000001</v>
      </c>
      <c r="AF96" s="4">
        <f t="shared" si="17"/>
        <v>0</v>
      </c>
      <c r="AG96" s="3">
        <f t="shared" si="14"/>
        <v>9.6000000000000002E-2</v>
      </c>
      <c r="AH96" s="4">
        <f t="shared" si="15"/>
        <v>0</v>
      </c>
      <c r="AI96" s="3">
        <f t="shared" si="12"/>
        <v>0.61</v>
      </c>
      <c r="AJ96" s="14"/>
      <c r="AK96" s="14"/>
    </row>
    <row r="97" spans="1:37">
      <c r="A97" s="3" t="s">
        <v>52</v>
      </c>
      <c r="B97" s="2">
        <v>0.44873842592592594</v>
      </c>
      <c r="C97" s="3">
        <v>233.51</v>
      </c>
      <c r="D97" s="3">
        <v>306.41000000000003</v>
      </c>
      <c r="E97" s="3">
        <v>400.23</v>
      </c>
      <c r="F97" s="3">
        <v>529.55999999999995</v>
      </c>
      <c r="G97" s="3">
        <v>491.34</v>
      </c>
      <c r="H97" s="3">
        <v>603.03</v>
      </c>
      <c r="I97" s="3">
        <v>199.87</v>
      </c>
      <c r="J97" s="3">
        <v>298.54000000000002</v>
      </c>
      <c r="K97" s="3">
        <v>221.08</v>
      </c>
      <c r="L97" s="3">
        <v>306.74</v>
      </c>
      <c r="M97" s="3">
        <v>271.25</v>
      </c>
      <c r="N97" s="3">
        <v>419.39</v>
      </c>
      <c r="O97" s="3">
        <v>614.99</v>
      </c>
      <c r="P97" s="3">
        <v>802.78</v>
      </c>
      <c r="Q97" s="3">
        <v>2283.54</v>
      </c>
      <c r="R97" s="3">
        <v>2283.54</v>
      </c>
      <c r="S97" s="3">
        <v>-2.33</v>
      </c>
      <c r="T97" s="3">
        <v>-0.6</v>
      </c>
      <c r="U97" s="3">
        <v>-7.0000000000000007E-2</v>
      </c>
      <c r="V97" s="3">
        <v>0.55000000000000004</v>
      </c>
      <c r="W97" s="3">
        <v>-7.0000000000000007E-2</v>
      </c>
      <c r="X97" s="3">
        <v>-0.22</v>
      </c>
      <c r="Y97" s="3">
        <v>0.01</v>
      </c>
      <c r="Z97" s="3">
        <v>0.05</v>
      </c>
      <c r="AA97" s="4">
        <f t="shared" si="16"/>
        <v>0</v>
      </c>
      <c r="AB97" s="4">
        <f t="shared" si="18"/>
        <v>1.6</v>
      </c>
      <c r="AC97" s="3">
        <f t="shared" si="10"/>
        <v>-3.7280000000000002</v>
      </c>
      <c r="AD97" s="4">
        <f t="shared" si="13"/>
        <v>0</v>
      </c>
      <c r="AE97" s="3">
        <f t="shared" si="11"/>
        <v>-0.96</v>
      </c>
      <c r="AF97" s="4">
        <f t="shared" si="17"/>
        <v>0</v>
      </c>
      <c r="AG97" s="3">
        <f t="shared" si="14"/>
        <v>-0.11200000000000002</v>
      </c>
      <c r="AH97" s="4">
        <f t="shared" si="15"/>
        <v>0</v>
      </c>
      <c r="AI97" s="3">
        <f t="shared" si="12"/>
        <v>0.55000000000000004</v>
      </c>
      <c r="AJ97" s="14"/>
      <c r="AK97" s="14"/>
    </row>
    <row r="98" spans="1:37">
      <c r="A98" s="3" t="s">
        <v>52</v>
      </c>
      <c r="B98" s="2">
        <v>0.44943287037037033</v>
      </c>
      <c r="C98" s="3">
        <v>232.39</v>
      </c>
      <c r="D98" s="3">
        <v>301.08999999999997</v>
      </c>
      <c r="E98" s="3">
        <v>399.57</v>
      </c>
      <c r="F98" s="3">
        <v>554.95000000000005</v>
      </c>
      <c r="G98" s="3">
        <v>494.37</v>
      </c>
      <c r="H98" s="3">
        <v>614.16999999999996</v>
      </c>
      <c r="I98" s="3">
        <v>199.6</v>
      </c>
      <c r="J98" s="3">
        <v>304.31</v>
      </c>
      <c r="K98" s="3">
        <v>221.12</v>
      </c>
      <c r="L98" s="3">
        <v>303.77</v>
      </c>
      <c r="M98" s="3">
        <v>272.08</v>
      </c>
      <c r="N98" s="3">
        <v>416.19</v>
      </c>
      <c r="O98" s="3">
        <v>622.39</v>
      </c>
      <c r="P98" s="3">
        <v>796.44</v>
      </c>
      <c r="Q98" s="3">
        <v>2283.58</v>
      </c>
      <c r="R98" s="3">
        <v>2283.58</v>
      </c>
      <c r="S98" s="3">
        <v>-2.35</v>
      </c>
      <c r="T98" s="3">
        <v>-0.61</v>
      </c>
      <c r="U98" s="3">
        <v>-0.08</v>
      </c>
      <c r="V98" s="3">
        <v>0.56000000000000005</v>
      </c>
      <c r="W98" s="3">
        <v>-0.11</v>
      </c>
      <c r="X98" s="3">
        <v>-0.23</v>
      </c>
      <c r="Y98" s="3">
        <v>0</v>
      </c>
      <c r="Z98" s="3">
        <v>0.05</v>
      </c>
      <c r="AA98" s="4">
        <f t="shared" si="16"/>
        <v>0</v>
      </c>
      <c r="AB98" s="4">
        <f t="shared" si="18"/>
        <v>1.6</v>
      </c>
      <c r="AC98" s="3">
        <f t="shared" si="10"/>
        <v>-3.7600000000000002</v>
      </c>
      <c r="AD98" s="4">
        <f t="shared" si="13"/>
        <v>0</v>
      </c>
      <c r="AE98" s="3">
        <f t="shared" si="11"/>
        <v>-0.97599999999999998</v>
      </c>
      <c r="AF98" s="4">
        <f t="shared" si="17"/>
        <v>0</v>
      </c>
      <c r="AG98" s="3">
        <f t="shared" si="14"/>
        <v>-0.128</v>
      </c>
      <c r="AH98" s="4">
        <f t="shared" si="15"/>
        <v>0</v>
      </c>
      <c r="AI98" s="3">
        <f t="shared" si="12"/>
        <v>0.56000000000000005</v>
      </c>
      <c r="AJ98" s="14"/>
      <c r="AK98" s="14"/>
    </row>
    <row r="99" spans="1:37">
      <c r="A99" s="3" t="s">
        <v>52</v>
      </c>
      <c r="B99" s="2">
        <v>0.45013888888888887</v>
      </c>
      <c r="C99" s="3">
        <v>231.19</v>
      </c>
      <c r="D99" s="3">
        <v>298.07</v>
      </c>
      <c r="E99" s="3">
        <v>400.51</v>
      </c>
      <c r="F99" s="3">
        <v>573.53</v>
      </c>
      <c r="G99" s="3">
        <v>495.86</v>
      </c>
      <c r="H99" s="3">
        <v>611.27</v>
      </c>
      <c r="I99" s="3">
        <v>199.64</v>
      </c>
      <c r="J99" s="3">
        <v>314.3</v>
      </c>
      <c r="K99" s="3">
        <v>221.04</v>
      </c>
      <c r="L99" s="3">
        <v>300.87</v>
      </c>
      <c r="M99" s="3">
        <v>272.64999999999998</v>
      </c>
      <c r="N99" s="3">
        <v>412.06</v>
      </c>
      <c r="O99" s="3">
        <v>628.85</v>
      </c>
      <c r="P99" s="3">
        <v>803.16</v>
      </c>
      <c r="Q99" s="3">
        <v>2283.62</v>
      </c>
      <c r="R99" s="3">
        <v>2283.62</v>
      </c>
      <c r="S99" s="3">
        <v>-2.23</v>
      </c>
      <c r="T99" s="3">
        <v>-0.56000000000000005</v>
      </c>
      <c r="U99" s="3">
        <v>-0.02</v>
      </c>
      <c r="V99" s="3">
        <v>0.55000000000000004</v>
      </c>
      <c r="W99" s="3">
        <v>0.05</v>
      </c>
      <c r="X99" s="3">
        <v>-0.2</v>
      </c>
      <c r="Y99" s="3">
        <v>0.02</v>
      </c>
      <c r="Z99" s="3">
        <v>0.05</v>
      </c>
      <c r="AA99" s="4">
        <f t="shared" si="16"/>
        <v>0</v>
      </c>
      <c r="AB99" s="4">
        <f t="shared" si="18"/>
        <v>1.6</v>
      </c>
      <c r="AC99" s="3">
        <f t="shared" si="10"/>
        <v>-3.5680000000000001</v>
      </c>
      <c r="AD99" s="4">
        <f t="shared" si="13"/>
        <v>0</v>
      </c>
      <c r="AE99" s="3">
        <f t="shared" si="11"/>
        <v>-0.89600000000000013</v>
      </c>
      <c r="AF99" s="4">
        <f t="shared" si="17"/>
        <v>0</v>
      </c>
      <c r="AG99" s="3">
        <f t="shared" si="14"/>
        <v>-3.2000000000000001E-2</v>
      </c>
      <c r="AH99" s="4">
        <f t="shared" si="15"/>
        <v>0</v>
      </c>
      <c r="AI99" s="3">
        <f t="shared" si="12"/>
        <v>0.55000000000000004</v>
      </c>
      <c r="AJ99" s="14"/>
      <c r="AK99" s="14"/>
    </row>
    <row r="100" spans="1:37">
      <c r="A100" s="3" t="s">
        <v>52</v>
      </c>
      <c r="B100" s="2">
        <v>0.45083333333333336</v>
      </c>
      <c r="C100" s="3">
        <v>231.29</v>
      </c>
      <c r="D100" s="3">
        <v>306.75</v>
      </c>
      <c r="E100" s="3">
        <v>401.97</v>
      </c>
      <c r="F100" s="3">
        <v>561.76</v>
      </c>
      <c r="G100" s="3">
        <v>495.28</v>
      </c>
      <c r="H100" s="3">
        <v>602.63</v>
      </c>
      <c r="I100" s="3">
        <v>199.5</v>
      </c>
      <c r="J100" s="3">
        <v>317.33</v>
      </c>
      <c r="K100" s="3">
        <v>221.22</v>
      </c>
      <c r="L100" s="3">
        <v>299.13</v>
      </c>
      <c r="M100" s="3">
        <v>272.44</v>
      </c>
      <c r="N100" s="3">
        <v>407.84</v>
      </c>
      <c r="O100" s="3">
        <v>634.88</v>
      </c>
      <c r="P100" s="3">
        <v>798.55</v>
      </c>
      <c r="Q100" s="3">
        <v>2283.66</v>
      </c>
      <c r="R100" s="3">
        <v>2283.66</v>
      </c>
      <c r="S100" s="3">
        <v>-2.46</v>
      </c>
      <c r="T100" s="3">
        <v>-0.65</v>
      </c>
      <c r="U100" s="3">
        <v>-0.12</v>
      </c>
      <c r="V100" s="3">
        <v>0.49</v>
      </c>
      <c r="W100" s="3">
        <v>-0.22</v>
      </c>
      <c r="X100" s="3">
        <v>-0.24</v>
      </c>
      <c r="Y100" s="3">
        <v>0.01</v>
      </c>
      <c r="Z100" s="3">
        <v>0.05</v>
      </c>
      <c r="AA100" s="4">
        <f t="shared" si="16"/>
        <v>0</v>
      </c>
      <c r="AB100" s="4">
        <f t="shared" si="18"/>
        <v>1.6</v>
      </c>
      <c r="AC100" s="3">
        <f t="shared" si="10"/>
        <v>-3.9359999999999999</v>
      </c>
      <c r="AD100" s="4">
        <f t="shared" si="13"/>
        <v>0</v>
      </c>
      <c r="AE100" s="3">
        <f t="shared" si="11"/>
        <v>-1.04</v>
      </c>
      <c r="AF100" s="4">
        <f t="shared" si="17"/>
        <v>0</v>
      </c>
      <c r="AG100" s="3">
        <f t="shared" si="14"/>
        <v>-0.192</v>
      </c>
      <c r="AH100" s="4">
        <f t="shared" si="15"/>
        <v>0</v>
      </c>
      <c r="AI100" s="3">
        <f t="shared" si="12"/>
        <v>0.49</v>
      </c>
      <c r="AJ100" s="14"/>
      <c r="AK100" s="14"/>
    </row>
    <row r="101" spans="1:37">
      <c r="A101" s="3" t="s">
        <v>52</v>
      </c>
      <c r="B101" s="2">
        <v>0.45152777777777775</v>
      </c>
      <c r="C101" s="3">
        <v>232.22</v>
      </c>
      <c r="D101" s="3">
        <v>314.20999999999998</v>
      </c>
      <c r="E101" s="3">
        <v>402.05</v>
      </c>
      <c r="F101" s="3">
        <v>551.05999999999995</v>
      </c>
      <c r="G101" s="3">
        <v>493.8</v>
      </c>
      <c r="H101" s="3">
        <v>595.5</v>
      </c>
      <c r="I101" s="3">
        <v>199.59</v>
      </c>
      <c r="J101" s="3">
        <v>316.02</v>
      </c>
      <c r="K101" s="3">
        <v>221.64</v>
      </c>
      <c r="L101" s="3">
        <v>305.52999999999997</v>
      </c>
      <c r="M101" s="3">
        <v>273.16000000000003</v>
      </c>
      <c r="N101" s="3">
        <v>403.67</v>
      </c>
      <c r="O101" s="3">
        <v>639.62</v>
      </c>
      <c r="P101" s="3">
        <v>800.29</v>
      </c>
      <c r="Q101" s="3">
        <v>2283.69</v>
      </c>
      <c r="R101" s="3">
        <v>2283.69</v>
      </c>
      <c r="S101" s="3">
        <v>-2.5</v>
      </c>
      <c r="T101" s="3">
        <v>-0.66</v>
      </c>
      <c r="U101" s="3">
        <v>-0.13</v>
      </c>
      <c r="V101" s="3">
        <v>0.49</v>
      </c>
      <c r="W101" s="3">
        <v>-0.26</v>
      </c>
      <c r="X101" s="3">
        <v>-0.25</v>
      </c>
      <c r="Y101" s="3">
        <v>0.01</v>
      </c>
      <c r="Z101" s="3">
        <v>0.04</v>
      </c>
      <c r="AA101" s="4">
        <f t="shared" si="16"/>
        <v>0</v>
      </c>
      <c r="AB101" s="4">
        <f t="shared" ref="AB101:AB164" si="19">AB100</f>
        <v>1.6</v>
      </c>
      <c r="AC101" s="3">
        <f t="shared" si="10"/>
        <v>-4</v>
      </c>
      <c r="AD101" s="4">
        <f t="shared" si="13"/>
        <v>0</v>
      </c>
      <c r="AE101" s="3">
        <f t="shared" si="11"/>
        <v>-1.056</v>
      </c>
      <c r="AF101" s="4">
        <f t="shared" si="17"/>
        <v>0</v>
      </c>
      <c r="AG101" s="3">
        <f t="shared" si="14"/>
        <v>-0.20800000000000002</v>
      </c>
      <c r="AH101" s="4">
        <f t="shared" si="15"/>
        <v>0</v>
      </c>
      <c r="AI101" s="3">
        <f t="shared" si="12"/>
        <v>0.49</v>
      </c>
      <c r="AJ101" s="14"/>
      <c r="AK101" s="14"/>
    </row>
    <row r="102" spans="1:37">
      <c r="A102" s="3" t="s">
        <v>52</v>
      </c>
      <c r="B102" s="2">
        <v>0.45222222222222225</v>
      </c>
      <c r="C102" s="3">
        <v>232.62</v>
      </c>
      <c r="D102" s="3">
        <v>313.13</v>
      </c>
      <c r="E102" s="3">
        <v>402.41</v>
      </c>
      <c r="F102" s="3">
        <v>543.6</v>
      </c>
      <c r="G102" s="3">
        <v>495.13</v>
      </c>
      <c r="H102" s="3">
        <v>604.54999999999995</v>
      </c>
      <c r="I102" s="3">
        <v>199.85</v>
      </c>
      <c r="J102" s="3">
        <v>313.05</v>
      </c>
      <c r="K102" s="3">
        <v>221.72</v>
      </c>
      <c r="L102" s="3">
        <v>312.18</v>
      </c>
      <c r="M102" s="3">
        <v>272.55</v>
      </c>
      <c r="N102" s="3">
        <v>399.77</v>
      </c>
      <c r="O102" s="3">
        <v>644.54</v>
      </c>
      <c r="P102" s="3">
        <v>802.41</v>
      </c>
      <c r="Q102" s="3">
        <v>2283.7199999999998</v>
      </c>
      <c r="R102" s="3">
        <v>2283.7199999999998</v>
      </c>
      <c r="S102" s="3">
        <v>-2.4700000000000002</v>
      </c>
      <c r="T102" s="3">
        <v>-0.64</v>
      </c>
      <c r="U102" s="3">
        <v>-0.11</v>
      </c>
      <c r="V102" s="3">
        <v>0.51</v>
      </c>
      <c r="W102" s="3">
        <v>-0.2</v>
      </c>
      <c r="X102" s="3">
        <v>-0.25</v>
      </c>
      <c r="Y102" s="3">
        <v>0.01</v>
      </c>
      <c r="Z102" s="3">
        <v>0.05</v>
      </c>
      <c r="AA102" s="4">
        <f t="shared" si="16"/>
        <v>0</v>
      </c>
      <c r="AB102" s="4">
        <f t="shared" si="19"/>
        <v>1.6</v>
      </c>
      <c r="AC102" s="3">
        <f t="shared" si="10"/>
        <v>-3.9520000000000004</v>
      </c>
      <c r="AD102" s="4">
        <f t="shared" si="13"/>
        <v>0</v>
      </c>
      <c r="AE102" s="3">
        <f t="shared" si="11"/>
        <v>-1.024</v>
      </c>
      <c r="AF102" s="4">
        <f t="shared" si="17"/>
        <v>0</v>
      </c>
      <c r="AG102" s="3">
        <f t="shared" si="14"/>
        <v>-0.17600000000000002</v>
      </c>
      <c r="AH102" s="4">
        <f t="shared" si="15"/>
        <v>0</v>
      </c>
      <c r="AI102" s="3">
        <f t="shared" si="12"/>
        <v>0.51</v>
      </c>
      <c r="AJ102" s="14"/>
      <c r="AK102" s="14"/>
    </row>
    <row r="103" spans="1:37">
      <c r="A103" s="3" t="s">
        <v>52</v>
      </c>
      <c r="B103" s="2">
        <v>0.45291666666666663</v>
      </c>
      <c r="C103" s="3">
        <v>232.48</v>
      </c>
      <c r="D103" s="3">
        <v>308.79000000000002</v>
      </c>
      <c r="E103" s="3">
        <v>402.36</v>
      </c>
      <c r="F103" s="3">
        <v>569.83000000000004</v>
      </c>
      <c r="G103" s="3">
        <v>498.25</v>
      </c>
      <c r="H103" s="3">
        <v>614.57000000000005</v>
      </c>
      <c r="I103" s="3">
        <v>199.83</v>
      </c>
      <c r="J103" s="3">
        <v>309.54000000000002</v>
      </c>
      <c r="K103" s="3">
        <v>222.05</v>
      </c>
      <c r="L103" s="3">
        <v>312.77</v>
      </c>
      <c r="M103" s="3">
        <v>272.02999999999997</v>
      </c>
      <c r="N103" s="3">
        <v>401.14</v>
      </c>
      <c r="O103" s="3">
        <v>648.62</v>
      </c>
      <c r="P103" s="3">
        <v>797.53</v>
      </c>
      <c r="Q103" s="3">
        <v>2283.75</v>
      </c>
      <c r="R103" s="3">
        <v>2283.75</v>
      </c>
      <c r="S103" s="3">
        <v>-2.48</v>
      </c>
      <c r="T103" s="3">
        <v>-0.65</v>
      </c>
      <c r="U103" s="3">
        <v>-0.11</v>
      </c>
      <c r="V103" s="3">
        <v>0.5</v>
      </c>
      <c r="W103" s="3">
        <v>-0.19</v>
      </c>
      <c r="X103" s="3">
        <v>-0.24</v>
      </c>
      <c r="Y103" s="3">
        <v>0.01</v>
      </c>
      <c r="Z103" s="3">
        <v>0.05</v>
      </c>
      <c r="AA103" s="4">
        <f t="shared" si="16"/>
        <v>0</v>
      </c>
      <c r="AB103" s="4">
        <f t="shared" si="19"/>
        <v>1.6</v>
      </c>
      <c r="AC103" s="3">
        <f t="shared" si="10"/>
        <v>-3.968</v>
      </c>
      <c r="AD103" s="4">
        <f t="shared" si="13"/>
        <v>0</v>
      </c>
      <c r="AE103" s="3">
        <f t="shared" si="11"/>
        <v>-1.04</v>
      </c>
      <c r="AF103" s="4">
        <f t="shared" si="17"/>
        <v>0</v>
      </c>
      <c r="AG103" s="3">
        <f t="shared" si="14"/>
        <v>-0.17600000000000002</v>
      </c>
      <c r="AH103" s="4">
        <f t="shared" si="15"/>
        <v>0</v>
      </c>
      <c r="AI103" s="3">
        <f t="shared" si="12"/>
        <v>0.5</v>
      </c>
      <c r="AJ103" s="14"/>
      <c r="AK103" s="14"/>
    </row>
    <row r="104" spans="1:37">
      <c r="A104" s="3" t="s">
        <v>52</v>
      </c>
      <c r="B104" s="2">
        <v>0.45361111111111113</v>
      </c>
      <c r="C104" s="3">
        <v>231.49</v>
      </c>
      <c r="D104" s="3">
        <v>303.62</v>
      </c>
      <c r="E104" s="3">
        <v>405.07</v>
      </c>
      <c r="F104" s="3">
        <v>600.73</v>
      </c>
      <c r="G104" s="3">
        <v>499.57</v>
      </c>
      <c r="H104" s="3">
        <v>610.89</v>
      </c>
      <c r="I104" s="3">
        <v>199.59</v>
      </c>
      <c r="J104" s="3">
        <v>305.88</v>
      </c>
      <c r="K104" s="3">
        <v>223.05</v>
      </c>
      <c r="L104" s="3">
        <v>310.83</v>
      </c>
      <c r="M104" s="3">
        <v>273.55</v>
      </c>
      <c r="N104" s="3">
        <v>414.5</v>
      </c>
      <c r="O104" s="3">
        <v>652.33000000000004</v>
      </c>
      <c r="P104" s="3">
        <v>809.63</v>
      </c>
      <c r="Q104" s="3">
        <v>2283.77</v>
      </c>
      <c r="R104" s="3">
        <v>2283.77</v>
      </c>
      <c r="S104" s="3">
        <v>-2.4700000000000002</v>
      </c>
      <c r="T104" s="3">
        <v>-0.64</v>
      </c>
      <c r="U104" s="3">
        <v>-0.1</v>
      </c>
      <c r="V104" s="3">
        <v>0.46</v>
      </c>
      <c r="W104" s="3">
        <v>-0.16</v>
      </c>
      <c r="X104" s="3">
        <v>-0.23</v>
      </c>
      <c r="Y104" s="3">
        <v>0.01</v>
      </c>
      <c r="Z104" s="3">
        <v>0.04</v>
      </c>
      <c r="AA104" s="4">
        <f t="shared" si="16"/>
        <v>0</v>
      </c>
      <c r="AB104" s="4">
        <f t="shared" si="19"/>
        <v>1.6</v>
      </c>
      <c r="AC104" s="3">
        <f t="shared" si="10"/>
        <v>-3.9520000000000004</v>
      </c>
      <c r="AD104" s="4">
        <f t="shared" si="13"/>
        <v>0</v>
      </c>
      <c r="AE104" s="3">
        <f t="shared" si="11"/>
        <v>-1.024</v>
      </c>
      <c r="AF104" s="4">
        <f t="shared" si="17"/>
        <v>0</v>
      </c>
      <c r="AG104" s="3">
        <f t="shared" si="14"/>
        <v>-0.16000000000000003</v>
      </c>
      <c r="AH104" s="4">
        <f t="shared" si="15"/>
        <v>0</v>
      </c>
      <c r="AI104" s="3">
        <f t="shared" si="12"/>
        <v>0.46</v>
      </c>
      <c r="AJ104" s="14"/>
      <c r="AK104" s="14"/>
    </row>
    <row r="105" spans="1:37">
      <c r="A105" s="3" t="s">
        <v>52</v>
      </c>
      <c r="B105" s="2">
        <v>0.45430555555555557</v>
      </c>
      <c r="C105" s="3">
        <v>229.73</v>
      </c>
      <c r="D105" s="3">
        <v>298.68</v>
      </c>
      <c r="E105" s="3">
        <v>407.73</v>
      </c>
      <c r="F105" s="3">
        <v>601.35</v>
      </c>
      <c r="G105" s="3">
        <v>498.86</v>
      </c>
      <c r="H105" s="3">
        <v>602.20000000000005</v>
      </c>
      <c r="I105" s="3">
        <v>199.17</v>
      </c>
      <c r="J105" s="3">
        <v>302.27</v>
      </c>
      <c r="K105" s="3">
        <v>223.31</v>
      </c>
      <c r="L105" s="3">
        <v>308.13</v>
      </c>
      <c r="M105" s="3">
        <v>276.64999999999998</v>
      </c>
      <c r="N105" s="3">
        <v>420.58</v>
      </c>
      <c r="O105" s="3">
        <v>658.39</v>
      </c>
      <c r="P105" s="3">
        <v>827.57</v>
      </c>
      <c r="Q105" s="3">
        <v>2283.8000000000002</v>
      </c>
      <c r="R105" s="3">
        <v>2283.8000000000002</v>
      </c>
      <c r="S105" s="3">
        <v>-2.44</v>
      </c>
      <c r="T105" s="3">
        <v>-0.62</v>
      </c>
      <c r="U105" s="3">
        <v>-0.09</v>
      </c>
      <c r="V105" s="3">
        <v>0.48</v>
      </c>
      <c r="W105" s="3">
        <v>-0.15</v>
      </c>
      <c r="X105" s="3">
        <v>-0.22</v>
      </c>
      <c r="Y105" s="3">
        <v>0.01</v>
      </c>
      <c r="Z105" s="3">
        <v>0.04</v>
      </c>
      <c r="AA105" s="4">
        <f t="shared" si="16"/>
        <v>0</v>
      </c>
      <c r="AB105" s="4">
        <f t="shared" si="19"/>
        <v>1.6</v>
      </c>
      <c r="AC105" s="3">
        <f t="shared" si="10"/>
        <v>-3.9039999999999999</v>
      </c>
      <c r="AD105" s="4">
        <f t="shared" si="13"/>
        <v>0</v>
      </c>
      <c r="AE105" s="3">
        <f t="shared" si="11"/>
        <v>-0.99199999999999999</v>
      </c>
      <c r="AF105" s="4">
        <f t="shared" si="17"/>
        <v>0</v>
      </c>
      <c r="AG105" s="3">
        <f t="shared" si="14"/>
        <v>-0.14399999999999999</v>
      </c>
      <c r="AH105" s="4">
        <f t="shared" si="15"/>
        <v>0</v>
      </c>
      <c r="AI105" s="3">
        <f t="shared" si="12"/>
        <v>0.48</v>
      </c>
      <c r="AJ105" s="14"/>
      <c r="AK105" s="14"/>
    </row>
    <row r="106" spans="1:37">
      <c r="A106" s="3" t="s">
        <v>52</v>
      </c>
      <c r="B106" s="2">
        <v>0.45500000000000002</v>
      </c>
      <c r="C106" s="3">
        <v>228.78</v>
      </c>
      <c r="D106" s="3">
        <v>301.36</v>
      </c>
      <c r="E106" s="3">
        <v>410.79</v>
      </c>
      <c r="F106" s="3">
        <v>601.27</v>
      </c>
      <c r="G106" s="3">
        <v>497.53</v>
      </c>
      <c r="H106" s="3">
        <v>595.62</v>
      </c>
      <c r="I106" s="3">
        <v>198.65</v>
      </c>
      <c r="J106" s="3">
        <v>298.97000000000003</v>
      </c>
      <c r="K106" s="3">
        <v>223.83</v>
      </c>
      <c r="L106" s="3">
        <v>305.24</v>
      </c>
      <c r="M106" s="3">
        <v>276.76</v>
      </c>
      <c r="N106" s="3">
        <v>419.58</v>
      </c>
      <c r="O106" s="3">
        <v>666.42</v>
      </c>
      <c r="P106" s="3">
        <v>846.25</v>
      </c>
      <c r="Q106" s="3">
        <v>2283.83</v>
      </c>
      <c r="R106" s="3">
        <v>2283.83</v>
      </c>
      <c r="S106" s="3">
        <v>-2.5</v>
      </c>
      <c r="T106" s="3">
        <v>-0.66</v>
      </c>
      <c r="U106" s="3">
        <v>-0.11</v>
      </c>
      <c r="V106" s="3">
        <v>0.49</v>
      </c>
      <c r="W106" s="3">
        <v>-0.21</v>
      </c>
      <c r="X106" s="3">
        <v>-0.23</v>
      </c>
      <c r="Y106" s="3">
        <v>0.01</v>
      </c>
      <c r="Z106" s="3">
        <v>0.04</v>
      </c>
      <c r="AA106" s="4">
        <f t="shared" si="16"/>
        <v>0</v>
      </c>
      <c r="AB106" s="4">
        <f t="shared" si="19"/>
        <v>1.6</v>
      </c>
      <c r="AC106" s="3">
        <f t="shared" si="10"/>
        <v>-4</v>
      </c>
      <c r="AD106" s="4">
        <f t="shared" si="13"/>
        <v>0</v>
      </c>
      <c r="AE106" s="3">
        <f t="shared" si="11"/>
        <v>-1.056</v>
      </c>
      <c r="AF106" s="4">
        <f t="shared" si="17"/>
        <v>0</v>
      </c>
      <c r="AG106" s="3">
        <f t="shared" si="14"/>
        <v>-0.17600000000000002</v>
      </c>
      <c r="AH106" s="4">
        <f t="shared" si="15"/>
        <v>0</v>
      </c>
      <c r="AI106" s="3">
        <f t="shared" si="12"/>
        <v>0.49</v>
      </c>
      <c r="AJ106" s="14"/>
      <c r="AK106" s="14"/>
    </row>
    <row r="107" spans="1:37">
      <c r="A107" s="3" t="s">
        <v>52</v>
      </c>
      <c r="B107" s="2">
        <v>0.4557060185185185</v>
      </c>
      <c r="C107" s="3">
        <v>229.87</v>
      </c>
      <c r="D107" s="3">
        <v>312</v>
      </c>
      <c r="E107" s="3">
        <v>412.17</v>
      </c>
      <c r="F107" s="3">
        <v>600.79</v>
      </c>
      <c r="G107" s="3">
        <v>499.15</v>
      </c>
      <c r="H107" s="3">
        <v>605.4</v>
      </c>
      <c r="I107" s="3">
        <v>198.23</v>
      </c>
      <c r="J107" s="3">
        <v>301.55</v>
      </c>
      <c r="K107" s="3">
        <v>223.76</v>
      </c>
      <c r="L107" s="3">
        <v>302.39</v>
      </c>
      <c r="M107" s="3">
        <v>277.04000000000002</v>
      </c>
      <c r="N107" s="3">
        <v>415.99</v>
      </c>
      <c r="O107" s="3">
        <v>676.48</v>
      </c>
      <c r="P107" s="3">
        <v>855.38</v>
      </c>
      <c r="Q107" s="3">
        <v>2283.86</v>
      </c>
      <c r="R107" s="3">
        <v>2283.86</v>
      </c>
      <c r="S107" s="3">
        <v>-2.4900000000000002</v>
      </c>
      <c r="T107" s="3">
        <v>-0.65</v>
      </c>
      <c r="U107" s="3">
        <v>-0.09</v>
      </c>
      <c r="V107" s="3">
        <v>0.52</v>
      </c>
      <c r="W107" s="3">
        <v>-0.17</v>
      </c>
      <c r="X107" s="3">
        <v>-0.22</v>
      </c>
      <c r="Y107" s="3">
        <v>0.01</v>
      </c>
      <c r="Z107" s="3">
        <v>0.03</v>
      </c>
      <c r="AA107" s="4">
        <f t="shared" si="16"/>
        <v>0</v>
      </c>
      <c r="AB107" s="4">
        <f t="shared" si="19"/>
        <v>1.6</v>
      </c>
      <c r="AC107" s="3">
        <f t="shared" si="10"/>
        <v>-3.9840000000000004</v>
      </c>
      <c r="AD107" s="4">
        <f t="shared" si="13"/>
        <v>0</v>
      </c>
      <c r="AE107" s="3">
        <f t="shared" si="11"/>
        <v>-1.04</v>
      </c>
      <c r="AF107" s="4">
        <f t="shared" si="17"/>
        <v>0</v>
      </c>
      <c r="AG107" s="3">
        <f t="shared" si="14"/>
        <v>-0.14399999999999999</v>
      </c>
      <c r="AH107" s="4">
        <f t="shared" si="15"/>
        <v>0</v>
      </c>
      <c r="AI107" s="3">
        <f t="shared" si="12"/>
        <v>0.52</v>
      </c>
      <c r="AJ107" s="14"/>
      <c r="AK107" s="14"/>
    </row>
    <row r="108" spans="1:37">
      <c r="A108" s="3" t="s">
        <v>52</v>
      </c>
      <c r="B108" s="2">
        <v>0.45640046296296299</v>
      </c>
      <c r="C108" s="3">
        <v>231.35</v>
      </c>
      <c r="D108" s="3">
        <v>314.33999999999997</v>
      </c>
      <c r="E108" s="3">
        <v>414.65</v>
      </c>
      <c r="F108" s="3">
        <v>601.4</v>
      </c>
      <c r="G108" s="3">
        <v>502.3</v>
      </c>
      <c r="H108" s="3">
        <v>614.58000000000004</v>
      </c>
      <c r="I108" s="3">
        <v>198.07</v>
      </c>
      <c r="J108" s="3">
        <v>312.20999999999998</v>
      </c>
      <c r="K108" s="3">
        <v>223.99</v>
      </c>
      <c r="L108" s="3">
        <v>299.67</v>
      </c>
      <c r="M108" s="3">
        <v>277.79000000000002</v>
      </c>
      <c r="N108" s="3">
        <v>411.9</v>
      </c>
      <c r="O108" s="3">
        <v>684.48</v>
      </c>
      <c r="P108" s="3">
        <v>846.97</v>
      </c>
      <c r="Q108" s="3">
        <v>2283.9</v>
      </c>
      <c r="R108" s="3">
        <v>2283.9</v>
      </c>
      <c r="S108" s="3">
        <v>-2.48</v>
      </c>
      <c r="T108" s="3">
        <v>-0.64</v>
      </c>
      <c r="U108" s="3">
        <v>-0.08</v>
      </c>
      <c r="V108" s="3">
        <v>0.52</v>
      </c>
      <c r="W108" s="3">
        <v>-0.15</v>
      </c>
      <c r="X108" s="3">
        <v>-0.21</v>
      </c>
      <c r="Y108" s="3">
        <v>0.02</v>
      </c>
      <c r="Z108" s="3">
        <v>0.03</v>
      </c>
      <c r="AA108" s="4">
        <f t="shared" si="16"/>
        <v>0</v>
      </c>
      <c r="AB108" s="4">
        <f t="shared" si="19"/>
        <v>1.6</v>
      </c>
      <c r="AC108" s="3">
        <f t="shared" si="10"/>
        <v>-3.968</v>
      </c>
      <c r="AD108" s="4">
        <f t="shared" si="13"/>
        <v>0</v>
      </c>
      <c r="AE108" s="3">
        <f t="shared" si="11"/>
        <v>-1.024</v>
      </c>
      <c r="AF108" s="4">
        <f t="shared" si="17"/>
        <v>0</v>
      </c>
      <c r="AG108" s="3">
        <f t="shared" si="14"/>
        <v>-0.128</v>
      </c>
      <c r="AH108" s="4">
        <f t="shared" si="15"/>
        <v>0</v>
      </c>
      <c r="AI108" s="3">
        <f t="shared" si="12"/>
        <v>0.52</v>
      </c>
      <c r="AJ108" s="14"/>
      <c r="AK108" s="14"/>
    </row>
    <row r="109" spans="1:37">
      <c r="A109" s="3" t="s">
        <v>52</v>
      </c>
      <c r="B109" s="2">
        <v>0.45709490740740738</v>
      </c>
      <c r="C109" s="3">
        <v>231.4</v>
      </c>
      <c r="D109" s="3">
        <v>311.11</v>
      </c>
      <c r="E109" s="3">
        <v>416.14</v>
      </c>
      <c r="F109" s="3">
        <v>601.64</v>
      </c>
      <c r="G109" s="3">
        <v>503.53</v>
      </c>
      <c r="H109" s="3">
        <v>610.47</v>
      </c>
      <c r="I109" s="3">
        <v>198.05</v>
      </c>
      <c r="J109" s="3">
        <v>317.29000000000002</v>
      </c>
      <c r="K109" s="3">
        <v>223.9</v>
      </c>
      <c r="L109" s="3">
        <v>300.95</v>
      </c>
      <c r="M109" s="3">
        <v>278.25</v>
      </c>
      <c r="N109" s="3">
        <v>407.76</v>
      </c>
      <c r="O109" s="3">
        <v>689.82</v>
      </c>
      <c r="P109" s="3">
        <v>851</v>
      </c>
      <c r="Q109" s="3">
        <v>2283.92</v>
      </c>
      <c r="R109" s="3">
        <v>2283.92</v>
      </c>
      <c r="S109" s="3">
        <v>-2.46</v>
      </c>
      <c r="T109" s="3">
        <v>-0.63</v>
      </c>
      <c r="U109" s="3">
        <v>-7.0000000000000007E-2</v>
      </c>
      <c r="V109" s="3">
        <v>0.5</v>
      </c>
      <c r="W109" s="3">
        <v>-0.11</v>
      </c>
      <c r="X109" s="3">
        <v>-0.21</v>
      </c>
      <c r="Y109" s="3">
        <v>0.03</v>
      </c>
      <c r="Z109" s="3">
        <v>0.03</v>
      </c>
      <c r="AA109" s="4">
        <f t="shared" si="16"/>
        <v>0</v>
      </c>
      <c r="AB109" s="4">
        <f t="shared" si="19"/>
        <v>1.6</v>
      </c>
      <c r="AC109" s="3">
        <f t="shared" si="10"/>
        <v>-3.9359999999999999</v>
      </c>
      <c r="AD109" s="4">
        <f t="shared" si="13"/>
        <v>0</v>
      </c>
      <c r="AE109" s="3">
        <f t="shared" si="11"/>
        <v>-1.008</v>
      </c>
      <c r="AF109" s="4">
        <f t="shared" si="17"/>
        <v>0</v>
      </c>
      <c r="AG109" s="3">
        <f t="shared" si="14"/>
        <v>-0.11200000000000002</v>
      </c>
      <c r="AH109" s="4">
        <f t="shared" si="15"/>
        <v>0</v>
      </c>
      <c r="AI109" s="3">
        <f t="shared" si="12"/>
        <v>0.5</v>
      </c>
      <c r="AJ109" s="14"/>
      <c r="AK109" s="14"/>
    </row>
    <row r="110" spans="1:37">
      <c r="A110" s="3" t="s">
        <v>52</v>
      </c>
      <c r="B110" s="2">
        <v>0.45778935185185188</v>
      </c>
      <c r="C110" s="3">
        <v>230.52</v>
      </c>
      <c r="D110" s="3">
        <v>306.26</v>
      </c>
      <c r="E110" s="3">
        <v>417.81</v>
      </c>
      <c r="F110" s="3">
        <v>601.49</v>
      </c>
      <c r="G110" s="3">
        <v>502.77</v>
      </c>
      <c r="H110" s="3">
        <v>601.83000000000004</v>
      </c>
      <c r="I110" s="3">
        <v>198.27</v>
      </c>
      <c r="J110" s="3">
        <v>316.94</v>
      </c>
      <c r="K110" s="3">
        <v>224.43</v>
      </c>
      <c r="L110" s="3">
        <v>309.55</v>
      </c>
      <c r="M110" s="3">
        <v>277.89</v>
      </c>
      <c r="N110" s="3">
        <v>403.79</v>
      </c>
      <c r="O110" s="3">
        <v>695.24</v>
      </c>
      <c r="P110" s="3">
        <v>850.37</v>
      </c>
      <c r="Q110" s="3">
        <v>2283.96</v>
      </c>
      <c r="R110" s="3">
        <v>2283.96</v>
      </c>
      <c r="S110" s="3">
        <v>-2.5299999999999998</v>
      </c>
      <c r="T110" s="3">
        <v>-0.65</v>
      </c>
      <c r="U110" s="3">
        <v>-0.1</v>
      </c>
      <c r="V110" s="3">
        <v>0.49</v>
      </c>
      <c r="W110" s="3">
        <v>-0.15</v>
      </c>
      <c r="X110" s="3">
        <v>-0.21</v>
      </c>
      <c r="Y110" s="3">
        <v>0.03</v>
      </c>
      <c r="Z110" s="3">
        <v>0.03</v>
      </c>
      <c r="AA110" s="4">
        <f t="shared" si="16"/>
        <v>0</v>
      </c>
      <c r="AB110" s="4">
        <f t="shared" si="19"/>
        <v>1.6</v>
      </c>
      <c r="AC110" s="3">
        <f t="shared" si="10"/>
        <v>-4.048</v>
      </c>
      <c r="AD110" s="4">
        <f t="shared" si="13"/>
        <v>0</v>
      </c>
      <c r="AE110" s="3">
        <f t="shared" si="11"/>
        <v>-1.04</v>
      </c>
      <c r="AF110" s="4">
        <f t="shared" si="17"/>
        <v>0</v>
      </c>
      <c r="AG110" s="3">
        <f t="shared" si="14"/>
        <v>-0.16000000000000003</v>
      </c>
      <c r="AH110" s="4">
        <f t="shared" si="15"/>
        <v>0</v>
      </c>
      <c r="AI110" s="3">
        <f t="shared" si="12"/>
        <v>0.49</v>
      </c>
      <c r="AJ110" s="14"/>
      <c r="AK110" s="14"/>
    </row>
    <row r="111" spans="1:37">
      <c r="A111" s="3" t="s">
        <v>52</v>
      </c>
      <c r="B111" s="2">
        <v>0.45848379629629626</v>
      </c>
      <c r="C111" s="3">
        <v>228.83</v>
      </c>
      <c r="D111" s="3">
        <v>301.13</v>
      </c>
      <c r="E111" s="3">
        <v>418.91</v>
      </c>
      <c r="F111" s="3">
        <v>600.92999999999995</v>
      </c>
      <c r="G111" s="3">
        <v>501.31</v>
      </c>
      <c r="H111" s="3">
        <v>595.77</v>
      </c>
      <c r="I111" s="3">
        <v>198.54</v>
      </c>
      <c r="J111" s="3">
        <v>314.38</v>
      </c>
      <c r="K111" s="3">
        <v>224.84</v>
      </c>
      <c r="L111" s="3">
        <v>313.19</v>
      </c>
      <c r="M111" s="3">
        <v>278.54000000000002</v>
      </c>
      <c r="N111" s="3">
        <v>400.12</v>
      </c>
      <c r="O111" s="3">
        <v>699.28</v>
      </c>
      <c r="P111" s="3">
        <v>848.37</v>
      </c>
      <c r="Q111" s="3">
        <v>2283.9899999999998</v>
      </c>
      <c r="R111" s="3">
        <v>2283.9899999999998</v>
      </c>
      <c r="S111" s="3">
        <v>-2.52</v>
      </c>
      <c r="T111" s="3">
        <v>-0.64</v>
      </c>
      <c r="U111" s="3">
        <v>-0.09</v>
      </c>
      <c r="V111" s="3">
        <v>0.52</v>
      </c>
      <c r="W111" s="3">
        <v>-0.08</v>
      </c>
      <c r="X111" s="3">
        <v>-0.2</v>
      </c>
      <c r="Y111" s="3">
        <v>0.03</v>
      </c>
      <c r="Z111" s="3">
        <v>0.03</v>
      </c>
      <c r="AA111" s="4">
        <f t="shared" si="16"/>
        <v>0</v>
      </c>
      <c r="AB111" s="4">
        <f t="shared" si="19"/>
        <v>1.6</v>
      </c>
      <c r="AC111" s="3">
        <f t="shared" si="10"/>
        <v>-4.032</v>
      </c>
      <c r="AD111" s="4">
        <f t="shared" si="13"/>
        <v>0</v>
      </c>
      <c r="AE111" s="3">
        <f t="shared" si="11"/>
        <v>-1.024</v>
      </c>
      <c r="AF111" s="4">
        <f t="shared" si="17"/>
        <v>0</v>
      </c>
      <c r="AG111" s="3">
        <f t="shared" si="14"/>
        <v>-0.14399999999999999</v>
      </c>
      <c r="AH111" s="4">
        <f t="shared" si="15"/>
        <v>0</v>
      </c>
      <c r="AI111" s="3">
        <f t="shared" si="12"/>
        <v>0.52</v>
      </c>
      <c r="AJ111" s="14"/>
      <c r="AK111" s="14"/>
    </row>
    <row r="112" spans="1:37">
      <c r="A112" s="3" t="s">
        <v>52</v>
      </c>
      <c r="B112" s="2">
        <v>0.45917824074074076</v>
      </c>
      <c r="C112" s="3">
        <v>226.47</v>
      </c>
      <c r="D112" s="3">
        <v>298.11</v>
      </c>
      <c r="E112" s="3">
        <v>421.77</v>
      </c>
      <c r="F112" s="3">
        <v>601.19000000000005</v>
      </c>
      <c r="G112" s="3">
        <v>502.19</v>
      </c>
      <c r="H112" s="3">
        <v>606.17999999999995</v>
      </c>
      <c r="I112" s="3">
        <v>200.43</v>
      </c>
      <c r="J112" s="3">
        <v>311.05</v>
      </c>
      <c r="K112" s="3">
        <v>226.84</v>
      </c>
      <c r="L112" s="3">
        <v>312.36</v>
      </c>
      <c r="M112" s="3">
        <v>280.37</v>
      </c>
      <c r="N112" s="3">
        <v>401.8</v>
      </c>
      <c r="O112" s="3">
        <v>702.7</v>
      </c>
      <c r="P112" s="3">
        <v>853.04</v>
      </c>
      <c r="Q112" s="3">
        <v>2284.02</v>
      </c>
      <c r="R112" s="3">
        <v>2284.02</v>
      </c>
      <c r="S112" s="3">
        <v>-2.4500000000000002</v>
      </c>
      <c r="T112" s="3">
        <v>-0.62</v>
      </c>
      <c r="U112" s="3">
        <v>-0.04</v>
      </c>
      <c r="V112" s="3">
        <v>0.56999999999999995</v>
      </c>
      <c r="W112" s="3">
        <v>-0.06</v>
      </c>
      <c r="X112" s="3">
        <v>-0.22</v>
      </c>
      <c r="Y112" s="3">
        <v>0.03</v>
      </c>
      <c r="Z112" s="3">
        <v>0.04</v>
      </c>
      <c r="AA112" s="4">
        <f t="shared" si="16"/>
        <v>0</v>
      </c>
      <c r="AB112" s="4">
        <f t="shared" si="19"/>
        <v>1.6</v>
      </c>
      <c r="AC112" s="3">
        <f t="shared" si="10"/>
        <v>-3.9200000000000004</v>
      </c>
      <c r="AD112" s="4">
        <f t="shared" si="13"/>
        <v>0</v>
      </c>
      <c r="AE112" s="3">
        <f t="shared" si="11"/>
        <v>-0.99199999999999999</v>
      </c>
      <c r="AF112" s="4">
        <f t="shared" si="17"/>
        <v>0</v>
      </c>
      <c r="AG112" s="3">
        <f t="shared" si="14"/>
        <v>-6.4000000000000001E-2</v>
      </c>
      <c r="AH112" s="4">
        <f t="shared" si="15"/>
        <v>0</v>
      </c>
      <c r="AI112" s="3">
        <f t="shared" si="12"/>
        <v>0.56999999999999995</v>
      </c>
      <c r="AJ112" s="14"/>
      <c r="AK112" s="14"/>
    </row>
    <row r="113" spans="1:44">
      <c r="A113" s="3" t="s">
        <v>52</v>
      </c>
      <c r="B113" s="2">
        <v>0.45987268518518515</v>
      </c>
      <c r="C113" s="3">
        <v>191.49</v>
      </c>
      <c r="D113" s="3">
        <v>306.58999999999997</v>
      </c>
      <c r="E113" s="3">
        <v>467.54</v>
      </c>
      <c r="F113" s="3">
        <v>601.21</v>
      </c>
      <c r="G113" s="3">
        <v>473.09</v>
      </c>
      <c r="H113" s="3">
        <v>614.41</v>
      </c>
      <c r="I113" s="3">
        <v>207.3</v>
      </c>
      <c r="J113" s="3">
        <v>307.48</v>
      </c>
      <c r="K113" s="3">
        <v>237.95</v>
      </c>
      <c r="L113" s="3">
        <v>310.02999999999997</v>
      </c>
      <c r="M113" s="3">
        <v>291.60000000000002</v>
      </c>
      <c r="N113" s="3">
        <v>413.83</v>
      </c>
      <c r="O113" s="3">
        <v>694.27</v>
      </c>
      <c r="P113" s="3">
        <v>847.08</v>
      </c>
      <c r="Q113" s="3">
        <v>2284.04</v>
      </c>
      <c r="R113" s="3">
        <v>2284.04</v>
      </c>
      <c r="S113" s="3">
        <v>-2.46</v>
      </c>
      <c r="T113" s="3">
        <v>-0.63</v>
      </c>
      <c r="U113" s="3">
        <v>-0.05</v>
      </c>
      <c r="V113" s="3">
        <v>0.56999999999999995</v>
      </c>
      <c r="W113" s="3">
        <v>-0.21</v>
      </c>
      <c r="X113" s="3">
        <v>-0.21</v>
      </c>
      <c r="Y113" s="3">
        <v>0.03</v>
      </c>
      <c r="Z113" s="3">
        <v>0.03</v>
      </c>
      <c r="AA113" s="4">
        <f t="shared" si="16"/>
        <v>0</v>
      </c>
      <c r="AB113" s="4">
        <f t="shared" si="19"/>
        <v>1.6</v>
      </c>
      <c r="AC113" s="3">
        <f t="shared" si="10"/>
        <v>-3.9359999999999999</v>
      </c>
      <c r="AD113" s="4">
        <f t="shared" si="13"/>
        <v>0</v>
      </c>
      <c r="AE113" s="3">
        <f t="shared" si="11"/>
        <v>-1.008</v>
      </c>
      <c r="AF113" s="4">
        <f t="shared" si="17"/>
        <v>0</v>
      </c>
      <c r="AG113" s="3">
        <f t="shared" si="14"/>
        <v>-8.0000000000000016E-2</v>
      </c>
      <c r="AH113" s="4">
        <f t="shared" si="15"/>
        <v>0</v>
      </c>
      <c r="AI113" s="3">
        <f t="shared" si="12"/>
        <v>0.56999999999999995</v>
      </c>
      <c r="AJ113" s="14"/>
      <c r="AK113" s="14"/>
    </row>
    <row r="114" spans="1:44">
      <c r="A114" s="3" t="s">
        <v>52</v>
      </c>
      <c r="B114" s="2">
        <v>0.46056712962962965</v>
      </c>
      <c r="C114" s="3">
        <v>172.86</v>
      </c>
      <c r="D114" s="3">
        <v>314.13</v>
      </c>
      <c r="E114" s="3">
        <v>473.04</v>
      </c>
      <c r="F114" s="3">
        <v>600.13</v>
      </c>
      <c r="G114" s="3">
        <v>447.21</v>
      </c>
      <c r="H114" s="3">
        <v>607.91999999999996</v>
      </c>
      <c r="I114" s="3">
        <v>206.59</v>
      </c>
      <c r="J114" s="3">
        <v>303.87</v>
      </c>
      <c r="K114" s="3">
        <v>241.66</v>
      </c>
      <c r="L114" s="3">
        <v>307.22000000000003</v>
      </c>
      <c r="M114" s="3">
        <v>296.25</v>
      </c>
      <c r="N114" s="3">
        <v>418.87</v>
      </c>
      <c r="O114" s="3">
        <v>686.1</v>
      </c>
      <c r="P114" s="3">
        <v>853.14</v>
      </c>
      <c r="Q114" s="3">
        <v>2284.06</v>
      </c>
      <c r="R114" s="3">
        <v>2284.06</v>
      </c>
      <c r="S114" s="3">
        <v>-2.31</v>
      </c>
      <c r="T114" s="3">
        <v>-0.63</v>
      </c>
      <c r="U114" s="3">
        <v>-7.0000000000000007E-2</v>
      </c>
      <c r="V114" s="3">
        <v>0.55000000000000004</v>
      </c>
      <c r="W114" s="3">
        <v>-1.57</v>
      </c>
      <c r="X114" s="3">
        <v>-0.23</v>
      </c>
      <c r="Y114" s="3">
        <v>0.03</v>
      </c>
      <c r="Z114" s="3">
        <v>0.01</v>
      </c>
      <c r="AA114" s="4">
        <f t="shared" si="16"/>
        <v>0</v>
      </c>
      <c r="AB114" s="4">
        <f t="shared" si="19"/>
        <v>1.6</v>
      </c>
      <c r="AC114" s="3">
        <f t="shared" si="10"/>
        <v>-3.6960000000000002</v>
      </c>
      <c r="AD114" s="4">
        <f t="shared" si="13"/>
        <v>0</v>
      </c>
      <c r="AE114" s="3">
        <f t="shared" si="11"/>
        <v>-1.008</v>
      </c>
      <c r="AF114" s="4">
        <f t="shared" si="17"/>
        <v>0</v>
      </c>
      <c r="AG114" s="3">
        <f t="shared" si="14"/>
        <v>-0.11200000000000002</v>
      </c>
      <c r="AH114" s="4">
        <f t="shared" si="15"/>
        <v>0</v>
      </c>
      <c r="AI114" s="3">
        <f t="shared" si="12"/>
        <v>0.55000000000000004</v>
      </c>
      <c r="AJ114" s="14"/>
      <c r="AK114" s="14"/>
    </row>
    <row r="115" spans="1:44">
      <c r="A115" s="3" t="s">
        <v>52</v>
      </c>
      <c r="B115" s="2">
        <v>0.46127314814814818</v>
      </c>
      <c r="C115" s="3">
        <v>157.74</v>
      </c>
      <c r="D115" s="3">
        <v>312.68</v>
      </c>
      <c r="E115" s="3">
        <v>472.93</v>
      </c>
      <c r="F115" s="3">
        <v>600.55999999999995</v>
      </c>
      <c r="G115" s="3">
        <v>423.41</v>
      </c>
      <c r="H115" s="3">
        <v>595.91999999999996</v>
      </c>
      <c r="I115" s="3">
        <v>203.67</v>
      </c>
      <c r="J115" s="3">
        <v>300.22000000000003</v>
      </c>
      <c r="K115" s="3">
        <v>241.69</v>
      </c>
      <c r="L115" s="3">
        <v>304.3</v>
      </c>
      <c r="M115" s="3">
        <v>297.87</v>
      </c>
      <c r="N115" s="3">
        <v>417.19</v>
      </c>
      <c r="O115" s="3">
        <v>682.76</v>
      </c>
      <c r="P115" s="3">
        <v>848.1</v>
      </c>
      <c r="Q115" s="3">
        <v>2284.08</v>
      </c>
      <c r="R115" s="3">
        <v>2284.08</v>
      </c>
      <c r="S115" s="3">
        <v>-2.3199999999999998</v>
      </c>
      <c r="T115" s="3">
        <v>-0.63</v>
      </c>
      <c r="U115" s="3">
        <v>-0.09</v>
      </c>
      <c r="V115" s="3">
        <v>0.49</v>
      </c>
      <c r="W115" s="3">
        <v>-1.94</v>
      </c>
      <c r="X115" s="3">
        <v>-0.25</v>
      </c>
      <c r="Y115" s="3">
        <v>0.03</v>
      </c>
      <c r="Z115" s="3">
        <v>0</v>
      </c>
      <c r="AA115" s="4">
        <f t="shared" si="16"/>
        <v>0</v>
      </c>
      <c r="AB115" s="4">
        <f t="shared" si="19"/>
        <v>1.6</v>
      </c>
      <c r="AC115" s="3">
        <f t="shared" si="10"/>
        <v>-3.7119999999999997</v>
      </c>
      <c r="AD115" s="4">
        <f t="shared" si="13"/>
        <v>0</v>
      </c>
      <c r="AE115" s="3">
        <f t="shared" si="11"/>
        <v>-1.008</v>
      </c>
      <c r="AF115" s="4">
        <f t="shared" si="17"/>
        <v>0</v>
      </c>
      <c r="AG115" s="3">
        <f t="shared" si="14"/>
        <v>-0.14399999999999999</v>
      </c>
      <c r="AH115" s="4">
        <f t="shared" si="15"/>
        <v>0</v>
      </c>
      <c r="AI115" s="3">
        <f t="shared" si="12"/>
        <v>0.49</v>
      </c>
      <c r="AJ115" s="14"/>
      <c r="AK115" s="14"/>
    </row>
    <row r="116" spans="1:44">
      <c r="A116" s="3" t="s">
        <v>52</v>
      </c>
      <c r="B116" s="2">
        <v>0.46196759259259257</v>
      </c>
      <c r="C116" s="3">
        <v>144.68</v>
      </c>
      <c r="D116" s="3">
        <v>307.56</v>
      </c>
      <c r="E116" s="3">
        <v>471.53</v>
      </c>
      <c r="F116" s="3">
        <v>599.78</v>
      </c>
      <c r="G116" s="3">
        <v>404.29</v>
      </c>
      <c r="H116" s="3">
        <v>593.13</v>
      </c>
      <c r="I116" s="3">
        <v>200.37</v>
      </c>
      <c r="J116" s="3">
        <v>298.81</v>
      </c>
      <c r="K116" s="3">
        <v>240.95</v>
      </c>
      <c r="L116" s="3">
        <v>301.33</v>
      </c>
      <c r="M116" s="3">
        <v>298.33999999999997</v>
      </c>
      <c r="N116" s="3">
        <v>413.27</v>
      </c>
      <c r="O116" s="3">
        <v>680.55</v>
      </c>
      <c r="P116" s="3">
        <v>851.25</v>
      </c>
      <c r="Q116" s="3">
        <v>2284.12</v>
      </c>
      <c r="R116" s="3">
        <v>2284.12</v>
      </c>
      <c r="S116" s="3">
        <v>-2.25</v>
      </c>
      <c r="T116" s="3">
        <v>-0.6</v>
      </c>
      <c r="U116" s="3">
        <v>-0.06</v>
      </c>
      <c r="V116" s="3">
        <v>0.52</v>
      </c>
      <c r="W116" s="3">
        <v>-1.94</v>
      </c>
      <c r="X116" s="3">
        <v>-0.23</v>
      </c>
      <c r="Y116" s="3">
        <v>0.03</v>
      </c>
      <c r="Z116" s="3">
        <v>-0.01</v>
      </c>
      <c r="AA116" s="4">
        <f t="shared" si="16"/>
        <v>0</v>
      </c>
      <c r="AB116" s="4">
        <f t="shared" si="19"/>
        <v>1.6</v>
      </c>
      <c r="AC116" s="3">
        <f t="shared" si="10"/>
        <v>-3.6</v>
      </c>
      <c r="AD116" s="4">
        <f t="shared" si="13"/>
        <v>0</v>
      </c>
      <c r="AE116" s="3">
        <f t="shared" si="11"/>
        <v>-0.96</v>
      </c>
      <c r="AF116" s="4">
        <f t="shared" si="17"/>
        <v>0</v>
      </c>
      <c r="AG116" s="3">
        <f t="shared" si="14"/>
        <v>-9.6000000000000002E-2</v>
      </c>
      <c r="AH116" s="4">
        <f t="shared" si="15"/>
        <v>0</v>
      </c>
      <c r="AI116" s="3">
        <f t="shared" si="12"/>
        <v>0.52</v>
      </c>
      <c r="AJ116" s="14"/>
      <c r="AK116" s="14"/>
    </row>
    <row r="117" spans="1:44">
      <c r="A117" s="3" t="s">
        <v>52</v>
      </c>
      <c r="B117" s="2">
        <v>0.46266203703703707</v>
      </c>
      <c r="C117" s="3">
        <v>134.16</v>
      </c>
      <c r="D117" s="3">
        <v>301.35000000000002</v>
      </c>
      <c r="E117" s="3">
        <v>470.02</v>
      </c>
      <c r="F117" s="3">
        <v>600.14</v>
      </c>
      <c r="G117" s="3">
        <v>392.21</v>
      </c>
      <c r="H117" s="3">
        <v>605.38</v>
      </c>
      <c r="I117" s="3">
        <v>197.95</v>
      </c>
      <c r="J117" s="3">
        <v>307.5</v>
      </c>
      <c r="K117" s="3">
        <v>239.92</v>
      </c>
      <c r="L117" s="3">
        <v>298.95999999999998</v>
      </c>
      <c r="M117" s="3">
        <v>299.70999999999998</v>
      </c>
      <c r="N117" s="3">
        <v>408.5</v>
      </c>
      <c r="O117" s="3">
        <v>679.89</v>
      </c>
      <c r="P117" s="3">
        <v>850.91</v>
      </c>
      <c r="Q117" s="3">
        <v>2284.15</v>
      </c>
      <c r="R117" s="3">
        <v>2284.15</v>
      </c>
      <c r="S117" s="3">
        <v>-2.27</v>
      </c>
      <c r="T117" s="3">
        <v>-0.61</v>
      </c>
      <c r="U117" s="3">
        <v>-0.06</v>
      </c>
      <c r="V117" s="3">
        <v>0.53</v>
      </c>
      <c r="W117" s="3">
        <v>-1.93</v>
      </c>
      <c r="X117" s="3">
        <v>-0.23</v>
      </c>
      <c r="Y117" s="3">
        <v>0.03</v>
      </c>
      <c r="Z117" s="3">
        <v>-0.01</v>
      </c>
      <c r="AA117" s="4">
        <f t="shared" si="16"/>
        <v>0</v>
      </c>
      <c r="AB117" s="4">
        <f t="shared" si="19"/>
        <v>1.6</v>
      </c>
      <c r="AC117" s="3">
        <f t="shared" si="10"/>
        <v>-3.6320000000000001</v>
      </c>
      <c r="AD117" s="4">
        <f t="shared" si="13"/>
        <v>0</v>
      </c>
      <c r="AE117" s="3">
        <f t="shared" si="11"/>
        <v>-0.97599999999999998</v>
      </c>
      <c r="AF117" s="4">
        <f t="shared" si="17"/>
        <v>0</v>
      </c>
      <c r="AG117" s="3">
        <f t="shared" si="14"/>
        <v>-9.6000000000000002E-2</v>
      </c>
      <c r="AH117" s="4">
        <f t="shared" si="15"/>
        <v>0</v>
      </c>
      <c r="AI117" s="3">
        <f t="shared" si="12"/>
        <v>0.53</v>
      </c>
      <c r="AJ117" s="14"/>
      <c r="AK117" s="14"/>
    </row>
    <row r="118" spans="1:44">
      <c r="A118" s="3" t="s">
        <v>52</v>
      </c>
      <c r="B118" s="2">
        <v>0.46335648148148145</v>
      </c>
      <c r="C118" s="3">
        <v>125.57</v>
      </c>
      <c r="D118" s="3">
        <v>296.98</v>
      </c>
      <c r="E118" s="3">
        <v>467.98</v>
      </c>
      <c r="F118" s="3">
        <v>599.57000000000005</v>
      </c>
      <c r="G118" s="3">
        <v>381.89</v>
      </c>
      <c r="H118" s="3">
        <v>610.17999999999995</v>
      </c>
      <c r="I118" s="3">
        <v>196.15</v>
      </c>
      <c r="J118" s="3">
        <v>315.77999999999997</v>
      </c>
      <c r="K118" s="3">
        <v>239.67</v>
      </c>
      <c r="L118" s="3">
        <v>303.92</v>
      </c>
      <c r="M118" s="3">
        <v>299.47000000000003</v>
      </c>
      <c r="N118" s="3">
        <v>403.52</v>
      </c>
      <c r="O118" s="3">
        <v>678.79</v>
      </c>
      <c r="P118" s="3">
        <v>848.52</v>
      </c>
      <c r="Q118" s="3">
        <v>2284.1799999999998</v>
      </c>
      <c r="R118" s="3">
        <v>2284.1799999999998</v>
      </c>
      <c r="S118" s="3">
        <v>-2.2799999999999998</v>
      </c>
      <c r="T118" s="3">
        <v>-0.6</v>
      </c>
      <c r="U118" s="3">
        <v>-0.05</v>
      </c>
      <c r="V118" s="3">
        <v>0.52</v>
      </c>
      <c r="W118" s="3">
        <v>-1.97</v>
      </c>
      <c r="X118" s="3">
        <v>-0.21</v>
      </c>
      <c r="Y118" s="3">
        <v>0.03</v>
      </c>
      <c r="Z118" s="3">
        <v>-0.02</v>
      </c>
      <c r="AA118" s="4">
        <f t="shared" si="16"/>
        <v>0</v>
      </c>
      <c r="AB118" s="4">
        <f t="shared" si="19"/>
        <v>1.6</v>
      </c>
      <c r="AC118" s="3">
        <f t="shared" si="10"/>
        <v>-3.6479999999999997</v>
      </c>
      <c r="AD118" s="4">
        <f t="shared" si="13"/>
        <v>0</v>
      </c>
      <c r="AE118" s="3">
        <f t="shared" si="11"/>
        <v>-0.96</v>
      </c>
      <c r="AF118" s="4">
        <f t="shared" si="17"/>
        <v>0</v>
      </c>
      <c r="AG118" s="3">
        <f t="shared" si="14"/>
        <v>-8.0000000000000016E-2</v>
      </c>
      <c r="AH118" s="4">
        <f t="shared" si="15"/>
        <v>0</v>
      </c>
      <c r="AI118" s="3">
        <f t="shared" si="12"/>
        <v>0.52</v>
      </c>
      <c r="AJ118" s="14"/>
      <c r="AK118" s="14"/>
    </row>
    <row r="119" spans="1:44">
      <c r="A119" s="3" t="s">
        <v>52</v>
      </c>
      <c r="B119" s="2">
        <v>0.46405092592592595</v>
      </c>
      <c r="C119" s="3">
        <v>119.77</v>
      </c>
      <c r="D119" s="3">
        <v>304.58</v>
      </c>
      <c r="E119" s="3">
        <v>465.35</v>
      </c>
      <c r="F119" s="3">
        <v>599.72</v>
      </c>
      <c r="G119" s="3">
        <v>370.06</v>
      </c>
      <c r="H119" s="3">
        <v>600.16999999999996</v>
      </c>
      <c r="I119" s="3">
        <v>194.13</v>
      </c>
      <c r="J119" s="3">
        <v>316.82</v>
      </c>
      <c r="K119" s="3">
        <v>240.2</v>
      </c>
      <c r="L119" s="3">
        <v>311.56</v>
      </c>
      <c r="M119" s="3">
        <v>299.07</v>
      </c>
      <c r="N119" s="3">
        <v>399.04</v>
      </c>
      <c r="O119" s="3">
        <v>677.8</v>
      </c>
      <c r="P119" s="3">
        <v>853.06</v>
      </c>
      <c r="Q119" s="3">
        <v>2284.21</v>
      </c>
      <c r="R119" s="3">
        <v>2284.21</v>
      </c>
      <c r="S119" s="3">
        <v>-2.34</v>
      </c>
      <c r="T119" s="3">
        <v>-0.62</v>
      </c>
      <c r="U119" s="3">
        <v>-7.0000000000000007E-2</v>
      </c>
      <c r="V119" s="3">
        <v>0.52</v>
      </c>
      <c r="W119" s="3">
        <v>-1.97</v>
      </c>
      <c r="X119" s="3">
        <v>-0.22</v>
      </c>
      <c r="Y119" s="3">
        <v>0.03</v>
      </c>
      <c r="Z119" s="3">
        <v>-0.02</v>
      </c>
      <c r="AA119" s="4">
        <f t="shared" si="16"/>
        <v>0</v>
      </c>
      <c r="AB119" s="4">
        <f t="shared" si="19"/>
        <v>1.6</v>
      </c>
      <c r="AC119" s="3">
        <f t="shared" si="10"/>
        <v>-3.7439999999999998</v>
      </c>
      <c r="AD119" s="4">
        <f t="shared" si="13"/>
        <v>0</v>
      </c>
      <c r="AE119" s="3">
        <f t="shared" si="11"/>
        <v>-0.99199999999999999</v>
      </c>
      <c r="AF119" s="4">
        <f t="shared" si="17"/>
        <v>0</v>
      </c>
      <c r="AG119" s="3">
        <f t="shared" si="14"/>
        <v>-0.11200000000000002</v>
      </c>
      <c r="AH119" s="4">
        <f t="shared" si="15"/>
        <v>0</v>
      </c>
      <c r="AI119" s="3">
        <f t="shared" si="12"/>
        <v>0.52</v>
      </c>
      <c r="AJ119" s="14"/>
      <c r="AK119" s="14"/>
    </row>
    <row r="120" spans="1:44">
      <c r="A120" s="3" t="s">
        <v>52</v>
      </c>
      <c r="B120" s="2">
        <v>0.46474537037037034</v>
      </c>
      <c r="C120" s="3">
        <v>115.87</v>
      </c>
      <c r="D120" s="3">
        <v>313.37</v>
      </c>
      <c r="E120" s="3">
        <v>463.13</v>
      </c>
      <c r="F120" s="3">
        <v>599.6</v>
      </c>
      <c r="G120" s="3">
        <v>358.97</v>
      </c>
      <c r="H120" s="3">
        <v>590.83000000000004</v>
      </c>
      <c r="I120" s="3">
        <v>191.96</v>
      </c>
      <c r="J120" s="3">
        <v>314.25</v>
      </c>
      <c r="K120" s="3">
        <v>240.46</v>
      </c>
      <c r="L120" s="3">
        <v>312.76</v>
      </c>
      <c r="M120" s="3">
        <v>300.26</v>
      </c>
      <c r="N120" s="3">
        <v>401.86</v>
      </c>
      <c r="O120" s="3">
        <v>676.9</v>
      </c>
      <c r="P120" s="3">
        <v>847.13</v>
      </c>
      <c r="Q120" s="3">
        <v>2284.25</v>
      </c>
      <c r="R120" s="3">
        <v>2284.25</v>
      </c>
      <c r="S120" s="3">
        <v>-2.2799999999999998</v>
      </c>
      <c r="T120" s="3">
        <v>-0.6</v>
      </c>
      <c r="U120" s="3">
        <v>-0.04</v>
      </c>
      <c r="V120" s="3">
        <v>0.54</v>
      </c>
      <c r="W120" s="3">
        <v>-1.89</v>
      </c>
      <c r="X120" s="3">
        <v>-0.21</v>
      </c>
      <c r="Y120" s="3">
        <v>0.03</v>
      </c>
      <c r="Z120" s="3">
        <v>-0.01</v>
      </c>
      <c r="AA120" s="4">
        <f t="shared" si="16"/>
        <v>0</v>
      </c>
      <c r="AB120" s="4">
        <f t="shared" si="19"/>
        <v>1.6</v>
      </c>
      <c r="AC120" s="3">
        <f t="shared" si="10"/>
        <v>-3.6479999999999997</v>
      </c>
      <c r="AD120" s="4">
        <f t="shared" si="13"/>
        <v>0</v>
      </c>
      <c r="AE120" s="3">
        <f t="shared" si="11"/>
        <v>-0.96</v>
      </c>
      <c r="AF120" s="4">
        <f t="shared" si="17"/>
        <v>0</v>
      </c>
      <c r="AG120" s="3">
        <f t="shared" si="14"/>
        <v>-6.4000000000000001E-2</v>
      </c>
      <c r="AH120" s="4">
        <f t="shared" si="15"/>
        <v>0</v>
      </c>
      <c r="AI120" s="3">
        <f t="shared" si="12"/>
        <v>0.54</v>
      </c>
      <c r="AJ120" s="14"/>
      <c r="AK120" s="14"/>
    </row>
    <row r="121" spans="1:44">
      <c r="A121" s="3" t="s">
        <v>52</v>
      </c>
      <c r="B121" s="2">
        <v>0.46543981481481483</v>
      </c>
      <c r="C121" s="3">
        <v>112.65</v>
      </c>
      <c r="D121" s="3">
        <v>312.33</v>
      </c>
      <c r="E121" s="3">
        <v>461.33</v>
      </c>
      <c r="F121" s="3">
        <v>599.13</v>
      </c>
      <c r="G121" s="3">
        <v>352.89</v>
      </c>
      <c r="H121" s="3">
        <v>598.26</v>
      </c>
      <c r="I121" s="3">
        <v>189.55</v>
      </c>
      <c r="J121" s="3">
        <v>310.33</v>
      </c>
      <c r="K121" s="3">
        <v>240.28</v>
      </c>
      <c r="L121" s="3">
        <v>310.75</v>
      </c>
      <c r="M121" s="3">
        <v>302.67</v>
      </c>
      <c r="N121" s="3">
        <v>416.31</v>
      </c>
      <c r="O121" s="3">
        <v>676</v>
      </c>
      <c r="P121" s="3">
        <v>853.31</v>
      </c>
      <c r="Q121" s="3">
        <v>2284.2800000000002</v>
      </c>
      <c r="R121" s="3">
        <v>2284.2800000000002</v>
      </c>
      <c r="S121" s="3">
        <v>-2.33</v>
      </c>
      <c r="T121" s="3">
        <v>-0.62</v>
      </c>
      <c r="U121" s="3">
        <v>-0.05</v>
      </c>
      <c r="V121" s="3">
        <v>0.51</v>
      </c>
      <c r="W121" s="3">
        <v>-1.98</v>
      </c>
      <c r="X121" s="3">
        <v>-0.26</v>
      </c>
      <c r="Y121" s="3">
        <v>0.03</v>
      </c>
      <c r="Z121" s="3">
        <v>0.01</v>
      </c>
      <c r="AA121" s="4">
        <f t="shared" si="16"/>
        <v>0</v>
      </c>
      <c r="AB121" s="4">
        <f t="shared" si="19"/>
        <v>1.6</v>
      </c>
      <c r="AC121" s="3">
        <f t="shared" si="10"/>
        <v>-3.7280000000000002</v>
      </c>
      <c r="AD121" s="4">
        <f t="shared" si="13"/>
        <v>0</v>
      </c>
      <c r="AE121" s="3">
        <f t="shared" si="11"/>
        <v>-0.99199999999999999</v>
      </c>
      <c r="AF121" s="4">
        <f t="shared" si="17"/>
        <v>0</v>
      </c>
      <c r="AG121" s="3">
        <f t="shared" si="14"/>
        <v>-8.0000000000000016E-2</v>
      </c>
      <c r="AH121" s="4">
        <f t="shared" si="15"/>
        <v>0</v>
      </c>
      <c r="AI121" s="3">
        <f t="shared" si="12"/>
        <v>0.51</v>
      </c>
      <c r="AJ121" s="14"/>
      <c r="AK121" s="14"/>
    </row>
    <row r="122" spans="1:44">
      <c r="A122" s="3" t="s">
        <v>52</v>
      </c>
      <c r="B122" s="2">
        <v>0.46614583333333331</v>
      </c>
      <c r="C122" s="3">
        <v>109.34</v>
      </c>
      <c r="D122" s="3">
        <v>306.95</v>
      </c>
      <c r="E122" s="3">
        <v>459.2</v>
      </c>
      <c r="F122" s="3">
        <v>599.86</v>
      </c>
      <c r="G122" s="3">
        <v>350</v>
      </c>
      <c r="H122" s="3">
        <v>609.83000000000004</v>
      </c>
      <c r="I122" s="3">
        <v>186.78</v>
      </c>
      <c r="J122" s="3">
        <v>305.91000000000003</v>
      </c>
      <c r="K122" s="3">
        <v>239.82</v>
      </c>
      <c r="L122" s="3">
        <v>307.73</v>
      </c>
      <c r="M122" s="3">
        <v>304.85000000000002</v>
      </c>
      <c r="N122" s="3">
        <v>421.7</v>
      </c>
      <c r="O122" s="3">
        <v>675.83</v>
      </c>
      <c r="P122" s="3">
        <v>848.53</v>
      </c>
      <c r="Q122" s="3">
        <v>2284.31</v>
      </c>
      <c r="R122" s="3">
        <v>2284.31</v>
      </c>
      <c r="S122" s="3">
        <v>-2.36</v>
      </c>
      <c r="T122" s="3">
        <v>-0.63</v>
      </c>
      <c r="U122" s="3">
        <v>-7.0000000000000007E-2</v>
      </c>
      <c r="V122" s="3">
        <v>0.51</v>
      </c>
      <c r="W122" s="3">
        <v>-2.0099999999999998</v>
      </c>
      <c r="X122" s="3">
        <v>-0.25</v>
      </c>
      <c r="Y122" s="3">
        <v>0.03</v>
      </c>
      <c r="Z122" s="3">
        <v>0</v>
      </c>
      <c r="AA122" s="4">
        <f t="shared" si="16"/>
        <v>0</v>
      </c>
      <c r="AB122" s="4">
        <f t="shared" si="19"/>
        <v>1.6</v>
      </c>
      <c r="AC122" s="3">
        <f t="shared" si="10"/>
        <v>-3.7759999999999998</v>
      </c>
      <c r="AD122" s="4">
        <f t="shared" si="13"/>
        <v>0</v>
      </c>
      <c r="AE122" s="3">
        <f t="shared" si="11"/>
        <v>-1.008</v>
      </c>
      <c r="AF122" s="4">
        <f t="shared" si="17"/>
        <v>0</v>
      </c>
      <c r="AG122" s="3">
        <f t="shared" si="14"/>
        <v>-0.11200000000000002</v>
      </c>
      <c r="AH122" s="4">
        <f t="shared" si="15"/>
        <v>0</v>
      </c>
      <c r="AI122" s="3">
        <f t="shared" si="12"/>
        <v>0.51</v>
      </c>
      <c r="AJ122" s="14"/>
      <c r="AK122" s="14"/>
    </row>
    <row r="123" spans="1:44">
      <c r="A123" s="3" t="s">
        <v>52</v>
      </c>
      <c r="B123" s="2">
        <v>0.46684027777777781</v>
      </c>
      <c r="C123" s="3">
        <v>105.6</v>
      </c>
      <c r="D123" s="3">
        <v>300.42</v>
      </c>
      <c r="E123" s="3">
        <v>457.57</v>
      </c>
      <c r="F123" s="3">
        <v>598.92999999999995</v>
      </c>
      <c r="G123" s="3">
        <v>344.84</v>
      </c>
      <c r="H123" s="3">
        <v>605.6</v>
      </c>
      <c r="I123" s="3">
        <v>183.82</v>
      </c>
      <c r="J123" s="3">
        <v>301.37</v>
      </c>
      <c r="K123" s="3">
        <v>238.81</v>
      </c>
      <c r="L123" s="3">
        <v>304.42</v>
      </c>
      <c r="M123" s="3">
        <v>306.91000000000003</v>
      </c>
      <c r="N123" s="3">
        <v>419.54</v>
      </c>
      <c r="O123" s="3">
        <v>674.82</v>
      </c>
      <c r="P123" s="3">
        <v>851.1</v>
      </c>
      <c r="Q123" s="3">
        <v>2284.34</v>
      </c>
      <c r="R123" s="3">
        <v>2284.34</v>
      </c>
      <c r="S123" s="3">
        <v>-2.2999999999999998</v>
      </c>
      <c r="T123" s="3">
        <v>-0.6</v>
      </c>
      <c r="U123" s="3">
        <v>-0.04</v>
      </c>
      <c r="V123" s="3">
        <v>0.52</v>
      </c>
      <c r="W123" s="3">
        <v>-2</v>
      </c>
      <c r="X123" s="3">
        <v>-0.22</v>
      </c>
      <c r="Y123" s="3">
        <v>0.03</v>
      </c>
      <c r="Z123" s="3">
        <v>-0.01</v>
      </c>
      <c r="AA123" s="4">
        <f t="shared" si="16"/>
        <v>0</v>
      </c>
      <c r="AB123" s="4">
        <f t="shared" si="19"/>
        <v>1.6</v>
      </c>
      <c r="AC123" s="3">
        <f t="shared" si="10"/>
        <v>-3.6799999999999997</v>
      </c>
      <c r="AD123" s="4">
        <f t="shared" si="13"/>
        <v>0</v>
      </c>
      <c r="AE123" s="3">
        <f t="shared" si="11"/>
        <v>-0.96</v>
      </c>
      <c r="AF123" s="4">
        <f t="shared" si="17"/>
        <v>0</v>
      </c>
      <c r="AG123" s="3">
        <f t="shared" si="14"/>
        <v>-6.4000000000000001E-2</v>
      </c>
      <c r="AH123" s="4">
        <f t="shared" si="15"/>
        <v>0</v>
      </c>
      <c r="AI123" s="3">
        <f t="shared" si="12"/>
        <v>0.52</v>
      </c>
      <c r="AJ123" s="14"/>
      <c r="AK123" s="14"/>
    </row>
    <row r="124" spans="1:44">
      <c r="A124" s="3" t="s">
        <v>52</v>
      </c>
      <c r="B124" s="2">
        <v>0.4675347222222222</v>
      </c>
      <c r="C124" s="3">
        <v>102.2</v>
      </c>
      <c r="D124" s="3">
        <v>297.01</v>
      </c>
      <c r="E124" s="3">
        <v>455.8</v>
      </c>
      <c r="F124" s="3">
        <v>599.78</v>
      </c>
      <c r="G124" s="3">
        <v>337.28</v>
      </c>
      <c r="H124" s="3">
        <v>593.28</v>
      </c>
      <c r="I124" s="3">
        <v>180.92</v>
      </c>
      <c r="J124" s="3">
        <v>297.86</v>
      </c>
      <c r="K124" s="3">
        <v>237.74</v>
      </c>
      <c r="L124" s="3">
        <v>301.10000000000002</v>
      </c>
      <c r="M124" s="3">
        <v>307.89</v>
      </c>
      <c r="N124" s="3">
        <v>415.01</v>
      </c>
      <c r="O124" s="3">
        <v>674.95</v>
      </c>
      <c r="P124" s="3">
        <v>851.32</v>
      </c>
      <c r="Q124" s="3">
        <v>2284.39</v>
      </c>
      <c r="R124" s="3">
        <v>2284.39</v>
      </c>
      <c r="S124" s="3">
        <v>-2.2200000000000002</v>
      </c>
      <c r="T124" s="3">
        <v>-0.56999999999999995</v>
      </c>
      <c r="U124" s="3">
        <v>0.01</v>
      </c>
      <c r="V124" s="3">
        <v>0.56000000000000005</v>
      </c>
      <c r="W124" s="3">
        <v>-1.94</v>
      </c>
      <c r="X124" s="3">
        <v>-0.21</v>
      </c>
      <c r="Y124" s="3">
        <v>0.04</v>
      </c>
      <c r="Z124" s="3">
        <v>0</v>
      </c>
      <c r="AA124" s="4">
        <f t="shared" si="16"/>
        <v>0</v>
      </c>
      <c r="AB124" s="4">
        <f t="shared" si="19"/>
        <v>1.6</v>
      </c>
      <c r="AC124" s="3">
        <f t="shared" si="10"/>
        <v>-3.5520000000000005</v>
      </c>
      <c r="AD124" s="4">
        <f t="shared" si="13"/>
        <v>0</v>
      </c>
      <c r="AE124" s="3">
        <f t="shared" si="11"/>
        <v>-0.91199999999999992</v>
      </c>
      <c r="AF124" s="4">
        <f t="shared" si="17"/>
        <v>0</v>
      </c>
      <c r="AG124" s="3">
        <f t="shared" si="14"/>
        <v>1.6E-2</v>
      </c>
      <c r="AH124" s="4">
        <f t="shared" si="15"/>
        <v>0</v>
      </c>
      <c r="AI124" s="3">
        <f t="shared" si="12"/>
        <v>0.56000000000000005</v>
      </c>
      <c r="AJ124" s="14"/>
      <c r="AK124" s="14"/>
    </row>
    <row r="125" spans="1:44">
      <c r="A125" s="3" t="s">
        <v>52</v>
      </c>
      <c r="B125" s="2">
        <v>0.4682291666666667</v>
      </c>
      <c r="C125" s="3">
        <v>101.49</v>
      </c>
      <c r="D125" s="3">
        <v>306.04000000000002</v>
      </c>
      <c r="E125" s="3">
        <v>454.43</v>
      </c>
      <c r="F125" s="3">
        <v>598.80999999999995</v>
      </c>
      <c r="G125" s="3">
        <v>332.4</v>
      </c>
      <c r="H125" s="3">
        <v>592.79999999999995</v>
      </c>
      <c r="I125" s="3">
        <v>179.05</v>
      </c>
      <c r="J125" s="3">
        <v>303.5</v>
      </c>
      <c r="K125" s="3">
        <v>236.61</v>
      </c>
      <c r="L125" s="3">
        <v>298.79000000000002</v>
      </c>
      <c r="M125" s="3">
        <v>308.44</v>
      </c>
      <c r="N125" s="3">
        <v>409.91</v>
      </c>
      <c r="O125" s="3">
        <v>674.35</v>
      </c>
      <c r="P125" s="3">
        <v>848.42</v>
      </c>
      <c r="Q125" s="3">
        <v>2284.4299999999998</v>
      </c>
      <c r="R125" s="3">
        <v>2284.4299999999998</v>
      </c>
      <c r="S125" s="3">
        <v>-2.2999999999999998</v>
      </c>
      <c r="T125" s="3">
        <v>-0.61</v>
      </c>
      <c r="U125" s="3">
        <v>-0.02</v>
      </c>
      <c r="V125" s="3">
        <v>0.56000000000000005</v>
      </c>
      <c r="W125" s="3">
        <v>-2.0099999999999998</v>
      </c>
      <c r="X125" s="3">
        <v>-0.21</v>
      </c>
      <c r="Y125" s="3">
        <v>0.04</v>
      </c>
      <c r="Z125" s="3">
        <v>-0.01</v>
      </c>
      <c r="AA125" s="4">
        <f t="shared" si="16"/>
        <v>0</v>
      </c>
      <c r="AB125" s="4">
        <f t="shared" si="19"/>
        <v>1.6</v>
      </c>
      <c r="AC125" s="3">
        <f t="shared" si="10"/>
        <v>-3.6799999999999997</v>
      </c>
      <c r="AD125" s="4">
        <f t="shared" si="13"/>
        <v>0</v>
      </c>
      <c r="AE125" s="3">
        <f t="shared" si="11"/>
        <v>-0.97599999999999998</v>
      </c>
      <c r="AF125" s="4">
        <f t="shared" si="17"/>
        <v>0</v>
      </c>
      <c r="AG125" s="3">
        <f t="shared" si="14"/>
        <v>-3.2000000000000001E-2</v>
      </c>
      <c r="AH125" s="4">
        <f t="shared" si="15"/>
        <v>0</v>
      </c>
      <c r="AI125" s="3">
        <f t="shared" si="12"/>
        <v>0.56000000000000005</v>
      </c>
      <c r="AJ125" s="14"/>
      <c r="AK125" s="14"/>
      <c r="AP125" s="8"/>
      <c r="AQ125" s="8"/>
      <c r="AR125" s="10"/>
    </row>
    <row r="126" spans="1:44">
      <c r="A126" s="3" t="s">
        <v>52</v>
      </c>
      <c r="B126" s="2">
        <v>0.46892361111111108</v>
      </c>
      <c r="C126" s="3">
        <v>102.07</v>
      </c>
      <c r="D126" s="3">
        <v>313.70999999999998</v>
      </c>
      <c r="E126" s="3">
        <v>452.87</v>
      </c>
      <c r="F126" s="3">
        <v>599.58000000000004</v>
      </c>
      <c r="G126" s="3">
        <v>332.19</v>
      </c>
      <c r="H126" s="3">
        <v>605.51</v>
      </c>
      <c r="I126" s="3">
        <v>178.21</v>
      </c>
      <c r="J126" s="3">
        <v>314.08</v>
      </c>
      <c r="K126" s="3">
        <v>236.3</v>
      </c>
      <c r="L126" s="3">
        <v>304.73</v>
      </c>
      <c r="M126" s="3">
        <v>308.62</v>
      </c>
      <c r="N126" s="3">
        <v>404.68</v>
      </c>
      <c r="O126" s="3">
        <v>674.36</v>
      </c>
      <c r="P126" s="3">
        <v>853.38</v>
      </c>
      <c r="Q126" s="3">
        <v>2284.4699999999998</v>
      </c>
      <c r="R126" s="3">
        <v>2284.4699999999998</v>
      </c>
      <c r="S126" s="3">
        <v>-2.36</v>
      </c>
      <c r="T126" s="3">
        <v>-0.62</v>
      </c>
      <c r="U126" s="3">
        <v>-0.04</v>
      </c>
      <c r="V126" s="3">
        <v>0.52</v>
      </c>
      <c r="W126" s="3">
        <v>-2.0499999999999998</v>
      </c>
      <c r="X126" s="3">
        <v>-0.23</v>
      </c>
      <c r="Y126" s="3">
        <v>0.03</v>
      </c>
      <c r="Z126" s="3">
        <v>0</v>
      </c>
      <c r="AA126" s="4">
        <f t="shared" si="16"/>
        <v>0</v>
      </c>
      <c r="AB126" s="4">
        <f t="shared" si="19"/>
        <v>1.6</v>
      </c>
      <c r="AC126" s="3">
        <f t="shared" si="10"/>
        <v>-3.7759999999999998</v>
      </c>
      <c r="AD126" s="4">
        <f t="shared" si="13"/>
        <v>0</v>
      </c>
      <c r="AE126" s="3">
        <f t="shared" si="11"/>
        <v>-0.99199999999999999</v>
      </c>
      <c r="AF126" s="4">
        <f t="shared" si="17"/>
        <v>0</v>
      </c>
      <c r="AG126" s="3">
        <f t="shared" si="14"/>
        <v>-6.4000000000000001E-2</v>
      </c>
      <c r="AH126" s="4">
        <f t="shared" si="15"/>
        <v>0</v>
      </c>
      <c r="AI126" s="3">
        <f t="shared" si="12"/>
        <v>0.52</v>
      </c>
      <c r="AJ126" s="14"/>
      <c r="AK126" s="14"/>
      <c r="AP126" s="8"/>
      <c r="AQ126" s="8"/>
      <c r="AR126" s="10"/>
    </row>
    <row r="127" spans="1:44">
      <c r="A127" s="3" t="s">
        <v>52</v>
      </c>
      <c r="B127" s="2">
        <v>0.46961805555555558</v>
      </c>
      <c r="C127" s="3">
        <v>101.59</v>
      </c>
      <c r="D127" s="3">
        <v>311.91000000000003</v>
      </c>
      <c r="E127" s="3">
        <v>452.09</v>
      </c>
      <c r="F127" s="3">
        <v>598.98</v>
      </c>
      <c r="G127" s="3">
        <v>331.57</v>
      </c>
      <c r="H127" s="3">
        <v>609.79999999999995</v>
      </c>
      <c r="I127" s="3">
        <v>177.51</v>
      </c>
      <c r="J127" s="3">
        <v>317.26</v>
      </c>
      <c r="K127" s="3">
        <v>236.86</v>
      </c>
      <c r="L127" s="3">
        <v>311.97000000000003</v>
      </c>
      <c r="M127" s="3">
        <v>308.58999999999997</v>
      </c>
      <c r="N127" s="3">
        <v>399.86</v>
      </c>
      <c r="O127" s="3">
        <v>668.56</v>
      </c>
      <c r="P127" s="3">
        <v>847.3</v>
      </c>
      <c r="Q127" s="3">
        <v>2284.5100000000002</v>
      </c>
      <c r="R127" s="3">
        <v>2284.5100000000002</v>
      </c>
      <c r="S127" s="3">
        <v>-2.36</v>
      </c>
      <c r="T127" s="3">
        <v>-0.62</v>
      </c>
      <c r="U127" s="3">
        <v>-0.04</v>
      </c>
      <c r="V127" s="3">
        <v>0.51</v>
      </c>
      <c r="W127" s="3">
        <v>-2.1</v>
      </c>
      <c r="X127" s="3">
        <v>-0.24</v>
      </c>
      <c r="Y127" s="3">
        <v>0.03</v>
      </c>
      <c r="Z127" s="3">
        <v>0</v>
      </c>
      <c r="AA127" s="4">
        <f t="shared" si="16"/>
        <v>0</v>
      </c>
      <c r="AB127" s="4">
        <f t="shared" si="19"/>
        <v>1.6</v>
      </c>
      <c r="AC127" s="3">
        <f t="shared" si="10"/>
        <v>-3.7759999999999998</v>
      </c>
      <c r="AD127" s="4">
        <f t="shared" si="13"/>
        <v>0</v>
      </c>
      <c r="AE127" s="3">
        <f t="shared" si="11"/>
        <v>-0.99199999999999999</v>
      </c>
      <c r="AF127" s="4">
        <f t="shared" si="17"/>
        <v>0</v>
      </c>
      <c r="AG127" s="3">
        <f t="shared" si="14"/>
        <v>-6.4000000000000001E-2</v>
      </c>
      <c r="AH127" s="4">
        <f t="shared" si="15"/>
        <v>0</v>
      </c>
      <c r="AI127" s="3">
        <f t="shared" si="12"/>
        <v>0.51</v>
      </c>
      <c r="AJ127" s="14"/>
      <c r="AK127" s="14"/>
      <c r="AP127" s="8"/>
      <c r="AQ127" s="8"/>
      <c r="AR127" s="10"/>
    </row>
    <row r="128" spans="1:44">
      <c r="A128" s="3" t="s">
        <v>52</v>
      </c>
      <c r="B128" s="2">
        <v>0.47031249999999997</v>
      </c>
      <c r="C128" s="3">
        <v>99.92</v>
      </c>
      <c r="D128" s="3">
        <v>306.35000000000002</v>
      </c>
      <c r="E128" s="3">
        <v>451.24</v>
      </c>
      <c r="F128" s="3">
        <v>599.32000000000005</v>
      </c>
      <c r="G128" s="3">
        <v>327.38</v>
      </c>
      <c r="H128" s="3">
        <v>599.41</v>
      </c>
      <c r="I128" s="3">
        <v>176.56</v>
      </c>
      <c r="J128" s="3">
        <v>315.39</v>
      </c>
      <c r="K128" s="3">
        <v>237.12</v>
      </c>
      <c r="L128" s="3">
        <v>312.64999999999998</v>
      </c>
      <c r="M128" s="3">
        <v>308.24</v>
      </c>
      <c r="N128" s="3">
        <v>400.75</v>
      </c>
      <c r="O128" s="3">
        <v>635.70000000000005</v>
      </c>
      <c r="P128" s="3">
        <v>853.13</v>
      </c>
      <c r="Q128" s="3">
        <v>2284.54</v>
      </c>
      <c r="R128" s="3">
        <v>2284.54</v>
      </c>
      <c r="S128" s="3">
        <v>-2.29</v>
      </c>
      <c r="T128" s="3">
        <v>-0.6</v>
      </c>
      <c r="U128" s="3">
        <v>-0.01</v>
      </c>
      <c r="V128" s="3">
        <v>0.53</v>
      </c>
      <c r="W128" s="3">
        <v>-2.08</v>
      </c>
      <c r="X128" s="3">
        <v>-0.23</v>
      </c>
      <c r="Y128" s="3">
        <v>0.04</v>
      </c>
      <c r="Z128" s="3">
        <v>0</v>
      </c>
      <c r="AA128" s="4">
        <f t="shared" si="16"/>
        <v>0</v>
      </c>
      <c r="AB128" s="4">
        <f t="shared" si="19"/>
        <v>1.6</v>
      </c>
      <c r="AC128" s="3">
        <f t="shared" si="10"/>
        <v>-3.6640000000000001</v>
      </c>
      <c r="AD128" s="4">
        <f t="shared" si="13"/>
        <v>0</v>
      </c>
      <c r="AE128" s="3">
        <f t="shared" si="11"/>
        <v>-0.96</v>
      </c>
      <c r="AF128" s="4">
        <f t="shared" si="17"/>
        <v>0</v>
      </c>
      <c r="AG128" s="3">
        <f t="shared" si="14"/>
        <v>-1.6E-2</v>
      </c>
      <c r="AH128" s="4">
        <f t="shared" si="15"/>
        <v>0</v>
      </c>
      <c r="AI128" s="3">
        <f t="shared" si="12"/>
        <v>0.53</v>
      </c>
      <c r="AJ128" s="14"/>
      <c r="AK128" s="14"/>
      <c r="AP128" s="8"/>
      <c r="AQ128" s="8"/>
      <c r="AR128" s="10"/>
    </row>
    <row r="129" spans="1:44">
      <c r="A129" s="3" t="s">
        <v>52</v>
      </c>
      <c r="B129" s="2">
        <v>0.47100694444444446</v>
      </c>
      <c r="C129" s="3">
        <v>97.67</v>
      </c>
      <c r="D129" s="3">
        <v>299.89999999999998</v>
      </c>
      <c r="E129" s="3">
        <v>450</v>
      </c>
      <c r="F129" s="3">
        <v>599.22</v>
      </c>
      <c r="G129" s="3">
        <v>322.24</v>
      </c>
      <c r="H129" s="3">
        <v>590.54999999999995</v>
      </c>
      <c r="I129" s="3">
        <v>175.31</v>
      </c>
      <c r="J129" s="3">
        <v>311.54000000000002</v>
      </c>
      <c r="K129" s="3">
        <v>236.96</v>
      </c>
      <c r="L129" s="3">
        <v>310.33999999999997</v>
      </c>
      <c r="M129" s="3">
        <v>309.27999999999997</v>
      </c>
      <c r="N129" s="3">
        <v>413.8</v>
      </c>
      <c r="O129" s="3">
        <v>558.29999999999995</v>
      </c>
      <c r="P129" s="3">
        <v>848.44</v>
      </c>
      <c r="Q129" s="3">
        <v>2284.58</v>
      </c>
      <c r="R129" s="3">
        <v>2284.58</v>
      </c>
      <c r="S129" s="3">
        <v>-2.35</v>
      </c>
      <c r="T129" s="3">
        <v>-0.64</v>
      </c>
      <c r="U129" s="3">
        <v>-0.05</v>
      </c>
      <c r="V129" s="3">
        <v>0.5</v>
      </c>
      <c r="W129" s="3">
        <v>-2.13</v>
      </c>
      <c r="X129" s="3">
        <v>-0.24</v>
      </c>
      <c r="Y129" s="3">
        <v>0.03</v>
      </c>
      <c r="Z129" s="3">
        <v>0</v>
      </c>
      <c r="AA129" s="4">
        <f t="shared" si="16"/>
        <v>0</v>
      </c>
      <c r="AB129" s="4">
        <f t="shared" si="19"/>
        <v>1.6</v>
      </c>
      <c r="AC129" s="3">
        <f t="shared" si="10"/>
        <v>-3.7600000000000002</v>
      </c>
      <c r="AD129" s="4">
        <f t="shared" si="13"/>
        <v>0</v>
      </c>
      <c r="AE129" s="3">
        <f t="shared" si="11"/>
        <v>-1.024</v>
      </c>
      <c r="AF129" s="4">
        <f t="shared" si="17"/>
        <v>0</v>
      </c>
      <c r="AG129" s="3">
        <f t="shared" si="14"/>
        <v>-8.0000000000000016E-2</v>
      </c>
      <c r="AH129" s="4">
        <f t="shared" si="15"/>
        <v>0</v>
      </c>
      <c r="AI129" s="3">
        <f t="shared" si="12"/>
        <v>0.5</v>
      </c>
      <c r="AJ129" s="14"/>
      <c r="AK129" s="14"/>
      <c r="AP129" s="8"/>
      <c r="AQ129" s="8"/>
      <c r="AR129" s="10"/>
    </row>
    <row r="130" spans="1:44">
      <c r="A130" s="3" t="s">
        <v>52</v>
      </c>
      <c r="B130" s="2">
        <v>0.47170138888888885</v>
      </c>
      <c r="C130" s="3">
        <v>96.52</v>
      </c>
      <c r="D130" s="3">
        <v>297.33999999999997</v>
      </c>
      <c r="E130" s="3">
        <v>449.21</v>
      </c>
      <c r="F130" s="3">
        <v>598.92999999999995</v>
      </c>
      <c r="G130" s="3">
        <v>321.02</v>
      </c>
      <c r="H130" s="3">
        <v>598.51</v>
      </c>
      <c r="I130" s="3">
        <v>173.74</v>
      </c>
      <c r="J130" s="3">
        <v>307</v>
      </c>
      <c r="K130" s="3">
        <v>236.45</v>
      </c>
      <c r="L130" s="3">
        <v>307.10000000000002</v>
      </c>
      <c r="M130" s="3">
        <v>310.10000000000002</v>
      </c>
      <c r="N130" s="3">
        <v>420</v>
      </c>
      <c r="O130" s="3">
        <v>371.33</v>
      </c>
      <c r="P130" s="3">
        <v>849.36</v>
      </c>
      <c r="Q130" s="3">
        <v>2284.61</v>
      </c>
      <c r="R130" s="3">
        <v>2284.61</v>
      </c>
      <c r="S130" s="3">
        <v>-2.34</v>
      </c>
      <c r="T130" s="3">
        <v>-0.62</v>
      </c>
      <c r="U130" s="3">
        <v>-0.04</v>
      </c>
      <c r="V130" s="3">
        <v>0.51</v>
      </c>
      <c r="W130" s="3">
        <v>-2.14</v>
      </c>
      <c r="X130" s="3">
        <v>-0.23</v>
      </c>
      <c r="Y130" s="3">
        <v>0.03</v>
      </c>
      <c r="Z130" s="3">
        <v>-0.01</v>
      </c>
      <c r="AA130" s="4">
        <f t="shared" si="16"/>
        <v>0</v>
      </c>
      <c r="AB130" s="4">
        <f t="shared" si="19"/>
        <v>1.6</v>
      </c>
      <c r="AC130" s="3">
        <f t="shared" si="10"/>
        <v>-3.7439999999999998</v>
      </c>
      <c r="AD130" s="4">
        <f t="shared" si="13"/>
        <v>0</v>
      </c>
      <c r="AE130" s="3">
        <f t="shared" si="11"/>
        <v>-0.99199999999999999</v>
      </c>
      <c r="AF130" s="4">
        <f t="shared" si="17"/>
        <v>0</v>
      </c>
      <c r="AG130" s="3">
        <f t="shared" si="14"/>
        <v>-6.4000000000000001E-2</v>
      </c>
      <c r="AH130" s="4">
        <f t="shared" si="15"/>
        <v>0</v>
      </c>
      <c r="AI130" s="3">
        <f t="shared" si="12"/>
        <v>0.51</v>
      </c>
      <c r="AJ130" s="14"/>
      <c r="AK130" s="14"/>
      <c r="AP130" s="8"/>
      <c r="AQ130" s="8"/>
      <c r="AR130" s="10"/>
    </row>
    <row r="131" spans="1:44">
      <c r="A131" s="3" t="s">
        <v>52</v>
      </c>
      <c r="B131" s="2">
        <v>0.47240740740740739</v>
      </c>
      <c r="C131" s="3">
        <v>97.67</v>
      </c>
      <c r="D131" s="3">
        <v>307.29000000000002</v>
      </c>
      <c r="E131" s="3">
        <v>448.85</v>
      </c>
      <c r="F131" s="3">
        <v>599.52</v>
      </c>
      <c r="G131" s="3">
        <v>322.58999999999997</v>
      </c>
      <c r="H131" s="3">
        <v>610.02</v>
      </c>
      <c r="I131" s="3">
        <v>171.88</v>
      </c>
      <c r="J131" s="3">
        <v>302.3</v>
      </c>
      <c r="K131" s="3">
        <v>235.61</v>
      </c>
      <c r="L131" s="3">
        <v>303.62</v>
      </c>
      <c r="M131" s="3">
        <v>311.19</v>
      </c>
      <c r="N131" s="3">
        <v>418.15</v>
      </c>
      <c r="O131" s="3">
        <v>319.82</v>
      </c>
      <c r="P131" s="3">
        <v>849.01</v>
      </c>
      <c r="Q131" s="3">
        <v>2284.65</v>
      </c>
      <c r="R131" s="3">
        <v>2284.65</v>
      </c>
      <c r="S131" s="3">
        <v>-2.42</v>
      </c>
      <c r="T131" s="3">
        <v>-0.65</v>
      </c>
      <c r="U131" s="3">
        <v>-7.0000000000000007E-2</v>
      </c>
      <c r="V131" s="3">
        <v>0.49</v>
      </c>
      <c r="W131" s="3">
        <v>-2.2400000000000002</v>
      </c>
      <c r="X131" s="3">
        <v>-0.23</v>
      </c>
      <c r="Y131" s="3">
        <v>0.03</v>
      </c>
      <c r="Z131" s="3">
        <v>-0.01</v>
      </c>
      <c r="AA131" s="4">
        <f t="shared" si="16"/>
        <v>0</v>
      </c>
      <c r="AB131" s="4">
        <f t="shared" si="19"/>
        <v>1.6</v>
      </c>
      <c r="AC131" s="3">
        <f t="shared" ref="AC131:AC194" si="20">S131*AB131+AA131</f>
        <v>-3.8719999999999999</v>
      </c>
      <c r="AD131" s="4">
        <f t="shared" si="13"/>
        <v>0</v>
      </c>
      <c r="AE131" s="3">
        <f t="shared" ref="AE131:AE194" si="21">T131*AB131+AD131</f>
        <v>-1.04</v>
      </c>
      <c r="AF131" s="4">
        <f t="shared" si="17"/>
        <v>0</v>
      </c>
      <c r="AG131" s="3">
        <f t="shared" si="14"/>
        <v>-0.11200000000000002</v>
      </c>
      <c r="AH131" s="4">
        <f t="shared" si="15"/>
        <v>0</v>
      </c>
      <c r="AI131" s="3">
        <f t="shared" ref="AI131:AI194" si="22">AH131*AB131+V131</f>
        <v>0.49</v>
      </c>
      <c r="AJ131" s="14"/>
      <c r="AK131" s="14"/>
      <c r="AP131" s="8"/>
      <c r="AQ131" s="8"/>
      <c r="AR131" s="10"/>
    </row>
    <row r="132" spans="1:44">
      <c r="A132" s="3" t="s">
        <v>52</v>
      </c>
      <c r="B132" s="2">
        <v>0.47310185185185188</v>
      </c>
      <c r="C132" s="3">
        <v>100.11</v>
      </c>
      <c r="D132" s="3">
        <v>320.32</v>
      </c>
      <c r="E132" s="3">
        <v>448.27</v>
      </c>
      <c r="F132" s="3">
        <v>598.77</v>
      </c>
      <c r="G132" s="3">
        <v>321.57</v>
      </c>
      <c r="H132" s="3">
        <v>605.66</v>
      </c>
      <c r="I132" s="3">
        <v>169.84</v>
      </c>
      <c r="J132" s="3">
        <v>298.04000000000002</v>
      </c>
      <c r="K132" s="3">
        <v>234.54</v>
      </c>
      <c r="L132" s="3">
        <v>300.14999999999998</v>
      </c>
      <c r="M132" s="3">
        <v>311.89999999999998</v>
      </c>
      <c r="N132" s="3">
        <v>413.67</v>
      </c>
      <c r="O132" s="3">
        <v>336.91</v>
      </c>
      <c r="P132" s="3">
        <v>845.47</v>
      </c>
      <c r="Q132" s="3">
        <v>2284.66</v>
      </c>
      <c r="R132" s="3">
        <v>2284.66</v>
      </c>
      <c r="S132" s="3">
        <v>-2.5099999999999998</v>
      </c>
      <c r="T132" s="3">
        <v>-0.69</v>
      </c>
      <c r="U132" s="3">
        <v>-0.11</v>
      </c>
      <c r="V132" s="3">
        <v>0.46</v>
      </c>
      <c r="W132" s="3">
        <v>-2.3199999999999998</v>
      </c>
      <c r="X132" s="3">
        <v>-0.23</v>
      </c>
      <c r="Y132" s="3">
        <v>0.03</v>
      </c>
      <c r="Z132" s="3">
        <v>-0.02</v>
      </c>
      <c r="AA132" s="4">
        <f t="shared" si="16"/>
        <v>0</v>
      </c>
      <c r="AB132" s="4">
        <f t="shared" si="19"/>
        <v>1.6</v>
      </c>
      <c r="AC132" s="3">
        <f t="shared" si="20"/>
        <v>-4.016</v>
      </c>
      <c r="AD132" s="4">
        <f t="shared" ref="AD132:AD195" si="23">AD131</f>
        <v>0</v>
      </c>
      <c r="AE132" s="3">
        <f t="shared" si="21"/>
        <v>-1.1039999999999999</v>
      </c>
      <c r="AF132" s="4">
        <f t="shared" si="17"/>
        <v>0</v>
      </c>
      <c r="AG132" s="3">
        <f t="shared" ref="AG132:AG195" si="24">U132*AB132+AF132</f>
        <v>-0.17600000000000002</v>
      </c>
      <c r="AH132" s="4">
        <f t="shared" ref="AH132:AH195" si="25">AH131</f>
        <v>0</v>
      </c>
      <c r="AI132" s="3">
        <f t="shared" si="22"/>
        <v>0.46</v>
      </c>
      <c r="AJ132" s="14"/>
      <c r="AK132" s="14"/>
      <c r="AP132" s="8"/>
      <c r="AQ132" s="8"/>
      <c r="AR132" s="10"/>
    </row>
    <row r="133" spans="1:44">
      <c r="A133" s="3" t="s">
        <v>52</v>
      </c>
      <c r="B133" s="2">
        <v>0.47379629629629627</v>
      </c>
      <c r="C133" s="3">
        <v>103.98</v>
      </c>
      <c r="D133" s="3">
        <v>336.85</v>
      </c>
      <c r="E133" s="3">
        <v>448.1</v>
      </c>
      <c r="F133" s="3">
        <v>599.59</v>
      </c>
      <c r="G133" s="3">
        <v>318.36</v>
      </c>
      <c r="H133" s="3">
        <v>593.41</v>
      </c>
      <c r="I133" s="3">
        <v>168.67</v>
      </c>
      <c r="J133" s="3">
        <v>301.18</v>
      </c>
      <c r="K133" s="3">
        <v>233.52</v>
      </c>
      <c r="L133" s="3">
        <v>299.20999999999998</v>
      </c>
      <c r="M133" s="3">
        <v>312.37</v>
      </c>
      <c r="N133" s="3">
        <v>408.78</v>
      </c>
      <c r="O133" s="3">
        <v>359.07</v>
      </c>
      <c r="P133" s="3">
        <v>851.3</v>
      </c>
      <c r="Q133" s="3">
        <v>2284.6999999999998</v>
      </c>
      <c r="R133" s="3">
        <v>2284.6999999999998</v>
      </c>
      <c r="S133" s="3">
        <v>-2.4300000000000002</v>
      </c>
      <c r="T133" s="3">
        <v>-0.65</v>
      </c>
      <c r="U133" s="3">
        <v>-0.05</v>
      </c>
      <c r="V133" s="3">
        <v>0.51</v>
      </c>
      <c r="W133" s="3">
        <v>-2.19</v>
      </c>
      <c r="X133" s="3">
        <v>-0.23</v>
      </c>
      <c r="Y133" s="3">
        <v>0.04</v>
      </c>
      <c r="Z133" s="3">
        <v>-0.01</v>
      </c>
      <c r="AA133" s="4">
        <f t="shared" ref="AA133:AA196" si="26">AA132</f>
        <v>0</v>
      </c>
      <c r="AB133" s="4">
        <f t="shared" si="19"/>
        <v>1.6</v>
      </c>
      <c r="AC133" s="3">
        <f t="shared" si="20"/>
        <v>-3.8880000000000003</v>
      </c>
      <c r="AD133" s="4">
        <f t="shared" si="23"/>
        <v>0</v>
      </c>
      <c r="AE133" s="3">
        <f t="shared" si="21"/>
        <v>-1.04</v>
      </c>
      <c r="AF133" s="4">
        <f t="shared" ref="AF133:AF196" si="27">AF132</f>
        <v>0</v>
      </c>
      <c r="AG133" s="3">
        <f t="shared" si="24"/>
        <v>-8.0000000000000016E-2</v>
      </c>
      <c r="AH133" s="4">
        <f t="shared" si="25"/>
        <v>0</v>
      </c>
      <c r="AI133" s="3">
        <f t="shared" si="22"/>
        <v>0.51</v>
      </c>
      <c r="AJ133" s="14"/>
      <c r="AK133" s="14"/>
      <c r="AP133" s="8"/>
      <c r="AQ133" s="8"/>
      <c r="AR133" s="10"/>
    </row>
    <row r="134" spans="1:44">
      <c r="A134" s="3" t="s">
        <v>52</v>
      </c>
      <c r="B134" s="2">
        <v>0.47449074074074077</v>
      </c>
      <c r="C134" s="3">
        <v>109.76</v>
      </c>
      <c r="D134" s="3">
        <v>354.98</v>
      </c>
      <c r="E134" s="3">
        <v>447.56</v>
      </c>
      <c r="F134" s="3">
        <v>598.64</v>
      </c>
      <c r="G134" s="3">
        <v>317.56</v>
      </c>
      <c r="H134" s="3">
        <v>592.94000000000005</v>
      </c>
      <c r="I134" s="3">
        <v>168.67</v>
      </c>
      <c r="J134" s="3">
        <v>312.27999999999997</v>
      </c>
      <c r="K134" s="3">
        <v>233.78</v>
      </c>
      <c r="L134" s="3">
        <v>307.18</v>
      </c>
      <c r="M134" s="3">
        <v>312.51</v>
      </c>
      <c r="N134" s="3">
        <v>403.77</v>
      </c>
      <c r="O134" s="3">
        <v>377.31</v>
      </c>
      <c r="P134" s="3">
        <v>845.59</v>
      </c>
      <c r="Q134" s="3">
        <v>2284.7199999999998</v>
      </c>
      <c r="R134" s="3">
        <v>2284.7199999999998</v>
      </c>
      <c r="S134" s="3">
        <v>-2.39</v>
      </c>
      <c r="T134" s="3">
        <v>-0.63</v>
      </c>
      <c r="U134" s="3">
        <v>-0.02</v>
      </c>
      <c r="V134" s="3">
        <v>0.53</v>
      </c>
      <c r="W134" s="3">
        <v>-2.2000000000000002</v>
      </c>
      <c r="X134" s="3">
        <v>-0.23</v>
      </c>
      <c r="Y134" s="3">
        <v>0.04</v>
      </c>
      <c r="Z134" s="3">
        <v>-0.01</v>
      </c>
      <c r="AA134" s="4">
        <f t="shared" si="26"/>
        <v>0</v>
      </c>
      <c r="AB134" s="4">
        <f t="shared" si="19"/>
        <v>1.6</v>
      </c>
      <c r="AC134" s="3">
        <f t="shared" si="20"/>
        <v>-3.8240000000000003</v>
      </c>
      <c r="AD134" s="4">
        <f t="shared" si="23"/>
        <v>0</v>
      </c>
      <c r="AE134" s="3">
        <f t="shared" si="21"/>
        <v>-1.008</v>
      </c>
      <c r="AF134" s="4">
        <f t="shared" si="27"/>
        <v>0</v>
      </c>
      <c r="AG134" s="3">
        <f t="shared" si="24"/>
        <v>-3.2000000000000001E-2</v>
      </c>
      <c r="AH134" s="4">
        <f t="shared" si="25"/>
        <v>0</v>
      </c>
      <c r="AI134" s="3">
        <f t="shared" si="22"/>
        <v>0.53</v>
      </c>
      <c r="AJ134" s="14"/>
      <c r="AK134" s="14"/>
      <c r="AP134" s="8"/>
      <c r="AQ134" s="8"/>
      <c r="AR134" s="10"/>
    </row>
    <row r="135" spans="1:44">
      <c r="A135" s="3" t="s">
        <v>52</v>
      </c>
      <c r="B135" s="2">
        <v>0.47518518518518515</v>
      </c>
      <c r="C135" s="3">
        <v>117.15</v>
      </c>
      <c r="D135" s="3">
        <v>372.79</v>
      </c>
      <c r="E135" s="3">
        <v>448.01</v>
      </c>
      <c r="F135" s="3">
        <v>599.5</v>
      </c>
      <c r="G135" s="3">
        <v>321.37</v>
      </c>
      <c r="H135" s="3">
        <v>605.67999999999995</v>
      </c>
      <c r="I135" s="3">
        <v>168.94</v>
      </c>
      <c r="J135" s="3">
        <v>317.22000000000003</v>
      </c>
      <c r="K135" s="3">
        <v>234.59</v>
      </c>
      <c r="L135" s="3">
        <v>312.69</v>
      </c>
      <c r="M135" s="3">
        <v>313</v>
      </c>
      <c r="N135" s="3">
        <v>399.2</v>
      </c>
      <c r="O135" s="3">
        <v>391.76</v>
      </c>
      <c r="P135" s="3">
        <v>848.99</v>
      </c>
      <c r="Q135" s="3">
        <v>2284.75</v>
      </c>
      <c r="R135" s="3">
        <v>2284.75</v>
      </c>
      <c r="S135" s="3">
        <v>-2.4500000000000002</v>
      </c>
      <c r="T135" s="3">
        <v>-0.65</v>
      </c>
      <c r="U135" s="3">
        <v>-0.04</v>
      </c>
      <c r="V135" s="3">
        <v>0.54</v>
      </c>
      <c r="W135" s="3">
        <v>-2.23</v>
      </c>
      <c r="X135" s="3">
        <v>-0.22</v>
      </c>
      <c r="Y135" s="3">
        <v>0.04</v>
      </c>
      <c r="Z135" s="3">
        <v>-0.04</v>
      </c>
      <c r="AA135" s="4">
        <f t="shared" si="26"/>
        <v>0</v>
      </c>
      <c r="AB135" s="4">
        <f t="shared" si="19"/>
        <v>1.6</v>
      </c>
      <c r="AC135" s="3">
        <f t="shared" si="20"/>
        <v>-3.9200000000000004</v>
      </c>
      <c r="AD135" s="4">
        <f t="shared" si="23"/>
        <v>0</v>
      </c>
      <c r="AE135" s="3">
        <f t="shared" si="21"/>
        <v>-1.04</v>
      </c>
      <c r="AF135" s="4">
        <f t="shared" si="27"/>
        <v>0</v>
      </c>
      <c r="AG135" s="3">
        <f t="shared" si="24"/>
        <v>-6.4000000000000001E-2</v>
      </c>
      <c r="AH135" s="4">
        <f t="shared" si="25"/>
        <v>0</v>
      </c>
      <c r="AI135" s="3">
        <f t="shared" si="22"/>
        <v>0.54</v>
      </c>
      <c r="AJ135" s="14"/>
      <c r="AK135" s="14"/>
      <c r="AP135" s="8"/>
      <c r="AQ135" s="8"/>
      <c r="AR135" s="10"/>
    </row>
    <row r="136" spans="1:44">
      <c r="A136" s="3" t="s">
        <v>52</v>
      </c>
      <c r="B136" s="2">
        <v>0.47587962962962965</v>
      </c>
      <c r="C136" s="3">
        <v>124.88</v>
      </c>
      <c r="D136" s="3">
        <v>389.63</v>
      </c>
      <c r="E136" s="3">
        <v>448.51</v>
      </c>
      <c r="F136" s="3">
        <v>598.75</v>
      </c>
      <c r="G136" s="3">
        <v>325.02999999999997</v>
      </c>
      <c r="H136" s="3">
        <v>610.04</v>
      </c>
      <c r="I136" s="3">
        <v>168.77</v>
      </c>
      <c r="J136" s="3">
        <v>316.10000000000002</v>
      </c>
      <c r="K136" s="3">
        <v>234.88</v>
      </c>
      <c r="L136" s="3">
        <v>312.22000000000003</v>
      </c>
      <c r="M136" s="3">
        <v>313.82</v>
      </c>
      <c r="N136" s="3">
        <v>402.45</v>
      </c>
      <c r="O136" s="3">
        <v>404.11</v>
      </c>
      <c r="P136" s="3">
        <v>849.21</v>
      </c>
      <c r="Q136" s="3">
        <v>2284.77</v>
      </c>
      <c r="R136" s="3">
        <v>2284.77</v>
      </c>
      <c r="S136" s="3">
        <v>-2.5299999999999998</v>
      </c>
      <c r="T136" s="3">
        <v>-0.68</v>
      </c>
      <c r="U136" s="3">
        <v>-0.08</v>
      </c>
      <c r="V136" s="3">
        <v>0.51</v>
      </c>
      <c r="W136" s="3">
        <v>-2.2799999999999998</v>
      </c>
      <c r="X136" s="3">
        <v>-0.24</v>
      </c>
      <c r="Y136" s="3">
        <v>0.03</v>
      </c>
      <c r="Z136" s="3">
        <v>-7.0000000000000007E-2</v>
      </c>
      <c r="AA136" s="4">
        <f t="shared" si="26"/>
        <v>0</v>
      </c>
      <c r="AB136" s="4">
        <f t="shared" si="19"/>
        <v>1.6</v>
      </c>
      <c r="AC136" s="3">
        <f t="shared" si="20"/>
        <v>-4.048</v>
      </c>
      <c r="AD136" s="4">
        <f t="shared" si="23"/>
        <v>0</v>
      </c>
      <c r="AE136" s="3">
        <f t="shared" si="21"/>
        <v>-1.0880000000000001</v>
      </c>
      <c r="AF136" s="4">
        <f t="shared" si="27"/>
        <v>0</v>
      </c>
      <c r="AG136" s="3">
        <f t="shared" si="24"/>
        <v>-0.128</v>
      </c>
      <c r="AH136" s="4">
        <f t="shared" si="25"/>
        <v>0</v>
      </c>
      <c r="AI136" s="3">
        <f t="shared" si="22"/>
        <v>0.51</v>
      </c>
      <c r="AJ136" s="14"/>
      <c r="AK136" s="14"/>
      <c r="AP136" s="8"/>
      <c r="AQ136" s="8"/>
      <c r="AR136" s="10"/>
    </row>
    <row r="137" spans="1:44">
      <c r="A137" s="3" t="s">
        <v>52</v>
      </c>
      <c r="B137" s="2">
        <v>0.47657407407407404</v>
      </c>
      <c r="C137" s="3">
        <v>132.38</v>
      </c>
      <c r="D137" s="3">
        <v>404.85</v>
      </c>
      <c r="E137" s="3">
        <v>448.94</v>
      </c>
      <c r="F137" s="3">
        <v>599.25</v>
      </c>
      <c r="G137" s="3">
        <v>325.42</v>
      </c>
      <c r="H137" s="3">
        <v>599.99</v>
      </c>
      <c r="I137" s="3">
        <v>168.3</v>
      </c>
      <c r="J137" s="3">
        <v>312.52999999999997</v>
      </c>
      <c r="K137" s="3">
        <v>234.88</v>
      </c>
      <c r="L137" s="3">
        <v>309.49</v>
      </c>
      <c r="M137" s="3">
        <v>316.57</v>
      </c>
      <c r="N137" s="3">
        <v>415.59</v>
      </c>
      <c r="O137" s="3">
        <v>414.76</v>
      </c>
      <c r="P137" s="3">
        <v>845.99</v>
      </c>
      <c r="Q137" s="3">
        <v>2284.8200000000002</v>
      </c>
      <c r="R137" s="3">
        <v>2284.8200000000002</v>
      </c>
      <c r="S137" s="3">
        <v>-2.62</v>
      </c>
      <c r="T137" s="3">
        <v>-0.72</v>
      </c>
      <c r="U137" s="3">
        <v>-0.11</v>
      </c>
      <c r="V137" s="3">
        <v>0.5</v>
      </c>
      <c r="W137" s="3">
        <v>-2.4</v>
      </c>
      <c r="X137" s="3">
        <v>-0.23</v>
      </c>
      <c r="Y137" s="3">
        <v>0.03</v>
      </c>
      <c r="Z137" s="3">
        <v>-0.05</v>
      </c>
      <c r="AA137" s="4">
        <f t="shared" si="26"/>
        <v>0</v>
      </c>
      <c r="AB137" s="4">
        <f t="shared" si="19"/>
        <v>1.6</v>
      </c>
      <c r="AC137" s="3">
        <f t="shared" si="20"/>
        <v>-4.1920000000000002</v>
      </c>
      <c r="AD137" s="4">
        <f t="shared" si="23"/>
        <v>0</v>
      </c>
      <c r="AE137" s="3">
        <f t="shared" si="21"/>
        <v>-1.1519999999999999</v>
      </c>
      <c r="AF137" s="4">
        <f t="shared" si="27"/>
        <v>0</v>
      </c>
      <c r="AG137" s="3">
        <f t="shared" si="24"/>
        <v>-0.17600000000000002</v>
      </c>
      <c r="AH137" s="4">
        <f t="shared" si="25"/>
        <v>0</v>
      </c>
      <c r="AI137" s="3">
        <f t="shared" si="22"/>
        <v>0.5</v>
      </c>
      <c r="AJ137" s="14"/>
      <c r="AK137" s="14"/>
      <c r="AP137" s="8"/>
      <c r="AQ137" s="8"/>
      <c r="AR137" s="10"/>
    </row>
    <row r="138" spans="1:44">
      <c r="A138" s="3" t="s">
        <v>52</v>
      </c>
      <c r="B138" s="2">
        <v>0.47728009259259263</v>
      </c>
      <c r="C138" s="3">
        <v>137.65</v>
      </c>
      <c r="D138" s="3">
        <v>410.98</v>
      </c>
      <c r="E138" s="3">
        <v>449.76</v>
      </c>
      <c r="F138" s="3">
        <v>599.26</v>
      </c>
      <c r="G138" s="3">
        <v>324.86</v>
      </c>
      <c r="H138" s="3">
        <v>591.13</v>
      </c>
      <c r="I138" s="3">
        <v>167.43</v>
      </c>
      <c r="J138" s="3">
        <v>308.07</v>
      </c>
      <c r="K138" s="3">
        <v>234.39</v>
      </c>
      <c r="L138" s="3">
        <v>306.08</v>
      </c>
      <c r="M138" s="3">
        <v>319.26</v>
      </c>
      <c r="N138" s="3">
        <v>419.7</v>
      </c>
      <c r="O138" s="3">
        <v>424.61</v>
      </c>
      <c r="P138" s="3">
        <v>851.56</v>
      </c>
      <c r="Q138" s="3">
        <v>2284.84</v>
      </c>
      <c r="R138" s="3">
        <v>2284.84</v>
      </c>
      <c r="S138" s="3">
        <v>-2.64</v>
      </c>
      <c r="T138" s="3">
        <v>-0.73</v>
      </c>
      <c r="U138" s="3">
        <v>-0.12</v>
      </c>
      <c r="V138" s="3">
        <v>0.49</v>
      </c>
      <c r="W138" s="3">
        <v>-2.4300000000000002</v>
      </c>
      <c r="X138" s="3">
        <v>-0.27</v>
      </c>
      <c r="Y138" s="3">
        <v>0.03</v>
      </c>
      <c r="Z138" s="3">
        <v>0</v>
      </c>
      <c r="AA138" s="4">
        <f t="shared" si="26"/>
        <v>0</v>
      </c>
      <c r="AB138" s="4">
        <f t="shared" si="19"/>
        <v>1.6</v>
      </c>
      <c r="AC138" s="3">
        <f t="shared" si="20"/>
        <v>-4.2240000000000002</v>
      </c>
      <c r="AD138" s="4">
        <f t="shared" si="23"/>
        <v>0</v>
      </c>
      <c r="AE138" s="3">
        <f t="shared" si="21"/>
        <v>-1.1679999999999999</v>
      </c>
      <c r="AF138" s="4">
        <f t="shared" si="27"/>
        <v>0</v>
      </c>
      <c r="AG138" s="3">
        <f t="shared" si="24"/>
        <v>-0.192</v>
      </c>
      <c r="AH138" s="4">
        <f t="shared" si="25"/>
        <v>0</v>
      </c>
      <c r="AI138" s="3">
        <f t="shared" si="22"/>
        <v>0.49</v>
      </c>
      <c r="AJ138" s="14"/>
      <c r="AK138" s="14"/>
      <c r="AP138" s="8"/>
      <c r="AQ138" s="8"/>
      <c r="AR138" s="10"/>
    </row>
    <row r="139" spans="1:44">
      <c r="A139" s="3" t="s">
        <v>52</v>
      </c>
      <c r="B139" s="2">
        <v>0.47797453703703702</v>
      </c>
      <c r="C139" s="3">
        <v>139.78</v>
      </c>
      <c r="D139" s="3">
        <v>405.09</v>
      </c>
      <c r="E139" s="3">
        <v>450.04</v>
      </c>
      <c r="F139" s="3">
        <v>599.01</v>
      </c>
      <c r="G139" s="3">
        <v>327.5</v>
      </c>
      <c r="H139" s="3">
        <v>599.12</v>
      </c>
      <c r="I139" s="3">
        <v>166.22</v>
      </c>
      <c r="J139" s="3">
        <v>303.38</v>
      </c>
      <c r="K139" s="3">
        <v>233.7</v>
      </c>
      <c r="L139" s="3">
        <v>302.54000000000002</v>
      </c>
      <c r="M139" s="3">
        <v>321.04000000000002</v>
      </c>
      <c r="N139" s="3">
        <v>417.23</v>
      </c>
      <c r="O139" s="3">
        <v>433.98</v>
      </c>
      <c r="P139" s="3">
        <v>845.63</v>
      </c>
      <c r="Q139" s="3">
        <v>2284.87</v>
      </c>
      <c r="R139" s="3">
        <v>2284.87</v>
      </c>
      <c r="S139" s="3">
        <v>-2.52</v>
      </c>
      <c r="T139" s="3">
        <v>-0.67</v>
      </c>
      <c r="U139" s="3">
        <v>-0.05</v>
      </c>
      <c r="V139" s="3">
        <v>0.51</v>
      </c>
      <c r="W139" s="3">
        <v>-2.29</v>
      </c>
      <c r="X139" s="3">
        <v>-0.26</v>
      </c>
      <c r="Y139" s="3">
        <v>0.04</v>
      </c>
      <c r="Z139" s="3">
        <v>0</v>
      </c>
      <c r="AA139" s="4">
        <f t="shared" si="26"/>
        <v>0</v>
      </c>
      <c r="AB139" s="4">
        <f t="shared" si="19"/>
        <v>1.6</v>
      </c>
      <c r="AC139" s="3">
        <f t="shared" si="20"/>
        <v>-4.032</v>
      </c>
      <c r="AD139" s="4">
        <f t="shared" si="23"/>
        <v>0</v>
      </c>
      <c r="AE139" s="3">
        <f t="shared" si="21"/>
        <v>-1.0720000000000001</v>
      </c>
      <c r="AF139" s="4">
        <f t="shared" si="27"/>
        <v>0</v>
      </c>
      <c r="AG139" s="3">
        <f t="shared" si="24"/>
        <v>-8.0000000000000016E-2</v>
      </c>
      <c r="AH139" s="4">
        <f t="shared" si="25"/>
        <v>0</v>
      </c>
      <c r="AI139" s="3">
        <f t="shared" si="22"/>
        <v>0.51</v>
      </c>
      <c r="AJ139" s="14"/>
      <c r="AK139" s="14"/>
      <c r="AP139" s="8"/>
      <c r="AQ139" s="8"/>
      <c r="AR139" s="10"/>
    </row>
    <row r="140" spans="1:44">
      <c r="A140" s="3" t="s">
        <v>52</v>
      </c>
      <c r="B140" s="2">
        <v>0.47866898148148151</v>
      </c>
      <c r="C140" s="3">
        <v>139.69999999999999</v>
      </c>
      <c r="D140" s="3">
        <v>395.52</v>
      </c>
      <c r="E140" s="3">
        <v>451.06</v>
      </c>
      <c r="F140" s="3">
        <v>599.59</v>
      </c>
      <c r="G140" s="3">
        <v>331.57</v>
      </c>
      <c r="H140" s="3">
        <v>610.63</v>
      </c>
      <c r="I140" s="3">
        <v>164.74</v>
      </c>
      <c r="J140" s="3">
        <v>298.83</v>
      </c>
      <c r="K140" s="3">
        <v>232.73</v>
      </c>
      <c r="L140" s="3">
        <v>299.38</v>
      </c>
      <c r="M140" s="3">
        <v>322.44</v>
      </c>
      <c r="N140" s="3">
        <v>413.14</v>
      </c>
      <c r="O140" s="3">
        <v>442.65</v>
      </c>
      <c r="P140" s="3">
        <v>850.36</v>
      </c>
      <c r="Q140" s="3">
        <v>2284.91</v>
      </c>
      <c r="R140" s="3">
        <v>2284.91</v>
      </c>
      <c r="S140" s="3">
        <v>-2.6</v>
      </c>
      <c r="T140" s="3">
        <v>-0.69</v>
      </c>
      <c r="U140" s="3">
        <v>-0.08</v>
      </c>
      <c r="V140" s="3">
        <v>0.49</v>
      </c>
      <c r="W140" s="3">
        <v>-2.36</v>
      </c>
      <c r="X140" s="3">
        <v>-0.25</v>
      </c>
      <c r="Y140" s="3">
        <v>0.04</v>
      </c>
      <c r="Z140" s="3">
        <v>-0.01</v>
      </c>
      <c r="AA140" s="4">
        <f t="shared" si="26"/>
        <v>0</v>
      </c>
      <c r="AB140" s="4">
        <f t="shared" si="19"/>
        <v>1.6</v>
      </c>
      <c r="AC140" s="3">
        <f t="shared" si="20"/>
        <v>-4.16</v>
      </c>
      <c r="AD140" s="4">
        <f t="shared" si="23"/>
        <v>0</v>
      </c>
      <c r="AE140" s="3">
        <f t="shared" si="21"/>
        <v>-1.1039999999999999</v>
      </c>
      <c r="AF140" s="4">
        <f t="shared" si="27"/>
        <v>0</v>
      </c>
      <c r="AG140" s="3">
        <f t="shared" si="24"/>
        <v>-0.128</v>
      </c>
      <c r="AH140" s="4">
        <f t="shared" si="25"/>
        <v>0</v>
      </c>
      <c r="AI140" s="3">
        <f t="shared" si="22"/>
        <v>0.49</v>
      </c>
      <c r="AJ140" s="14"/>
      <c r="AK140" s="14"/>
      <c r="AP140" s="8"/>
      <c r="AQ140" s="8"/>
      <c r="AR140" s="10"/>
    </row>
    <row r="141" spans="1:44">
      <c r="A141" s="3" t="s">
        <v>52</v>
      </c>
      <c r="B141" s="2">
        <v>0.4793634259259259</v>
      </c>
      <c r="C141" s="3">
        <v>139.59</v>
      </c>
      <c r="D141" s="3">
        <v>394.28</v>
      </c>
      <c r="E141" s="3">
        <v>452.01</v>
      </c>
      <c r="F141" s="3">
        <v>598.79</v>
      </c>
      <c r="G141" s="3">
        <v>332.34</v>
      </c>
      <c r="H141" s="3">
        <v>606.41999999999996</v>
      </c>
      <c r="I141" s="3">
        <v>163.74</v>
      </c>
      <c r="J141" s="3">
        <v>299.43</v>
      </c>
      <c r="K141" s="3">
        <v>232.5</v>
      </c>
      <c r="L141" s="3">
        <v>302.83999999999997</v>
      </c>
      <c r="M141" s="3">
        <v>324.75</v>
      </c>
      <c r="N141" s="3">
        <v>418.1</v>
      </c>
      <c r="O141" s="3">
        <v>450.79</v>
      </c>
      <c r="P141" s="3">
        <v>848.47</v>
      </c>
      <c r="Q141" s="3">
        <v>2284.94</v>
      </c>
      <c r="R141" s="3">
        <v>2284.94</v>
      </c>
      <c r="S141" s="3">
        <v>-2.59</v>
      </c>
      <c r="T141" s="3">
        <v>-0.68</v>
      </c>
      <c r="U141" s="3">
        <v>-0.06</v>
      </c>
      <c r="V141" s="3">
        <v>0.48</v>
      </c>
      <c r="W141" s="3">
        <v>-2.39</v>
      </c>
      <c r="X141" s="3">
        <v>-0.23</v>
      </c>
      <c r="Y141" s="3">
        <v>0.04</v>
      </c>
      <c r="Z141" s="3">
        <v>-0.01</v>
      </c>
      <c r="AA141" s="4">
        <f t="shared" si="26"/>
        <v>0</v>
      </c>
      <c r="AB141" s="4">
        <f t="shared" si="19"/>
        <v>1.6</v>
      </c>
      <c r="AC141" s="3">
        <f t="shared" si="20"/>
        <v>-4.1440000000000001</v>
      </c>
      <c r="AD141" s="4">
        <f t="shared" si="23"/>
        <v>0</v>
      </c>
      <c r="AE141" s="3">
        <f t="shared" si="21"/>
        <v>-1.0880000000000001</v>
      </c>
      <c r="AF141" s="4">
        <f t="shared" si="27"/>
        <v>0</v>
      </c>
      <c r="AG141" s="3">
        <f t="shared" si="24"/>
        <v>-9.6000000000000002E-2</v>
      </c>
      <c r="AH141" s="4">
        <f t="shared" si="25"/>
        <v>0</v>
      </c>
      <c r="AI141" s="3">
        <f t="shared" si="22"/>
        <v>0.48</v>
      </c>
      <c r="AJ141" s="14"/>
      <c r="AK141" s="14"/>
      <c r="AP141" s="8"/>
      <c r="AQ141" s="8"/>
      <c r="AR141" s="10"/>
    </row>
    <row r="142" spans="1:44">
      <c r="A142" s="3" t="s">
        <v>52</v>
      </c>
      <c r="B142" s="2">
        <v>0.4800578703703704</v>
      </c>
      <c r="C142" s="3">
        <v>141.21</v>
      </c>
      <c r="D142" s="3">
        <v>403.75</v>
      </c>
      <c r="E142" s="3">
        <v>452.33</v>
      </c>
      <c r="F142" s="3">
        <v>599.67999999999995</v>
      </c>
      <c r="G142" s="3">
        <v>330.19</v>
      </c>
      <c r="H142" s="3">
        <v>594.45000000000005</v>
      </c>
      <c r="I142" s="3">
        <v>164.13</v>
      </c>
      <c r="J142" s="3">
        <v>310</v>
      </c>
      <c r="K142" s="3">
        <v>233.99</v>
      </c>
      <c r="L142" s="3">
        <v>315.92</v>
      </c>
      <c r="M142" s="3">
        <v>329.43</v>
      </c>
      <c r="N142" s="3">
        <v>439.45</v>
      </c>
      <c r="O142" s="3">
        <v>458.93</v>
      </c>
      <c r="P142" s="3">
        <v>847.54</v>
      </c>
      <c r="Q142" s="3">
        <v>2284.96</v>
      </c>
      <c r="R142" s="3">
        <v>2284.96</v>
      </c>
      <c r="S142" s="3">
        <v>-2.5499999999999998</v>
      </c>
      <c r="T142" s="3">
        <v>-0.67</v>
      </c>
      <c r="U142" s="3">
        <v>-0.05</v>
      </c>
      <c r="V142" s="3">
        <v>0.5</v>
      </c>
      <c r="W142" s="3">
        <v>-2.33</v>
      </c>
      <c r="X142" s="3">
        <v>-0.22</v>
      </c>
      <c r="Y142" s="3">
        <v>0.04</v>
      </c>
      <c r="Z142" s="3">
        <v>-0.01</v>
      </c>
      <c r="AA142" s="4">
        <f t="shared" si="26"/>
        <v>0</v>
      </c>
      <c r="AB142" s="4">
        <f t="shared" si="19"/>
        <v>1.6</v>
      </c>
      <c r="AC142" s="3">
        <f t="shared" si="20"/>
        <v>-4.08</v>
      </c>
      <c r="AD142" s="4">
        <f t="shared" si="23"/>
        <v>0</v>
      </c>
      <c r="AE142" s="3">
        <f t="shared" si="21"/>
        <v>-1.0720000000000001</v>
      </c>
      <c r="AF142" s="4">
        <f t="shared" si="27"/>
        <v>0</v>
      </c>
      <c r="AG142" s="3">
        <f t="shared" si="24"/>
        <v>-8.0000000000000016E-2</v>
      </c>
      <c r="AH142" s="4">
        <f t="shared" si="25"/>
        <v>0</v>
      </c>
      <c r="AI142" s="3">
        <f t="shared" si="22"/>
        <v>0.5</v>
      </c>
      <c r="AJ142" s="14"/>
      <c r="AK142" s="14"/>
      <c r="AP142" s="8"/>
      <c r="AQ142" s="8"/>
      <c r="AR142" s="10"/>
    </row>
    <row r="143" spans="1:44">
      <c r="A143" s="3" t="s">
        <v>52</v>
      </c>
      <c r="B143" s="2">
        <v>0.48075231481481479</v>
      </c>
      <c r="C143" s="3">
        <v>142.76</v>
      </c>
      <c r="D143" s="3">
        <v>409.33</v>
      </c>
      <c r="E143" s="3">
        <v>452.7</v>
      </c>
      <c r="F143" s="3">
        <v>598.79999999999995</v>
      </c>
      <c r="G143" s="3">
        <v>329.72</v>
      </c>
      <c r="H143" s="3">
        <v>593.36</v>
      </c>
      <c r="I143" s="3">
        <v>165.21</v>
      </c>
      <c r="J143" s="3">
        <v>316.79000000000002</v>
      </c>
      <c r="K143" s="3">
        <v>237.3</v>
      </c>
      <c r="L143" s="3">
        <v>332.63</v>
      </c>
      <c r="M143" s="3">
        <v>336.82</v>
      </c>
      <c r="N143" s="3">
        <v>467.44</v>
      </c>
      <c r="O143" s="3">
        <v>466.55</v>
      </c>
      <c r="P143" s="3">
        <v>851.49</v>
      </c>
      <c r="Q143" s="3">
        <v>2284.9899999999998</v>
      </c>
      <c r="R143" s="3">
        <v>2284.9899999999998</v>
      </c>
      <c r="S143" s="3">
        <v>-2.52</v>
      </c>
      <c r="T143" s="3">
        <v>-0.66</v>
      </c>
      <c r="U143" s="3">
        <v>-0.02</v>
      </c>
      <c r="V143" s="3">
        <v>0.5</v>
      </c>
      <c r="W143" s="3">
        <v>-2.33</v>
      </c>
      <c r="X143" s="3">
        <v>-0.23</v>
      </c>
      <c r="Y143" s="3">
        <v>0.04</v>
      </c>
      <c r="Z143" s="3">
        <v>0</v>
      </c>
      <c r="AA143" s="4">
        <f t="shared" si="26"/>
        <v>0</v>
      </c>
      <c r="AB143" s="4">
        <f t="shared" si="19"/>
        <v>1.6</v>
      </c>
      <c r="AC143" s="3">
        <f t="shared" si="20"/>
        <v>-4.032</v>
      </c>
      <c r="AD143" s="4">
        <f t="shared" si="23"/>
        <v>0</v>
      </c>
      <c r="AE143" s="3">
        <f t="shared" si="21"/>
        <v>-1.056</v>
      </c>
      <c r="AF143" s="4">
        <f t="shared" si="27"/>
        <v>0</v>
      </c>
      <c r="AG143" s="3">
        <f t="shared" si="24"/>
        <v>-3.2000000000000001E-2</v>
      </c>
      <c r="AH143" s="4">
        <f t="shared" si="25"/>
        <v>0</v>
      </c>
      <c r="AI143" s="3">
        <f t="shared" si="22"/>
        <v>0.5</v>
      </c>
      <c r="AJ143" s="14"/>
      <c r="AK143" s="14"/>
      <c r="AP143" s="8"/>
      <c r="AQ143" s="8"/>
      <c r="AR143" s="10"/>
    </row>
    <row r="144" spans="1:44">
      <c r="A144" s="3" t="s">
        <v>52</v>
      </c>
      <c r="B144" s="2">
        <v>0.48144675925925928</v>
      </c>
      <c r="C144" s="3">
        <v>142.56</v>
      </c>
      <c r="D144" s="3">
        <v>403.94</v>
      </c>
      <c r="E144" s="3">
        <v>453.33</v>
      </c>
      <c r="F144" s="3">
        <v>599.71</v>
      </c>
      <c r="G144" s="3">
        <v>332.79</v>
      </c>
      <c r="H144" s="3">
        <v>606.29</v>
      </c>
      <c r="I144" s="3">
        <v>166.52</v>
      </c>
      <c r="J144" s="3">
        <v>318.33999999999997</v>
      </c>
      <c r="K144" s="3">
        <v>242.22</v>
      </c>
      <c r="L144" s="3">
        <v>349.8</v>
      </c>
      <c r="M144" s="3">
        <v>346.69</v>
      </c>
      <c r="N144" s="3">
        <v>496.43</v>
      </c>
      <c r="O144" s="3">
        <v>473.72</v>
      </c>
      <c r="P144" s="3">
        <v>845.81</v>
      </c>
      <c r="Q144" s="3">
        <v>2285.0300000000002</v>
      </c>
      <c r="R144" s="3">
        <v>2285.0300000000002</v>
      </c>
      <c r="S144" s="3">
        <v>-2.62</v>
      </c>
      <c r="T144" s="3">
        <v>-0.69</v>
      </c>
      <c r="U144" s="3">
        <v>-0.06</v>
      </c>
      <c r="V144" s="3">
        <v>0.49</v>
      </c>
      <c r="W144" s="3">
        <v>-2.4</v>
      </c>
      <c r="X144" s="3">
        <v>-0.25</v>
      </c>
      <c r="Y144" s="3">
        <v>0.03</v>
      </c>
      <c r="Z144" s="3">
        <v>0</v>
      </c>
      <c r="AA144" s="4">
        <f t="shared" si="26"/>
        <v>0</v>
      </c>
      <c r="AB144" s="4">
        <f t="shared" si="19"/>
        <v>1.6</v>
      </c>
      <c r="AC144" s="3">
        <f t="shared" si="20"/>
        <v>-4.1920000000000002</v>
      </c>
      <c r="AD144" s="4">
        <f t="shared" si="23"/>
        <v>0</v>
      </c>
      <c r="AE144" s="3">
        <f t="shared" si="21"/>
        <v>-1.1039999999999999</v>
      </c>
      <c r="AF144" s="4">
        <f t="shared" si="27"/>
        <v>0</v>
      </c>
      <c r="AG144" s="3">
        <f t="shared" si="24"/>
        <v>-9.6000000000000002E-2</v>
      </c>
      <c r="AH144" s="4">
        <f t="shared" si="25"/>
        <v>0</v>
      </c>
      <c r="AI144" s="3">
        <f t="shared" si="22"/>
        <v>0.49</v>
      </c>
      <c r="AJ144" s="14"/>
      <c r="AK144" s="14"/>
      <c r="AP144" s="8"/>
      <c r="AQ144" s="8"/>
      <c r="AR144" s="10"/>
    </row>
    <row r="145" spans="1:44">
      <c r="A145" s="3" t="s">
        <v>52</v>
      </c>
      <c r="B145" s="2">
        <v>0.48214120370370367</v>
      </c>
      <c r="C145" s="3">
        <v>140.69999999999999</v>
      </c>
      <c r="D145" s="3">
        <v>395.23</v>
      </c>
      <c r="E145" s="3">
        <v>454.14</v>
      </c>
      <c r="F145" s="3">
        <v>598.95000000000005</v>
      </c>
      <c r="G145" s="3">
        <v>334.69</v>
      </c>
      <c r="H145" s="3">
        <v>610.82000000000005</v>
      </c>
      <c r="I145" s="3">
        <v>169.07</v>
      </c>
      <c r="J145" s="3">
        <v>327.18</v>
      </c>
      <c r="K145" s="3">
        <v>248.48</v>
      </c>
      <c r="L145" s="3">
        <v>366.38</v>
      </c>
      <c r="M145" s="3">
        <v>357.26</v>
      </c>
      <c r="N145" s="3">
        <v>519.73</v>
      </c>
      <c r="O145" s="3">
        <v>480.98</v>
      </c>
      <c r="P145" s="3">
        <v>852.01</v>
      </c>
      <c r="Q145" s="3">
        <v>2285.06</v>
      </c>
      <c r="R145" s="3">
        <v>2285.06</v>
      </c>
      <c r="S145" s="3">
        <v>-2.72</v>
      </c>
      <c r="T145" s="3">
        <v>-0.74</v>
      </c>
      <c r="U145" s="3">
        <v>-0.12</v>
      </c>
      <c r="V145" s="3">
        <v>0.48</v>
      </c>
      <c r="W145" s="3">
        <v>-3.12</v>
      </c>
      <c r="X145" s="3">
        <v>1.41</v>
      </c>
      <c r="Y145" s="3">
        <v>0.11</v>
      </c>
      <c r="Z145" s="3">
        <v>-0.04</v>
      </c>
      <c r="AA145" s="4">
        <f t="shared" si="26"/>
        <v>0</v>
      </c>
      <c r="AB145" s="4">
        <f t="shared" si="19"/>
        <v>1.6</v>
      </c>
      <c r="AC145" s="3">
        <f t="shared" si="20"/>
        <v>-4.3520000000000003</v>
      </c>
      <c r="AD145" s="4">
        <f t="shared" si="23"/>
        <v>0</v>
      </c>
      <c r="AE145" s="3">
        <f t="shared" si="21"/>
        <v>-1.1839999999999999</v>
      </c>
      <c r="AF145" s="4">
        <f t="shared" si="27"/>
        <v>0</v>
      </c>
      <c r="AG145" s="3">
        <f t="shared" si="24"/>
        <v>-0.192</v>
      </c>
      <c r="AH145" s="4">
        <f t="shared" si="25"/>
        <v>0</v>
      </c>
      <c r="AI145" s="3">
        <f t="shared" si="22"/>
        <v>0.48</v>
      </c>
      <c r="AJ145" s="14"/>
      <c r="AK145" s="14"/>
      <c r="AP145" s="8"/>
      <c r="AQ145" s="8"/>
      <c r="AR145" s="10"/>
    </row>
    <row r="146" spans="1:44">
      <c r="A146" s="3" t="s">
        <v>52</v>
      </c>
      <c r="B146" s="2">
        <v>0.48284722222222221</v>
      </c>
      <c r="C146" s="3">
        <v>139.66999999999999</v>
      </c>
      <c r="D146" s="3">
        <v>395.69</v>
      </c>
      <c r="E146" s="3">
        <v>454.48</v>
      </c>
      <c r="F146" s="3">
        <v>599.47</v>
      </c>
      <c r="G146" s="3">
        <v>332.85</v>
      </c>
      <c r="H146" s="3">
        <v>601.21</v>
      </c>
      <c r="I146" s="3">
        <v>173.41</v>
      </c>
      <c r="J146" s="3">
        <v>344.01</v>
      </c>
      <c r="K146" s="3">
        <v>255.65</v>
      </c>
      <c r="L146" s="3">
        <v>382.22</v>
      </c>
      <c r="M146" s="3">
        <v>366.22</v>
      </c>
      <c r="N146" s="3">
        <v>525.01</v>
      </c>
      <c r="O146" s="3">
        <v>487.73</v>
      </c>
      <c r="P146" s="3">
        <v>846.98</v>
      </c>
      <c r="Q146" s="3">
        <v>2285.09</v>
      </c>
      <c r="R146" s="3">
        <v>2285.09</v>
      </c>
      <c r="S146" s="3">
        <v>-2.67</v>
      </c>
      <c r="T146" s="3">
        <v>-0.72</v>
      </c>
      <c r="U146" s="3">
        <v>-7.0000000000000007E-2</v>
      </c>
      <c r="V146" s="3">
        <v>0.46</v>
      </c>
      <c r="W146" s="3">
        <v>-0.59</v>
      </c>
      <c r="X146" s="3">
        <v>1.19</v>
      </c>
      <c r="Y146" s="3">
        <v>-7.0000000000000007E-2</v>
      </c>
      <c r="Z146" s="3">
        <v>-0.03</v>
      </c>
      <c r="AA146" s="4">
        <f t="shared" si="26"/>
        <v>0</v>
      </c>
      <c r="AB146" s="4">
        <f t="shared" si="19"/>
        <v>1.6</v>
      </c>
      <c r="AC146" s="3">
        <f t="shared" si="20"/>
        <v>-4.2720000000000002</v>
      </c>
      <c r="AD146" s="4">
        <f t="shared" si="23"/>
        <v>0</v>
      </c>
      <c r="AE146" s="3">
        <f t="shared" si="21"/>
        <v>-1.1519999999999999</v>
      </c>
      <c r="AF146" s="4">
        <f t="shared" si="27"/>
        <v>0</v>
      </c>
      <c r="AG146" s="3">
        <f t="shared" si="24"/>
        <v>-0.11200000000000002</v>
      </c>
      <c r="AH146" s="4">
        <f t="shared" si="25"/>
        <v>0</v>
      </c>
      <c r="AI146" s="3">
        <f t="shared" si="22"/>
        <v>0.46</v>
      </c>
      <c r="AJ146" s="14"/>
      <c r="AK146" s="14"/>
      <c r="AP146" s="8"/>
      <c r="AQ146" s="8"/>
      <c r="AR146" s="10"/>
    </row>
    <row r="147" spans="1:44">
      <c r="A147" s="3" t="s">
        <v>52</v>
      </c>
      <c r="B147" s="2">
        <v>0.4835416666666667</v>
      </c>
      <c r="C147" s="3">
        <v>140.72999999999999</v>
      </c>
      <c r="D147" s="3">
        <v>405.69</v>
      </c>
      <c r="E147" s="3">
        <v>454.69</v>
      </c>
      <c r="F147" s="3">
        <v>599.17999999999995</v>
      </c>
      <c r="G147" s="3">
        <v>329.98</v>
      </c>
      <c r="H147" s="3">
        <v>591.63</v>
      </c>
      <c r="I147" s="3">
        <v>179.48</v>
      </c>
      <c r="J147" s="3">
        <v>363.71</v>
      </c>
      <c r="K147" s="3">
        <v>263.68</v>
      </c>
      <c r="L147" s="3">
        <v>397.3</v>
      </c>
      <c r="M147" s="3">
        <v>372.31</v>
      </c>
      <c r="N147" s="3">
        <v>519.49</v>
      </c>
      <c r="O147" s="3">
        <v>494.22</v>
      </c>
      <c r="P147" s="3">
        <v>849.99</v>
      </c>
      <c r="Q147" s="3">
        <v>2285.12</v>
      </c>
      <c r="R147" s="3">
        <v>2285.12</v>
      </c>
      <c r="S147" s="3">
        <v>-0.42</v>
      </c>
      <c r="T147" s="3">
        <v>-0.15</v>
      </c>
      <c r="U147" s="3">
        <v>-0.15</v>
      </c>
      <c r="V147" s="3">
        <v>0.15</v>
      </c>
      <c r="W147" s="3">
        <v>0.16</v>
      </c>
      <c r="X147" s="3">
        <v>-0.1</v>
      </c>
      <c r="Y147" s="3">
        <v>-0.16</v>
      </c>
      <c r="Z147" s="3">
        <v>0.01</v>
      </c>
      <c r="AA147" s="4">
        <f t="shared" si="26"/>
        <v>0</v>
      </c>
      <c r="AB147" s="4">
        <f t="shared" si="19"/>
        <v>1.6</v>
      </c>
      <c r="AC147" s="3">
        <f t="shared" si="20"/>
        <v>-0.67200000000000004</v>
      </c>
      <c r="AD147" s="4">
        <f t="shared" si="23"/>
        <v>0</v>
      </c>
      <c r="AE147" s="3">
        <f t="shared" si="21"/>
        <v>-0.24</v>
      </c>
      <c r="AF147" s="4">
        <f t="shared" si="27"/>
        <v>0</v>
      </c>
      <c r="AG147" s="3">
        <f t="shared" si="24"/>
        <v>-0.24</v>
      </c>
      <c r="AH147" s="4">
        <f t="shared" si="25"/>
        <v>0</v>
      </c>
      <c r="AI147" s="3">
        <f t="shared" si="22"/>
        <v>0.15</v>
      </c>
      <c r="AJ147" s="14"/>
      <c r="AK147" s="14"/>
      <c r="AP147" s="8"/>
      <c r="AQ147" s="8"/>
      <c r="AR147" s="10"/>
    </row>
    <row r="148" spans="1:44">
      <c r="A148" s="3" t="s">
        <v>52</v>
      </c>
      <c r="B148" s="2">
        <v>0.48423611111111109</v>
      </c>
      <c r="C148" s="3">
        <v>141.63</v>
      </c>
      <c r="D148" s="3">
        <v>409.3</v>
      </c>
      <c r="E148" s="3">
        <v>454.86</v>
      </c>
      <c r="F148" s="3">
        <v>599.30999999999995</v>
      </c>
      <c r="G148" s="3">
        <v>330.76</v>
      </c>
      <c r="H148" s="3">
        <v>598.64</v>
      </c>
      <c r="I148" s="3">
        <v>186.93</v>
      </c>
      <c r="J148" s="3">
        <v>383.94</v>
      </c>
      <c r="K148" s="3">
        <v>271.58999999999997</v>
      </c>
      <c r="L148" s="3">
        <v>409.65</v>
      </c>
      <c r="M148" s="3">
        <v>376.89</v>
      </c>
      <c r="N148" s="3">
        <v>511.25</v>
      </c>
      <c r="O148" s="3">
        <v>500.4</v>
      </c>
      <c r="P148" s="3">
        <v>850.01</v>
      </c>
      <c r="Q148" s="3">
        <v>2285.14</v>
      </c>
      <c r="R148" s="3">
        <v>2285.14</v>
      </c>
      <c r="S148" s="3">
        <v>0.06</v>
      </c>
      <c r="T148" s="3">
        <v>-0.05</v>
      </c>
      <c r="U148" s="3">
        <v>-0.2</v>
      </c>
      <c r="V148" s="3">
        <v>7.0000000000000007E-2</v>
      </c>
      <c r="W148" s="3">
        <v>0.11</v>
      </c>
      <c r="X148" s="3">
        <v>-0.12</v>
      </c>
      <c r="Y148" s="3">
        <v>-0.17</v>
      </c>
      <c r="Z148" s="3">
        <v>0.01</v>
      </c>
      <c r="AA148" s="4">
        <f t="shared" si="26"/>
        <v>0</v>
      </c>
      <c r="AB148" s="4">
        <f t="shared" si="19"/>
        <v>1.6</v>
      </c>
      <c r="AC148" s="3">
        <f t="shared" si="20"/>
        <v>9.6000000000000002E-2</v>
      </c>
      <c r="AD148" s="4">
        <f t="shared" si="23"/>
        <v>0</v>
      </c>
      <c r="AE148" s="3">
        <f t="shared" si="21"/>
        <v>-8.0000000000000016E-2</v>
      </c>
      <c r="AF148" s="4">
        <f t="shared" si="27"/>
        <v>0</v>
      </c>
      <c r="AG148" s="3">
        <f t="shared" si="24"/>
        <v>-0.32000000000000006</v>
      </c>
      <c r="AH148" s="4">
        <f t="shared" si="25"/>
        <v>0</v>
      </c>
      <c r="AI148" s="3">
        <f t="shared" si="22"/>
        <v>7.0000000000000007E-2</v>
      </c>
      <c r="AJ148" s="14"/>
      <c r="AK148" s="14"/>
      <c r="AP148" s="8"/>
      <c r="AQ148" s="8"/>
      <c r="AR148" s="10"/>
    </row>
    <row r="149" spans="1:44">
      <c r="A149" s="3" t="s">
        <v>52</v>
      </c>
      <c r="B149" s="2">
        <v>0.48493055555555559</v>
      </c>
      <c r="C149" s="3">
        <v>140.97</v>
      </c>
      <c r="D149" s="3">
        <v>402.98</v>
      </c>
      <c r="E149" s="3">
        <v>455.45</v>
      </c>
      <c r="F149" s="3">
        <v>599.4</v>
      </c>
      <c r="G149" s="3">
        <v>333.71</v>
      </c>
      <c r="H149" s="3">
        <v>610.75</v>
      </c>
      <c r="I149" s="3">
        <v>195.56</v>
      </c>
      <c r="J149" s="3">
        <v>403.43</v>
      </c>
      <c r="K149" s="3">
        <v>278.02999999999997</v>
      </c>
      <c r="L149" s="3">
        <v>412.27</v>
      </c>
      <c r="M149" s="3">
        <v>379.8</v>
      </c>
      <c r="N149" s="3">
        <v>502.97</v>
      </c>
      <c r="O149" s="3">
        <v>505.99</v>
      </c>
      <c r="P149" s="3">
        <v>847.06</v>
      </c>
      <c r="Q149" s="3">
        <v>2285.17</v>
      </c>
      <c r="R149" s="3">
        <v>2285.17</v>
      </c>
      <c r="S149" s="3">
        <v>0.3</v>
      </c>
      <c r="T149" s="3">
        <v>0.04</v>
      </c>
      <c r="U149" s="3">
        <v>-0.11</v>
      </c>
      <c r="V149" s="3">
        <v>0.1</v>
      </c>
      <c r="W149" s="3">
        <v>0.31</v>
      </c>
      <c r="X149" s="3">
        <v>-0.17</v>
      </c>
      <c r="Y149" s="3">
        <v>-0.16</v>
      </c>
      <c r="Z149" s="3">
        <v>0.06</v>
      </c>
      <c r="AA149" s="4">
        <f t="shared" si="26"/>
        <v>0</v>
      </c>
      <c r="AB149" s="4">
        <f t="shared" si="19"/>
        <v>1.6</v>
      </c>
      <c r="AC149" s="3">
        <f t="shared" si="20"/>
        <v>0.48</v>
      </c>
      <c r="AD149" s="4">
        <f t="shared" si="23"/>
        <v>0</v>
      </c>
      <c r="AE149" s="3">
        <f t="shared" si="21"/>
        <v>6.4000000000000001E-2</v>
      </c>
      <c r="AF149" s="4">
        <f t="shared" si="27"/>
        <v>0</v>
      </c>
      <c r="AG149" s="3">
        <f t="shared" si="24"/>
        <v>-0.17600000000000002</v>
      </c>
      <c r="AH149" s="4">
        <f t="shared" si="25"/>
        <v>0</v>
      </c>
      <c r="AI149" s="3">
        <f t="shared" si="22"/>
        <v>0.1</v>
      </c>
      <c r="AJ149" s="14"/>
      <c r="AK149" s="14"/>
      <c r="AP149" s="8"/>
      <c r="AQ149" s="8"/>
      <c r="AR149" s="10"/>
    </row>
    <row r="150" spans="1:44">
      <c r="A150" s="3" t="s">
        <v>52</v>
      </c>
      <c r="B150" s="2">
        <v>0.48562499999999997</v>
      </c>
      <c r="C150" s="3">
        <v>138.80000000000001</v>
      </c>
      <c r="D150" s="3">
        <v>394.72</v>
      </c>
      <c r="E150" s="3">
        <v>455.99</v>
      </c>
      <c r="F150" s="3">
        <v>599.04</v>
      </c>
      <c r="G150" s="3">
        <v>333.49</v>
      </c>
      <c r="H150" s="3">
        <v>607.52</v>
      </c>
      <c r="I150" s="3">
        <v>203.88</v>
      </c>
      <c r="J150" s="3">
        <v>416.48</v>
      </c>
      <c r="K150" s="3">
        <v>282.95999999999998</v>
      </c>
      <c r="L150" s="3">
        <v>408.07</v>
      </c>
      <c r="M150" s="3">
        <v>382.28</v>
      </c>
      <c r="N150" s="3">
        <v>496.85</v>
      </c>
      <c r="O150" s="3">
        <v>511.72</v>
      </c>
      <c r="P150" s="3">
        <v>852.44</v>
      </c>
      <c r="Q150" s="3">
        <v>2285.19</v>
      </c>
      <c r="R150" s="3">
        <v>2285.19</v>
      </c>
      <c r="S150" s="3">
        <v>-0.19</v>
      </c>
      <c r="T150" s="3">
        <v>-0.16</v>
      </c>
      <c r="U150" s="3">
        <v>-0.3</v>
      </c>
      <c r="V150" s="3">
        <v>0.03</v>
      </c>
      <c r="W150" s="3">
        <v>44.38</v>
      </c>
      <c r="X150" s="3">
        <v>1.1100000000000001</v>
      </c>
      <c r="Y150" s="3">
        <v>-0.14000000000000001</v>
      </c>
      <c r="Z150" s="3">
        <v>1.7</v>
      </c>
      <c r="AA150" s="4">
        <f t="shared" si="26"/>
        <v>0</v>
      </c>
      <c r="AB150" s="4">
        <f t="shared" si="19"/>
        <v>1.6</v>
      </c>
      <c r="AC150" s="3">
        <f t="shared" si="20"/>
        <v>-0.30400000000000005</v>
      </c>
      <c r="AD150" s="4">
        <f t="shared" si="23"/>
        <v>0</v>
      </c>
      <c r="AE150" s="3">
        <f t="shared" si="21"/>
        <v>-0.25600000000000001</v>
      </c>
      <c r="AF150" s="4">
        <f t="shared" si="27"/>
        <v>0</v>
      </c>
      <c r="AG150" s="3">
        <f t="shared" si="24"/>
        <v>-0.48</v>
      </c>
      <c r="AH150" s="4">
        <f t="shared" si="25"/>
        <v>0</v>
      </c>
      <c r="AI150" s="3">
        <f t="shared" si="22"/>
        <v>0.03</v>
      </c>
      <c r="AJ150" s="14"/>
      <c r="AK150" s="14"/>
      <c r="AP150" s="8"/>
      <c r="AQ150" s="8"/>
      <c r="AR150" s="10"/>
    </row>
    <row r="151" spans="1:44">
      <c r="A151" s="3" t="s">
        <v>52</v>
      </c>
      <c r="B151" s="2">
        <v>0.48631944444444447</v>
      </c>
      <c r="C151" s="3">
        <v>137.81</v>
      </c>
      <c r="D151" s="3">
        <v>396.86</v>
      </c>
      <c r="E151" s="3">
        <v>456.19</v>
      </c>
      <c r="F151" s="3">
        <v>599.64</v>
      </c>
      <c r="G151" s="3">
        <v>330.19</v>
      </c>
      <c r="H151" s="3">
        <v>595.73</v>
      </c>
      <c r="I151" s="3">
        <v>210.59</v>
      </c>
      <c r="J151" s="3">
        <v>417.36</v>
      </c>
      <c r="K151" s="3">
        <v>286.20999999999998</v>
      </c>
      <c r="L151" s="3">
        <v>401.85</v>
      </c>
      <c r="M151" s="3">
        <v>386.07</v>
      </c>
      <c r="N151" s="3">
        <v>505.57</v>
      </c>
      <c r="O151" s="3">
        <v>517.35</v>
      </c>
      <c r="P151" s="3">
        <v>846.34</v>
      </c>
      <c r="Q151" s="3">
        <v>2285.2199999999998</v>
      </c>
      <c r="R151" s="3">
        <v>2285.2199999999998</v>
      </c>
      <c r="S151" s="3">
        <v>-0.1</v>
      </c>
      <c r="T151" s="3">
        <v>-0.19</v>
      </c>
      <c r="U151" s="3">
        <v>-0.31</v>
      </c>
      <c r="V151" s="3">
        <v>0.06</v>
      </c>
      <c r="W151" s="3">
        <v>97.64</v>
      </c>
      <c r="X151" s="3">
        <v>-0.17</v>
      </c>
      <c r="Y151" s="3">
        <v>-0.17</v>
      </c>
      <c r="Z151" s="3">
        <v>5.47</v>
      </c>
      <c r="AA151" s="4">
        <f t="shared" si="26"/>
        <v>0</v>
      </c>
      <c r="AB151" s="4">
        <f t="shared" si="19"/>
        <v>1.6</v>
      </c>
      <c r="AC151" s="3">
        <f t="shared" si="20"/>
        <v>-0.16000000000000003</v>
      </c>
      <c r="AD151" s="4">
        <f t="shared" si="23"/>
        <v>0</v>
      </c>
      <c r="AE151" s="3">
        <f t="shared" si="21"/>
        <v>-0.30400000000000005</v>
      </c>
      <c r="AF151" s="4">
        <f t="shared" si="27"/>
        <v>0</v>
      </c>
      <c r="AG151" s="3">
        <f t="shared" si="24"/>
        <v>-0.496</v>
      </c>
      <c r="AH151" s="4">
        <f t="shared" si="25"/>
        <v>0</v>
      </c>
      <c r="AI151" s="3">
        <f t="shared" si="22"/>
        <v>0.06</v>
      </c>
      <c r="AJ151" s="14"/>
      <c r="AK151" s="14"/>
      <c r="AP151" s="8"/>
      <c r="AQ151" s="8"/>
      <c r="AR151" s="10"/>
    </row>
    <row r="152" spans="1:44">
      <c r="A152" s="3" t="s">
        <v>52</v>
      </c>
      <c r="B152" s="2">
        <v>0.48701388888888886</v>
      </c>
      <c r="C152" s="3">
        <v>139.12</v>
      </c>
      <c r="D152" s="3">
        <v>406.98</v>
      </c>
      <c r="E152" s="3">
        <v>456.06</v>
      </c>
      <c r="F152" s="3">
        <v>598.97</v>
      </c>
      <c r="G152" s="3">
        <v>328.38</v>
      </c>
      <c r="H152" s="3">
        <v>592.89</v>
      </c>
      <c r="I152" s="3">
        <v>215.35</v>
      </c>
      <c r="J152" s="3">
        <v>411.76</v>
      </c>
      <c r="K152" s="3">
        <v>288.55</v>
      </c>
      <c r="L152" s="3">
        <v>396.48</v>
      </c>
      <c r="M152" s="3">
        <v>391.13</v>
      </c>
      <c r="N152" s="3">
        <v>517.52</v>
      </c>
      <c r="O152" s="3">
        <v>522.66999999999996</v>
      </c>
      <c r="P152" s="3">
        <v>852.06</v>
      </c>
      <c r="Q152" s="3">
        <v>2285.23</v>
      </c>
      <c r="R152" s="3">
        <v>2285.23</v>
      </c>
      <c r="S152" s="3">
        <v>-7.0000000000000007E-2</v>
      </c>
      <c r="T152" s="3">
        <v>-0.19</v>
      </c>
      <c r="U152" s="3">
        <v>-0.31</v>
      </c>
      <c r="V152" s="3">
        <v>0.05</v>
      </c>
      <c r="W152" s="3">
        <v>97.19</v>
      </c>
      <c r="X152" s="3">
        <v>-0.17</v>
      </c>
      <c r="Y152" s="3">
        <v>-0.18</v>
      </c>
      <c r="Z152" s="3">
        <v>5.48</v>
      </c>
      <c r="AA152" s="4">
        <f t="shared" si="26"/>
        <v>0</v>
      </c>
      <c r="AB152" s="4">
        <f t="shared" si="19"/>
        <v>1.6</v>
      </c>
      <c r="AC152" s="3">
        <f t="shared" si="20"/>
        <v>-0.11200000000000002</v>
      </c>
      <c r="AD152" s="4">
        <f t="shared" si="23"/>
        <v>0</v>
      </c>
      <c r="AE152" s="3">
        <f t="shared" si="21"/>
        <v>-0.30400000000000005</v>
      </c>
      <c r="AF152" s="4">
        <f t="shared" si="27"/>
        <v>0</v>
      </c>
      <c r="AG152" s="3">
        <f t="shared" si="24"/>
        <v>-0.496</v>
      </c>
      <c r="AH152" s="4">
        <f t="shared" si="25"/>
        <v>0</v>
      </c>
      <c r="AI152" s="3">
        <f t="shared" si="22"/>
        <v>0.05</v>
      </c>
      <c r="AJ152" s="14"/>
      <c r="AK152" s="14"/>
      <c r="AP152" s="8"/>
      <c r="AQ152" s="8"/>
      <c r="AR152" s="10"/>
    </row>
    <row r="153" spans="1:44">
      <c r="A153" s="3" t="s">
        <v>52</v>
      </c>
      <c r="B153" s="2">
        <v>0.48770833333333335</v>
      </c>
      <c r="C153" s="3">
        <v>140.01</v>
      </c>
      <c r="D153" s="3">
        <v>408.82</v>
      </c>
      <c r="E153" s="3">
        <v>456.27</v>
      </c>
      <c r="F153" s="3">
        <v>599.69000000000005</v>
      </c>
      <c r="G153" s="3">
        <v>330.71</v>
      </c>
      <c r="H153" s="3">
        <v>605.26</v>
      </c>
      <c r="I153" s="3">
        <v>218.65</v>
      </c>
      <c r="J153" s="3">
        <v>403.99</v>
      </c>
      <c r="K153" s="3">
        <v>291.39</v>
      </c>
      <c r="L153" s="3">
        <v>399.94</v>
      </c>
      <c r="M153" s="3">
        <v>395.04</v>
      </c>
      <c r="N153" s="3">
        <v>517.19000000000005</v>
      </c>
      <c r="O153" s="3">
        <v>527.66</v>
      </c>
      <c r="P153" s="3">
        <v>848.06</v>
      </c>
      <c r="Q153" s="3">
        <v>2285.2600000000002</v>
      </c>
      <c r="R153" s="3">
        <v>2285.2600000000002</v>
      </c>
      <c r="S153" s="3">
        <v>-0.05</v>
      </c>
      <c r="T153" s="3">
        <v>-0.2</v>
      </c>
      <c r="U153" s="3">
        <v>-0.31</v>
      </c>
      <c r="V153" s="3">
        <v>0.02</v>
      </c>
      <c r="W153" s="3">
        <v>96.97</v>
      </c>
      <c r="X153" s="3">
        <v>-0.17</v>
      </c>
      <c r="Y153" s="3">
        <v>-0.19</v>
      </c>
      <c r="Z153" s="3">
        <v>5.48</v>
      </c>
      <c r="AA153" s="4">
        <f t="shared" si="26"/>
        <v>0</v>
      </c>
      <c r="AB153" s="4">
        <f t="shared" si="19"/>
        <v>1.6</v>
      </c>
      <c r="AC153" s="3">
        <f t="shared" si="20"/>
        <v>-8.0000000000000016E-2</v>
      </c>
      <c r="AD153" s="4">
        <f t="shared" si="23"/>
        <v>0</v>
      </c>
      <c r="AE153" s="3">
        <f t="shared" si="21"/>
        <v>-0.32000000000000006</v>
      </c>
      <c r="AF153" s="4">
        <f t="shared" si="27"/>
        <v>0</v>
      </c>
      <c r="AG153" s="3">
        <f t="shared" si="24"/>
        <v>-0.496</v>
      </c>
      <c r="AH153" s="4">
        <f t="shared" si="25"/>
        <v>0</v>
      </c>
      <c r="AI153" s="3">
        <f t="shared" si="22"/>
        <v>0.02</v>
      </c>
      <c r="AJ153" s="14"/>
      <c r="AK153" s="14"/>
      <c r="AP153" s="8"/>
      <c r="AQ153" s="8"/>
      <c r="AR153" s="10"/>
    </row>
    <row r="154" spans="1:44">
      <c r="A154" s="3" t="s">
        <v>52</v>
      </c>
      <c r="B154" s="2">
        <v>0.48841435185185184</v>
      </c>
      <c r="C154" s="3">
        <v>138.91</v>
      </c>
      <c r="D154" s="3">
        <v>401.85</v>
      </c>
      <c r="E154" s="3">
        <v>456.63</v>
      </c>
      <c r="F154" s="3">
        <v>599.01</v>
      </c>
      <c r="G154" s="3">
        <v>332.57</v>
      </c>
      <c r="H154" s="3">
        <v>611.25</v>
      </c>
      <c r="I154" s="3">
        <v>220.96</v>
      </c>
      <c r="J154" s="3">
        <v>396.29</v>
      </c>
      <c r="K154" s="3">
        <v>295</v>
      </c>
      <c r="L154" s="3">
        <v>408.43</v>
      </c>
      <c r="M154" s="3">
        <v>397.39</v>
      </c>
      <c r="N154" s="3">
        <v>511.43</v>
      </c>
      <c r="O154" s="3">
        <v>532.52</v>
      </c>
      <c r="P154" s="3">
        <v>849.53</v>
      </c>
      <c r="Q154" s="3">
        <v>2285.27</v>
      </c>
      <c r="R154" s="3">
        <v>2285.27</v>
      </c>
      <c r="S154" s="3">
        <v>-0.04</v>
      </c>
      <c r="T154" s="3">
        <v>-0.2</v>
      </c>
      <c r="U154" s="3">
        <v>-0.3</v>
      </c>
      <c r="V154" s="3">
        <v>0.02</v>
      </c>
      <c r="W154" s="3">
        <v>96.81</v>
      </c>
      <c r="X154" s="3">
        <v>-0.18</v>
      </c>
      <c r="Y154" s="3">
        <v>-0.19</v>
      </c>
      <c r="Z154" s="3">
        <v>5.47</v>
      </c>
      <c r="AA154" s="4">
        <f t="shared" si="26"/>
        <v>0</v>
      </c>
      <c r="AB154" s="4">
        <f t="shared" si="19"/>
        <v>1.6</v>
      </c>
      <c r="AC154" s="3">
        <f t="shared" si="20"/>
        <v>-6.4000000000000001E-2</v>
      </c>
      <c r="AD154" s="4">
        <f t="shared" si="23"/>
        <v>0</v>
      </c>
      <c r="AE154" s="3">
        <f t="shared" si="21"/>
        <v>-0.32000000000000006</v>
      </c>
      <c r="AF154" s="4">
        <f t="shared" si="27"/>
        <v>0</v>
      </c>
      <c r="AG154" s="3">
        <f t="shared" si="24"/>
        <v>-0.48</v>
      </c>
      <c r="AH154" s="4">
        <f t="shared" si="25"/>
        <v>0</v>
      </c>
      <c r="AI154" s="3">
        <f t="shared" si="22"/>
        <v>0.02</v>
      </c>
      <c r="AJ154" s="14"/>
      <c r="AK154" s="14"/>
      <c r="AP154" s="8"/>
      <c r="AQ154" s="8"/>
      <c r="AR154" s="10"/>
    </row>
    <row r="155" spans="1:44">
      <c r="A155" s="3" t="s">
        <v>52</v>
      </c>
      <c r="B155" s="2">
        <v>0.48910879629629633</v>
      </c>
      <c r="C155" s="3">
        <v>136.65</v>
      </c>
      <c r="D155" s="3">
        <v>394.41</v>
      </c>
      <c r="E155" s="3">
        <v>456.87</v>
      </c>
      <c r="F155" s="3">
        <v>599.76</v>
      </c>
      <c r="G155" s="3">
        <v>330.59</v>
      </c>
      <c r="H155" s="3">
        <v>602.53</v>
      </c>
      <c r="I155" s="3">
        <v>223.22</v>
      </c>
      <c r="J155" s="3">
        <v>396.39</v>
      </c>
      <c r="K155" s="3">
        <v>297.70999999999998</v>
      </c>
      <c r="L155" s="3">
        <v>409.76</v>
      </c>
      <c r="M155" s="3">
        <v>399.51</v>
      </c>
      <c r="N155" s="3">
        <v>504.5</v>
      </c>
      <c r="O155" s="3">
        <v>537.19000000000005</v>
      </c>
      <c r="P155" s="3">
        <v>851.11</v>
      </c>
      <c r="Q155" s="3">
        <v>2285.29</v>
      </c>
      <c r="R155" s="3">
        <v>2285.29</v>
      </c>
      <c r="S155" s="3">
        <v>-0.03</v>
      </c>
      <c r="T155" s="3">
        <v>-0.2</v>
      </c>
      <c r="U155" s="3">
        <v>-0.31</v>
      </c>
      <c r="V155" s="3">
        <v>-0.02</v>
      </c>
      <c r="W155" s="3">
        <v>96.76</v>
      </c>
      <c r="X155" s="3">
        <v>-0.17</v>
      </c>
      <c r="Y155" s="3">
        <v>-0.19</v>
      </c>
      <c r="Z155" s="3">
        <v>5.47</v>
      </c>
      <c r="AA155" s="4">
        <f t="shared" si="26"/>
        <v>0</v>
      </c>
      <c r="AB155" s="4">
        <f t="shared" si="19"/>
        <v>1.6</v>
      </c>
      <c r="AC155" s="3">
        <f t="shared" si="20"/>
        <v>-4.8000000000000001E-2</v>
      </c>
      <c r="AD155" s="4">
        <f t="shared" si="23"/>
        <v>0</v>
      </c>
      <c r="AE155" s="3">
        <f t="shared" si="21"/>
        <v>-0.32000000000000006</v>
      </c>
      <c r="AF155" s="4">
        <f t="shared" si="27"/>
        <v>0</v>
      </c>
      <c r="AG155" s="3">
        <f t="shared" si="24"/>
        <v>-0.496</v>
      </c>
      <c r="AH155" s="4">
        <f t="shared" si="25"/>
        <v>0</v>
      </c>
      <c r="AI155" s="3">
        <f t="shared" si="22"/>
        <v>-0.02</v>
      </c>
      <c r="AJ155" s="14"/>
      <c r="AK155" s="14"/>
      <c r="AP155" s="8"/>
      <c r="AQ155" s="8"/>
      <c r="AR155" s="10"/>
    </row>
    <row r="156" spans="1:44">
      <c r="A156" s="3" t="s">
        <v>52</v>
      </c>
      <c r="B156" s="2">
        <v>0.48980324074074072</v>
      </c>
      <c r="C156" s="3">
        <v>136.21</v>
      </c>
      <c r="D156" s="3">
        <v>398.47</v>
      </c>
      <c r="E156" s="3">
        <v>456.58</v>
      </c>
      <c r="F156" s="3">
        <v>598.83000000000004</v>
      </c>
      <c r="G156" s="3">
        <v>327.08</v>
      </c>
      <c r="H156" s="3">
        <v>592.13</v>
      </c>
      <c r="I156" s="3">
        <v>226.3</v>
      </c>
      <c r="J156" s="3">
        <v>406.67</v>
      </c>
      <c r="K156" s="3">
        <v>299.68</v>
      </c>
      <c r="L156" s="3">
        <v>405.84</v>
      </c>
      <c r="M156" s="3">
        <v>400.51</v>
      </c>
      <c r="N156" s="3">
        <v>497.91</v>
      </c>
      <c r="O156" s="3">
        <v>541.49</v>
      </c>
      <c r="P156" s="3">
        <v>847.02</v>
      </c>
      <c r="Q156" s="3">
        <v>2285.31</v>
      </c>
      <c r="R156" s="3">
        <v>2285.31</v>
      </c>
      <c r="S156" s="3">
        <v>-0.04</v>
      </c>
      <c r="T156" s="3">
        <v>-0.22</v>
      </c>
      <c r="U156" s="3">
        <v>-0.31</v>
      </c>
      <c r="V156" s="3">
        <v>0.01</v>
      </c>
      <c r="W156" s="3">
        <v>96.69</v>
      </c>
      <c r="X156" s="3">
        <v>-0.17</v>
      </c>
      <c r="Y156" s="3">
        <v>-0.21</v>
      </c>
      <c r="Z156" s="3">
        <v>5.47</v>
      </c>
      <c r="AA156" s="4">
        <f t="shared" si="26"/>
        <v>0</v>
      </c>
      <c r="AB156" s="4">
        <f t="shared" si="19"/>
        <v>1.6</v>
      </c>
      <c r="AC156" s="3">
        <f t="shared" si="20"/>
        <v>-6.4000000000000001E-2</v>
      </c>
      <c r="AD156" s="4">
        <f t="shared" si="23"/>
        <v>0</v>
      </c>
      <c r="AE156" s="3">
        <f t="shared" si="21"/>
        <v>-0.35200000000000004</v>
      </c>
      <c r="AF156" s="4">
        <f t="shared" si="27"/>
        <v>0</v>
      </c>
      <c r="AG156" s="3">
        <f t="shared" si="24"/>
        <v>-0.496</v>
      </c>
      <c r="AH156" s="4">
        <f t="shared" si="25"/>
        <v>0</v>
      </c>
      <c r="AI156" s="3">
        <f t="shared" si="22"/>
        <v>0.01</v>
      </c>
      <c r="AJ156" s="14"/>
      <c r="AK156" s="14"/>
      <c r="AP156" s="8"/>
      <c r="AQ156" s="8"/>
      <c r="AR156" s="10"/>
    </row>
    <row r="157" spans="1:44">
      <c r="A157" s="3" t="s">
        <v>52</v>
      </c>
      <c r="B157" s="2">
        <v>0.49049768518518522</v>
      </c>
      <c r="C157" s="3">
        <v>137.94</v>
      </c>
      <c r="D157" s="3">
        <v>408.33</v>
      </c>
      <c r="E157" s="3">
        <v>456.64</v>
      </c>
      <c r="F157" s="3">
        <v>599.77</v>
      </c>
      <c r="G157" s="3">
        <v>327.23</v>
      </c>
      <c r="H157" s="3">
        <v>597.53</v>
      </c>
      <c r="I157" s="3">
        <v>229.34</v>
      </c>
      <c r="J157" s="3">
        <v>413.49</v>
      </c>
      <c r="K157" s="3">
        <v>301.3</v>
      </c>
      <c r="L157" s="3">
        <v>403.64</v>
      </c>
      <c r="M157" s="3">
        <v>402.31</v>
      </c>
      <c r="N157" s="3">
        <v>498.84</v>
      </c>
      <c r="O157" s="3">
        <v>545.73</v>
      </c>
      <c r="P157" s="3">
        <v>852.94</v>
      </c>
      <c r="Q157" s="3">
        <v>2285.35</v>
      </c>
      <c r="R157" s="3">
        <v>2285.35</v>
      </c>
      <c r="S157" s="3">
        <v>-0.04</v>
      </c>
      <c r="T157" s="3">
        <v>-0.22</v>
      </c>
      <c r="U157" s="3">
        <v>-0.3</v>
      </c>
      <c r="V157" s="3">
        <v>0.04</v>
      </c>
      <c r="W157" s="3">
        <v>63.17</v>
      </c>
      <c r="X157" s="3">
        <v>1.42</v>
      </c>
      <c r="Y157" s="3">
        <v>-0.22</v>
      </c>
      <c r="Z157" s="3">
        <v>4.66</v>
      </c>
      <c r="AA157" s="4">
        <f t="shared" si="26"/>
        <v>0</v>
      </c>
      <c r="AB157" s="4">
        <f t="shared" si="19"/>
        <v>1.6</v>
      </c>
      <c r="AC157" s="3">
        <f t="shared" si="20"/>
        <v>-6.4000000000000001E-2</v>
      </c>
      <c r="AD157" s="4">
        <f t="shared" si="23"/>
        <v>0</v>
      </c>
      <c r="AE157" s="3">
        <f t="shared" si="21"/>
        <v>-0.35200000000000004</v>
      </c>
      <c r="AF157" s="4">
        <f t="shared" si="27"/>
        <v>0</v>
      </c>
      <c r="AG157" s="3">
        <f t="shared" si="24"/>
        <v>-0.48</v>
      </c>
      <c r="AH157" s="4">
        <f t="shared" si="25"/>
        <v>0</v>
      </c>
      <c r="AI157" s="3">
        <f t="shared" si="22"/>
        <v>0.04</v>
      </c>
      <c r="AJ157" s="14"/>
      <c r="AK157" s="14"/>
      <c r="AP157" s="8"/>
      <c r="AQ157" s="8"/>
      <c r="AR157" s="10"/>
    </row>
    <row r="158" spans="1:44">
      <c r="A158" s="3" t="s">
        <v>52</v>
      </c>
      <c r="B158" s="2">
        <v>0.4911921296296296</v>
      </c>
      <c r="C158" s="3">
        <v>138.69999999999999</v>
      </c>
      <c r="D158" s="3">
        <v>408.39</v>
      </c>
      <c r="E158" s="3">
        <v>457.2</v>
      </c>
      <c r="F158" s="3">
        <v>598.88</v>
      </c>
      <c r="G158" s="3">
        <v>330.28</v>
      </c>
      <c r="H158" s="3">
        <v>610.19000000000005</v>
      </c>
      <c r="I158" s="3">
        <v>231.56</v>
      </c>
      <c r="J158" s="3">
        <v>411.54</v>
      </c>
      <c r="K158" s="3">
        <v>304.12</v>
      </c>
      <c r="L158" s="3">
        <v>410.93</v>
      </c>
      <c r="M158" s="3">
        <v>406.64</v>
      </c>
      <c r="N158" s="3">
        <v>517</v>
      </c>
      <c r="O158" s="3">
        <v>549.74</v>
      </c>
      <c r="P158" s="3">
        <v>846.77</v>
      </c>
      <c r="Q158" s="3">
        <v>2285.38</v>
      </c>
      <c r="R158" s="3">
        <v>2285.38</v>
      </c>
      <c r="S158" s="3">
        <v>0</v>
      </c>
      <c r="T158" s="3">
        <v>-0.22</v>
      </c>
      <c r="U158" s="3">
        <v>-0.3</v>
      </c>
      <c r="V158" s="3">
        <v>7.0000000000000007E-2</v>
      </c>
      <c r="W158" s="3">
        <v>0.08</v>
      </c>
      <c r="X158" s="3">
        <v>-0.1</v>
      </c>
      <c r="Y158" s="3">
        <v>-0.37</v>
      </c>
      <c r="Z158" s="3">
        <v>0.26</v>
      </c>
      <c r="AA158" s="4">
        <f t="shared" si="26"/>
        <v>0</v>
      </c>
      <c r="AB158" s="4">
        <f t="shared" si="19"/>
        <v>1.6</v>
      </c>
      <c r="AC158" s="3">
        <f t="shared" si="20"/>
        <v>0</v>
      </c>
      <c r="AD158" s="4">
        <f t="shared" si="23"/>
        <v>0</v>
      </c>
      <c r="AE158" s="3">
        <f t="shared" si="21"/>
        <v>-0.35200000000000004</v>
      </c>
      <c r="AF158" s="4">
        <f t="shared" si="27"/>
        <v>0</v>
      </c>
      <c r="AG158" s="3">
        <f t="shared" si="24"/>
        <v>-0.48</v>
      </c>
      <c r="AH158" s="4">
        <f t="shared" si="25"/>
        <v>0</v>
      </c>
      <c r="AI158" s="3">
        <f t="shared" si="22"/>
        <v>7.0000000000000007E-2</v>
      </c>
      <c r="AJ158" s="14"/>
      <c r="AK158" s="14"/>
      <c r="AP158" s="8"/>
      <c r="AQ158" s="8"/>
      <c r="AR158" s="10"/>
    </row>
    <row r="159" spans="1:44">
      <c r="A159" s="3" t="s">
        <v>52</v>
      </c>
      <c r="B159" s="2">
        <v>0.4918865740740741</v>
      </c>
      <c r="C159" s="3">
        <v>137.44</v>
      </c>
      <c r="D159" s="3">
        <v>400.86</v>
      </c>
      <c r="E159" s="3">
        <v>457.49</v>
      </c>
      <c r="F159" s="3">
        <v>599.66999999999996</v>
      </c>
      <c r="G159" s="3">
        <v>330.49</v>
      </c>
      <c r="H159" s="3">
        <v>608.35</v>
      </c>
      <c r="I159" s="3">
        <v>233.03</v>
      </c>
      <c r="J159" s="3">
        <v>405.6</v>
      </c>
      <c r="K159" s="3">
        <v>308.27</v>
      </c>
      <c r="L159" s="3">
        <v>423.51</v>
      </c>
      <c r="M159" s="3">
        <v>413.92</v>
      </c>
      <c r="N159" s="3">
        <v>542.63</v>
      </c>
      <c r="O159" s="3">
        <v>553.51</v>
      </c>
      <c r="P159" s="3">
        <v>851.96</v>
      </c>
      <c r="Q159" s="3">
        <v>2285.41</v>
      </c>
      <c r="R159" s="3">
        <v>2285.41</v>
      </c>
      <c r="S159" s="3">
        <v>0.17</v>
      </c>
      <c r="T159" s="3">
        <v>-0.21</v>
      </c>
      <c r="U159" s="3">
        <v>-0.28000000000000003</v>
      </c>
      <c r="V159" s="3">
        <v>0.06</v>
      </c>
      <c r="W159" s="3">
        <v>0.08</v>
      </c>
      <c r="X159" s="3">
        <v>-0.17</v>
      </c>
      <c r="Y159" s="3">
        <v>-0.38</v>
      </c>
      <c r="Z159" s="3">
        <v>0.04</v>
      </c>
      <c r="AA159" s="4">
        <f t="shared" si="26"/>
        <v>0</v>
      </c>
      <c r="AB159" s="4">
        <f t="shared" si="19"/>
        <v>1.6</v>
      </c>
      <c r="AC159" s="3">
        <f t="shared" si="20"/>
        <v>0.27200000000000002</v>
      </c>
      <c r="AD159" s="4">
        <f t="shared" si="23"/>
        <v>0</v>
      </c>
      <c r="AE159" s="3">
        <f t="shared" si="21"/>
        <v>-0.33600000000000002</v>
      </c>
      <c r="AF159" s="4">
        <f t="shared" si="27"/>
        <v>0</v>
      </c>
      <c r="AG159" s="3">
        <f t="shared" si="24"/>
        <v>-0.44800000000000006</v>
      </c>
      <c r="AH159" s="4">
        <f t="shared" si="25"/>
        <v>0</v>
      </c>
      <c r="AI159" s="3">
        <f t="shared" si="22"/>
        <v>0.06</v>
      </c>
      <c r="AJ159" s="14"/>
      <c r="AK159" s="14"/>
      <c r="AP159" s="8"/>
      <c r="AQ159" s="8"/>
      <c r="AR159" s="10"/>
    </row>
    <row r="160" spans="1:44">
      <c r="A160" s="3" t="s">
        <v>52</v>
      </c>
      <c r="B160" s="2">
        <v>0.49258101851851849</v>
      </c>
      <c r="C160" s="3">
        <v>135.13</v>
      </c>
      <c r="D160" s="3">
        <v>394.32</v>
      </c>
      <c r="E160" s="3">
        <v>457.37</v>
      </c>
      <c r="F160" s="3">
        <v>598.99</v>
      </c>
      <c r="G160" s="3">
        <v>327.27999999999997</v>
      </c>
      <c r="H160" s="3">
        <v>596.86</v>
      </c>
      <c r="I160" s="3">
        <v>234.04</v>
      </c>
      <c r="J160" s="3">
        <v>398.55</v>
      </c>
      <c r="K160" s="3">
        <v>314.04000000000002</v>
      </c>
      <c r="L160" s="3">
        <v>437.39</v>
      </c>
      <c r="M160" s="3">
        <v>422.97</v>
      </c>
      <c r="N160" s="3">
        <v>569.07000000000005</v>
      </c>
      <c r="O160" s="3">
        <v>557.28</v>
      </c>
      <c r="P160" s="3">
        <v>849.15</v>
      </c>
      <c r="Q160" s="3">
        <v>2285.4499999999998</v>
      </c>
      <c r="R160" s="3">
        <v>2285.4499999999998</v>
      </c>
      <c r="S160" s="3">
        <v>12.86</v>
      </c>
      <c r="T160" s="3">
        <v>-0.16</v>
      </c>
      <c r="U160" s="3">
        <v>-0.18</v>
      </c>
      <c r="V160" s="3">
        <v>0.1</v>
      </c>
      <c r="W160" s="3">
        <v>0.19</v>
      </c>
      <c r="X160" s="3">
        <v>-0.17</v>
      </c>
      <c r="Y160" s="3">
        <v>-0.38</v>
      </c>
      <c r="Z160" s="3">
        <v>0.03</v>
      </c>
      <c r="AA160" s="4">
        <f t="shared" si="26"/>
        <v>0</v>
      </c>
      <c r="AB160" s="4">
        <f t="shared" si="19"/>
        <v>1.6</v>
      </c>
      <c r="AC160" s="3">
        <f t="shared" si="20"/>
        <v>20.576000000000001</v>
      </c>
      <c r="AD160" s="4">
        <f t="shared" si="23"/>
        <v>0</v>
      </c>
      <c r="AE160" s="3">
        <f t="shared" si="21"/>
        <v>-0.25600000000000001</v>
      </c>
      <c r="AF160" s="4">
        <f t="shared" si="27"/>
        <v>0</v>
      </c>
      <c r="AG160" s="3">
        <f t="shared" si="24"/>
        <v>-0.28799999999999998</v>
      </c>
      <c r="AH160" s="4">
        <f t="shared" si="25"/>
        <v>0</v>
      </c>
      <c r="AI160" s="3">
        <f t="shared" si="22"/>
        <v>0.1</v>
      </c>
      <c r="AJ160" s="14"/>
      <c r="AK160" s="14"/>
      <c r="AP160" s="8"/>
      <c r="AQ160" s="8"/>
      <c r="AR160" s="10"/>
    </row>
    <row r="161" spans="1:44">
      <c r="A161" s="3" t="s">
        <v>52</v>
      </c>
      <c r="B161" s="2">
        <v>0.49327546296296299</v>
      </c>
      <c r="C161" s="3">
        <v>135.21</v>
      </c>
      <c r="D161" s="3">
        <v>399.92</v>
      </c>
      <c r="E161" s="3">
        <v>457.23</v>
      </c>
      <c r="F161" s="3">
        <v>599.49</v>
      </c>
      <c r="G161" s="3">
        <v>324.88</v>
      </c>
      <c r="H161" s="3">
        <v>592.32000000000005</v>
      </c>
      <c r="I161" s="3">
        <v>235.24</v>
      </c>
      <c r="J161" s="3">
        <v>395.88</v>
      </c>
      <c r="K161" s="3">
        <v>320.62</v>
      </c>
      <c r="L161" s="3">
        <v>451.21</v>
      </c>
      <c r="M161" s="3">
        <v>433.4</v>
      </c>
      <c r="N161" s="3">
        <v>594.53</v>
      </c>
      <c r="O161" s="3">
        <v>560.85</v>
      </c>
      <c r="P161" s="3">
        <v>849.39</v>
      </c>
      <c r="Q161" s="3">
        <v>2285.4699999999998</v>
      </c>
      <c r="R161" s="3">
        <v>2285.4699999999998</v>
      </c>
      <c r="S161" s="3">
        <v>0.53</v>
      </c>
      <c r="T161" s="3">
        <v>-0.22</v>
      </c>
      <c r="U161" s="3">
        <v>-0.2</v>
      </c>
      <c r="V161" s="3">
        <v>-0.09</v>
      </c>
      <c r="W161" s="3">
        <v>0.21</v>
      </c>
      <c r="X161" s="3">
        <v>-0.17</v>
      </c>
      <c r="Y161" s="3">
        <v>-0.39</v>
      </c>
      <c r="Z161" s="3">
        <v>0.03</v>
      </c>
      <c r="AA161" s="4">
        <f t="shared" si="26"/>
        <v>0</v>
      </c>
      <c r="AB161" s="4">
        <f t="shared" si="19"/>
        <v>1.6</v>
      </c>
      <c r="AC161" s="3">
        <f t="shared" si="20"/>
        <v>0.84800000000000009</v>
      </c>
      <c r="AD161" s="4">
        <f t="shared" si="23"/>
        <v>0</v>
      </c>
      <c r="AE161" s="3">
        <f t="shared" si="21"/>
        <v>-0.35200000000000004</v>
      </c>
      <c r="AF161" s="4">
        <f t="shared" si="27"/>
        <v>0</v>
      </c>
      <c r="AG161" s="3">
        <f t="shared" si="24"/>
        <v>-0.32000000000000006</v>
      </c>
      <c r="AH161" s="4">
        <f t="shared" si="25"/>
        <v>0</v>
      </c>
      <c r="AI161" s="3">
        <f t="shared" si="22"/>
        <v>-0.09</v>
      </c>
      <c r="AJ161" s="14"/>
      <c r="AK161" s="14"/>
      <c r="AP161" s="8"/>
      <c r="AQ161" s="8"/>
      <c r="AR161" s="10"/>
    </row>
    <row r="162" spans="1:44">
      <c r="A162" s="3" t="s">
        <v>52</v>
      </c>
      <c r="B162" s="2">
        <v>0.49398148148148152</v>
      </c>
      <c r="C162" s="3">
        <v>137.16</v>
      </c>
      <c r="D162" s="3">
        <v>409.14</v>
      </c>
      <c r="E162" s="3">
        <v>457.48</v>
      </c>
      <c r="F162" s="3">
        <v>599.20000000000005</v>
      </c>
      <c r="G162" s="3">
        <v>326.91000000000003</v>
      </c>
      <c r="H162" s="3">
        <v>603.86</v>
      </c>
      <c r="I162" s="3">
        <v>237.79</v>
      </c>
      <c r="J162" s="3">
        <v>404.36</v>
      </c>
      <c r="K162" s="3">
        <v>328.07</v>
      </c>
      <c r="L162" s="3">
        <v>464.55</v>
      </c>
      <c r="M162" s="3">
        <v>444.69</v>
      </c>
      <c r="N162" s="3">
        <v>615.20000000000005</v>
      </c>
      <c r="O162" s="3">
        <v>564.6</v>
      </c>
      <c r="P162" s="3">
        <v>852.19</v>
      </c>
      <c r="Q162" s="3">
        <v>2285.5</v>
      </c>
      <c r="R162" s="3">
        <v>2285.5</v>
      </c>
      <c r="S162" s="3">
        <v>0.53</v>
      </c>
      <c r="T162" s="3">
        <v>-0.17</v>
      </c>
      <c r="U162" s="3">
        <v>-0.15</v>
      </c>
      <c r="V162" s="3">
        <v>-0.04</v>
      </c>
      <c r="W162" s="3">
        <v>0.4</v>
      </c>
      <c r="X162" s="3">
        <v>-0.15</v>
      </c>
      <c r="Y162" s="3">
        <v>-0.39</v>
      </c>
      <c r="Z162" s="3">
        <v>0.02</v>
      </c>
      <c r="AA162" s="4">
        <f t="shared" si="26"/>
        <v>0</v>
      </c>
      <c r="AB162" s="4">
        <f t="shared" si="19"/>
        <v>1.6</v>
      </c>
      <c r="AC162" s="3">
        <f t="shared" si="20"/>
        <v>0.84800000000000009</v>
      </c>
      <c r="AD162" s="4">
        <f t="shared" si="23"/>
        <v>0</v>
      </c>
      <c r="AE162" s="3">
        <f t="shared" si="21"/>
        <v>-0.27200000000000002</v>
      </c>
      <c r="AF162" s="4">
        <f t="shared" si="27"/>
        <v>0</v>
      </c>
      <c r="AG162" s="3">
        <f t="shared" si="24"/>
        <v>-0.24</v>
      </c>
      <c r="AH162" s="4">
        <f t="shared" si="25"/>
        <v>0</v>
      </c>
      <c r="AI162" s="3">
        <f t="shared" si="22"/>
        <v>-0.04</v>
      </c>
      <c r="AJ162" s="14"/>
      <c r="AK162" s="14"/>
      <c r="AP162" s="8"/>
      <c r="AQ162" s="8"/>
      <c r="AR162" s="10"/>
    </row>
    <row r="163" spans="1:44">
      <c r="A163" s="3" t="s">
        <v>52</v>
      </c>
      <c r="B163" s="2">
        <v>0.49467592592592591</v>
      </c>
      <c r="C163" s="3">
        <v>137.63</v>
      </c>
      <c r="D163" s="3">
        <v>407.71</v>
      </c>
      <c r="E163" s="3">
        <v>457.66</v>
      </c>
      <c r="F163" s="3">
        <v>599.41999999999996</v>
      </c>
      <c r="G163" s="3">
        <v>329.34</v>
      </c>
      <c r="H163" s="3">
        <v>611.44000000000005</v>
      </c>
      <c r="I163" s="3">
        <v>241.04</v>
      </c>
      <c r="J163" s="3">
        <v>412.88</v>
      </c>
      <c r="K163" s="3">
        <v>335.75</v>
      </c>
      <c r="L163" s="3">
        <v>477.44</v>
      </c>
      <c r="M163" s="3">
        <v>452.67</v>
      </c>
      <c r="N163" s="3">
        <v>618.36</v>
      </c>
      <c r="O163" s="3">
        <v>568.20000000000005</v>
      </c>
      <c r="P163" s="3">
        <v>846.91</v>
      </c>
      <c r="Q163" s="3">
        <v>2285.5100000000002</v>
      </c>
      <c r="R163" s="3">
        <v>2285.5100000000002</v>
      </c>
      <c r="S163" s="3">
        <v>0.46</v>
      </c>
      <c r="T163" s="3">
        <v>-0.17</v>
      </c>
      <c r="U163" s="3">
        <v>-0.15</v>
      </c>
      <c r="V163" s="3">
        <v>-0.12</v>
      </c>
      <c r="W163" s="3">
        <v>0.32</v>
      </c>
      <c r="X163" s="3">
        <v>-0.15</v>
      </c>
      <c r="Y163" s="3">
        <v>-0.38</v>
      </c>
      <c r="Z163" s="3">
        <v>0.02</v>
      </c>
      <c r="AA163" s="4">
        <f t="shared" si="26"/>
        <v>0</v>
      </c>
      <c r="AB163" s="4">
        <f t="shared" si="19"/>
        <v>1.6</v>
      </c>
      <c r="AC163" s="3">
        <f t="shared" si="20"/>
        <v>0.7360000000000001</v>
      </c>
      <c r="AD163" s="4">
        <f t="shared" si="23"/>
        <v>0</v>
      </c>
      <c r="AE163" s="3">
        <f t="shared" si="21"/>
        <v>-0.27200000000000002</v>
      </c>
      <c r="AF163" s="4">
        <f t="shared" si="27"/>
        <v>0</v>
      </c>
      <c r="AG163" s="3">
        <f t="shared" si="24"/>
        <v>-0.24</v>
      </c>
      <c r="AH163" s="4">
        <f t="shared" si="25"/>
        <v>0</v>
      </c>
      <c r="AI163" s="3">
        <f t="shared" si="22"/>
        <v>-0.12</v>
      </c>
      <c r="AJ163" s="14"/>
      <c r="AK163" s="14"/>
      <c r="AP163" s="8"/>
      <c r="AQ163" s="8"/>
      <c r="AR163" s="10"/>
    </row>
    <row r="164" spans="1:44">
      <c r="A164" s="3" t="s">
        <v>52</v>
      </c>
      <c r="B164" s="2">
        <v>0.49537037037037041</v>
      </c>
      <c r="C164" s="3">
        <v>135.94999999999999</v>
      </c>
      <c r="D164" s="3">
        <v>399.83</v>
      </c>
      <c r="E164" s="3">
        <v>457.97</v>
      </c>
      <c r="F164" s="3">
        <v>599.37</v>
      </c>
      <c r="G164" s="3">
        <v>327.94</v>
      </c>
      <c r="H164" s="3">
        <v>603.76</v>
      </c>
      <c r="I164" s="3">
        <v>243.77</v>
      </c>
      <c r="J164" s="3">
        <v>412.54</v>
      </c>
      <c r="K164" s="3">
        <v>343.49</v>
      </c>
      <c r="L164" s="3">
        <v>489.91</v>
      </c>
      <c r="M164" s="3">
        <v>458.07</v>
      </c>
      <c r="N164" s="3">
        <v>610.73</v>
      </c>
      <c r="O164" s="3">
        <v>571.84</v>
      </c>
      <c r="P164" s="3">
        <v>853.32</v>
      </c>
      <c r="Q164" s="3">
        <v>2285.54</v>
      </c>
      <c r="R164" s="3">
        <v>2285.54</v>
      </c>
      <c r="S164" s="3">
        <v>0.4</v>
      </c>
      <c r="T164" s="3">
        <v>-0.16</v>
      </c>
      <c r="U164" s="3">
        <v>-0.15</v>
      </c>
      <c r="V164" s="3">
        <v>-0.16</v>
      </c>
      <c r="W164" s="3">
        <v>0.28999999999999998</v>
      </c>
      <c r="X164" s="3">
        <v>-0.16</v>
      </c>
      <c r="Y164" s="3">
        <v>-0.37</v>
      </c>
      <c r="Z164" s="3">
        <v>0.03</v>
      </c>
      <c r="AA164" s="4">
        <f t="shared" si="26"/>
        <v>0</v>
      </c>
      <c r="AB164" s="4">
        <f t="shared" si="19"/>
        <v>1.6</v>
      </c>
      <c r="AC164" s="3">
        <f t="shared" si="20"/>
        <v>0.64000000000000012</v>
      </c>
      <c r="AD164" s="4">
        <f t="shared" si="23"/>
        <v>0</v>
      </c>
      <c r="AE164" s="3">
        <f t="shared" si="21"/>
        <v>-0.25600000000000001</v>
      </c>
      <c r="AF164" s="4">
        <f t="shared" si="27"/>
        <v>0</v>
      </c>
      <c r="AG164" s="3">
        <f t="shared" si="24"/>
        <v>-0.24</v>
      </c>
      <c r="AH164" s="4">
        <f t="shared" si="25"/>
        <v>0</v>
      </c>
      <c r="AI164" s="3">
        <f t="shared" si="22"/>
        <v>-0.16</v>
      </c>
      <c r="AJ164" s="14"/>
      <c r="AK164" s="14"/>
      <c r="AP164" s="8"/>
      <c r="AQ164" s="8"/>
      <c r="AR164" s="10"/>
    </row>
    <row r="165" spans="1:44">
      <c r="A165" s="3" t="s">
        <v>52</v>
      </c>
      <c r="B165" s="2">
        <v>0.49606481481481479</v>
      </c>
      <c r="C165" s="3">
        <v>133.94999999999999</v>
      </c>
      <c r="D165" s="3">
        <v>394.36</v>
      </c>
      <c r="E165" s="3">
        <v>457.62</v>
      </c>
      <c r="F165" s="3">
        <v>598.97</v>
      </c>
      <c r="G165" s="3">
        <v>324.33</v>
      </c>
      <c r="H165" s="3">
        <v>592.74</v>
      </c>
      <c r="I165" s="3">
        <v>245.78</v>
      </c>
      <c r="J165" s="3">
        <v>407.47</v>
      </c>
      <c r="K165" s="3">
        <v>350.97</v>
      </c>
      <c r="L165" s="3">
        <v>501.73</v>
      </c>
      <c r="M165" s="3">
        <v>461.96</v>
      </c>
      <c r="N165" s="3">
        <v>600.91</v>
      </c>
      <c r="O165" s="3">
        <v>575.54</v>
      </c>
      <c r="P165" s="3">
        <v>847.61</v>
      </c>
      <c r="Q165" s="3">
        <v>2285.56</v>
      </c>
      <c r="R165" s="3">
        <v>2285.56</v>
      </c>
      <c r="S165" s="3">
        <v>0.33</v>
      </c>
      <c r="T165" s="3">
        <v>-0.18</v>
      </c>
      <c r="U165" s="3">
        <v>-0.16</v>
      </c>
      <c r="V165" s="3">
        <v>-0.18</v>
      </c>
      <c r="W165" s="3">
        <v>0.28999999999999998</v>
      </c>
      <c r="X165" s="3">
        <v>-0.19</v>
      </c>
      <c r="Y165" s="3">
        <v>-0.35</v>
      </c>
      <c r="Z165" s="3">
        <v>0.05</v>
      </c>
      <c r="AA165" s="4">
        <f t="shared" si="26"/>
        <v>0</v>
      </c>
      <c r="AB165" s="4">
        <f t="shared" ref="AB165:AB174" si="28">AB164</f>
        <v>1.6</v>
      </c>
      <c r="AC165" s="3">
        <f t="shared" si="20"/>
        <v>0.52800000000000002</v>
      </c>
      <c r="AD165" s="4">
        <f t="shared" si="23"/>
        <v>0</v>
      </c>
      <c r="AE165" s="3">
        <f t="shared" si="21"/>
        <v>-0.28799999999999998</v>
      </c>
      <c r="AF165" s="4">
        <f t="shared" si="27"/>
        <v>0</v>
      </c>
      <c r="AG165" s="3">
        <f t="shared" si="24"/>
        <v>-0.25600000000000001</v>
      </c>
      <c r="AH165" s="4">
        <f t="shared" si="25"/>
        <v>0</v>
      </c>
      <c r="AI165" s="3">
        <f t="shared" si="22"/>
        <v>-0.18</v>
      </c>
      <c r="AJ165" s="14"/>
      <c r="AK165" s="14"/>
      <c r="AP165" s="8"/>
      <c r="AQ165" s="8"/>
      <c r="AR165" s="10"/>
    </row>
    <row r="166" spans="1:44">
      <c r="A166" s="3" t="s">
        <v>52</v>
      </c>
      <c r="B166" s="2">
        <v>0.49675925925925929</v>
      </c>
      <c r="C166" s="3">
        <v>134.55000000000001</v>
      </c>
      <c r="D166" s="3">
        <v>401.28</v>
      </c>
      <c r="E166" s="3">
        <v>457.5</v>
      </c>
      <c r="F166" s="3">
        <v>599.58000000000004</v>
      </c>
      <c r="G166" s="3">
        <v>323.77999999999997</v>
      </c>
      <c r="H166" s="3">
        <v>596.23</v>
      </c>
      <c r="I166" s="3">
        <v>246.93</v>
      </c>
      <c r="J166" s="3">
        <v>400.78</v>
      </c>
      <c r="K166" s="3">
        <v>357.17</v>
      </c>
      <c r="L166" s="3">
        <v>508.32</v>
      </c>
      <c r="M166" s="3">
        <v>465.05</v>
      </c>
      <c r="N166" s="3">
        <v>595.62</v>
      </c>
      <c r="O166" s="3">
        <v>578.66999999999996</v>
      </c>
      <c r="P166" s="3">
        <v>851.36</v>
      </c>
      <c r="Q166" s="3">
        <v>2285.58</v>
      </c>
      <c r="R166" s="3">
        <v>2285.58</v>
      </c>
      <c r="S166" s="3">
        <v>0.31</v>
      </c>
      <c r="T166" s="3">
        <v>-0.17</v>
      </c>
      <c r="U166" s="3">
        <v>-0.15</v>
      </c>
      <c r="V166" s="3">
        <v>-0.19</v>
      </c>
      <c r="W166" s="3">
        <v>0.27</v>
      </c>
      <c r="X166" s="3">
        <v>-0.15</v>
      </c>
      <c r="Y166" s="3">
        <v>-0.34</v>
      </c>
      <c r="Z166" s="3">
        <v>0.02</v>
      </c>
      <c r="AA166" s="4">
        <f t="shared" si="26"/>
        <v>0</v>
      </c>
      <c r="AB166" s="4">
        <f t="shared" si="28"/>
        <v>1.6</v>
      </c>
      <c r="AC166" s="3">
        <f t="shared" si="20"/>
        <v>0.496</v>
      </c>
      <c r="AD166" s="4">
        <f t="shared" si="23"/>
        <v>0</v>
      </c>
      <c r="AE166" s="3">
        <f t="shared" si="21"/>
        <v>-0.27200000000000002</v>
      </c>
      <c r="AF166" s="4">
        <f t="shared" si="27"/>
        <v>0</v>
      </c>
      <c r="AG166" s="3">
        <f t="shared" si="24"/>
        <v>-0.24</v>
      </c>
      <c r="AH166" s="4">
        <f t="shared" si="25"/>
        <v>0</v>
      </c>
      <c r="AI166" s="3">
        <f t="shared" si="22"/>
        <v>-0.19</v>
      </c>
      <c r="AJ166" s="14"/>
      <c r="AK166" s="14"/>
      <c r="AP166" s="8"/>
      <c r="AQ166" s="8"/>
      <c r="AR166" s="10"/>
    </row>
    <row r="167" spans="1:44">
      <c r="A167" s="3" t="s">
        <v>52</v>
      </c>
      <c r="B167" s="2">
        <v>0.49745370370370368</v>
      </c>
      <c r="C167" s="3">
        <v>136.65</v>
      </c>
      <c r="D167" s="3">
        <v>409.77</v>
      </c>
      <c r="E167" s="3">
        <v>457.81</v>
      </c>
      <c r="F167" s="3">
        <v>599.01</v>
      </c>
      <c r="G167" s="3">
        <v>326.93</v>
      </c>
      <c r="H167" s="3">
        <v>609.38</v>
      </c>
      <c r="I167" s="3">
        <v>247.33</v>
      </c>
      <c r="J167" s="3">
        <v>395.77</v>
      </c>
      <c r="K167" s="3">
        <v>361.07</v>
      </c>
      <c r="L167" s="3">
        <v>504.81</v>
      </c>
      <c r="M167" s="3">
        <v>469.85</v>
      </c>
      <c r="N167" s="3">
        <v>606.87</v>
      </c>
      <c r="O167" s="3">
        <v>582.15</v>
      </c>
      <c r="P167" s="3">
        <v>850.47</v>
      </c>
      <c r="Q167" s="3">
        <v>2285.59</v>
      </c>
      <c r="R167" s="3">
        <v>2285.59</v>
      </c>
      <c r="S167" s="3">
        <v>0.28999999999999998</v>
      </c>
      <c r="T167" s="3">
        <v>-0.16</v>
      </c>
      <c r="U167" s="3">
        <v>-0.14000000000000001</v>
      </c>
      <c r="V167" s="3">
        <v>-0.22</v>
      </c>
      <c r="W167" s="3">
        <v>0.3</v>
      </c>
      <c r="X167" s="3">
        <v>-0.14000000000000001</v>
      </c>
      <c r="Y167" s="3">
        <v>-0.34</v>
      </c>
      <c r="Z167" s="3">
        <v>0.01</v>
      </c>
      <c r="AA167" s="4">
        <f t="shared" si="26"/>
        <v>0</v>
      </c>
      <c r="AB167" s="4">
        <f t="shared" si="28"/>
        <v>1.6</v>
      </c>
      <c r="AC167" s="3">
        <f t="shared" si="20"/>
        <v>0.46399999999999997</v>
      </c>
      <c r="AD167" s="4">
        <f t="shared" si="23"/>
        <v>0</v>
      </c>
      <c r="AE167" s="3">
        <f t="shared" si="21"/>
        <v>-0.25600000000000001</v>
      </c>
      <c r="AF167" s="4">
        <f t="shared" si="27"/>
        <v>0</v>
      </c>
      <c r="AG167" s="3">
        <f t="shared" si="24"/>
        <v>-0.22400000000000003</v>
      </c>
      <c r="AH167" s="4">
        <f t="shared" si="25"/>
        <v>0</v>
      </c>
      <c r="AI167" s="3">
        <f t="shared" si="22"/>
        <v>-0.22</v>
      </c>
      <c r="AJ167" s="14"/>
      <c r="AK167" s="14"/>
      <c r="AP167" s="8"/>
      <c r="AQ167" s="8"/>
      <c r="AR167" s="10"/>
    </row>
    <row r="168" spans="1:44">
      <c r="A168" s="3" t="s">
        <v>52</v>
      </c>
      <c r="B168" s="2">
        <v>0.49814814814814817</v>
      </c>
      <c r="C168" s="3">
        <v>136.85</v>
      </c>
      <c r="D168" s="3">
        <v>407.27</v>
      </c>
      <c r="E168" s="3">
        <v>458.15</v>
      </c>
      <c r="F168" s="3">
        <v>599.72</v>
      </c>
      <c r="G168" s="3">
        <v>327.95</v>
      </c>
      <c r="H168" s="3">
        <v>609.48</v>
      </c>
      <c r="I168" s="3">
        <v>248.09</v>
      </c>
      <c r="J168" s="3">
        <v>401.23</v>
      </c>
      <c r="K168" s="3">
        <v>363.76</v>
      </c>
      <c r="L168" s="3">
        <v>497.51</v>
      </c>
      <c r="M168" s="3">
        <v>475.31</v>
      </c>
      <c r="N168" s="3">
        <v>619.15</v>
      </c>
      <c r="O168" s="3">
        <v>585.35</v>
      </c>
      <c r="P168" s="3">
        <v>848.46</v>
      </c>
      <c r="Q168" s="3">
        <v>2285.62</v>
      </c>
      <c r="R168" s="3">
        <v>2285.62</v>
      </c>
      <c r="S168" s="3">
        <v>0.27</v>
      </c>
      <c r="T168" s="3">
        <v>-0.17</v>
      </c>
      <c r="U168" s="3">
        <v>-0.14000000000000001</v>
      </c>
      <c r="V168" s="3">
        <v>-0.23</v>
      </c>
      <c r="W168" s="3">
        <v>0.26</v>
      </c>
      <c r="X168" s="3">
        <v>-0.14000000000000001</v>
      </c>
      <c r="Y168" s="3">
        <v>-0.34</v>
      </c>
      <c r="Z168" s="3">
        <v>0.01</v>
      </c>
      <c r="AA168" s="4">
        <f t="shared" si="26"/>
        <v>0</v>
      </c>
      <c r="AB168" s="4">
        <f t="shared" si="28"/>
        <v>1.6</v>
      </c>
      <c r="AC168" s="3">
        <f t="shared" si="20"/>
        <v>0.43200000000000005</v>
      </c>
      <c r="AD168" s="4">
        <f t="shared" si="23"/>
        <v>0</v>
      </c>
      <c r="AE168" s="3">
        <f t="shared" si="21"/>
        <v>-0.27200000000000002</v>
      </c>
      <c r="AF168" s="4">
        <f t="shared" si="27"/>
        <v>0</v>
      </c>
      <c r="AG168" s="3">
        <f t="shared" si="24"/>
        <v>-0.22400000000000003</v>
      </c>
      <c r="AH168" s="4">
        <f t="shared" si="25"/>
        <v>0</v>
      </c>
      <c r="AI168" s="3">
        <f t="shared" si="22"/>
        <v>-0.23</v>
      </c>
      <c r="AJ168" s="14"/>
      <c r="AK168" s="14"/>
      <c r="AP168" s="8"/>
      <c r="AQ168" s="8"/>
      <c r="AR168" s="10"/>
    </row>
    <row r="169" spans="1:44">
      <c r="A169" s="3" t="s">
        <v>52</v>
      </c>
      <c r="B169" s="2">
        <v>0.49884259259259256</v>
      </c>
      <c r="C169" s="3">
        <v>134.94999999999999</v>
      </c>
      <c r="D169" s="3">
        <v>399.17</v>
      </c>
      <c r="E169" s="3">
        <v>458.24</v>
      </c>
      <c r="F169" s="3">
        <v>598.82000000000005</v>
      </c>
      <c r="G169" s="3">
        <v>325.29000000000002</v>
      </c>
      <c r="H169" s="3">
        <v>598.53</v>
      </c>
      <c r="I169" s="3">
        <v>249.51</v>
      </c>
      <c r="J169" s="3">
        <v>411.42</v>
      </c>
      <c r="K169" s="3">
        <v>366.03</v>
      </c>
      <c r="L169" s="3">
        <v>495.29</v>
      </c>
      <c r="M169" s="3">
        <v>482.25</v>
      </c>
      <c r="N169" s="3">
        <v>635.25</v>
      </c>
      <c r="O169" s="3">
        <v>588.36</v>
      </c>
      <c r="P169" s="3">
        <v>853.12</v>
      </c>
      <c r="Q169" s="3">
        <v>2285.66</v>
      </c>
      <c r="R169" s="3">
        <v>2285.66</v>
      </c>
      <c r="S169" s="3">
        <v>0.26</v>
      </c>
      <c r="T169" s="3">
        <v>-0.16</v>
      </c>
      <c r="U169" s="3">
        <v>-0.14000000000000001</v>
      </c>
      <c r="V169" s="3">
        <v>-0.21</v>
      </c>
      <c r="W169" s="3">
        <v>0.24</v>
      </c>
      <c r="X169" s="3">
        <v>-0.14000000000000001</v>
      </c>
      <c r="Y169" s="3">
        <v>-0.32</v>
      </c>
      <c r="Z169" s="3">
        <v>0.01</v>
      </c>
      <c r="AA169" s="4">
        <f t="shared" si="26"/>
        <v>0</v>
      </c>
      <c r="AB169" s="4">
        <f t="shared" si="28"/>
        <v>1.6</v>
      </c>
      <c r="AC169" s="3">
        <f t="shared" si="20"/>
        <v>0.41600000000000004</v>
      </c>
      <c r="AD169" s="4">
        <f t="shared" si="23"/>
        <v>0</v>
      </c>
      <c r="AE169" s="3">
        <f t="shared" si="21"/>
        <v>-0.25600000000000001</v>
      </c>
      <c r="AF169" s="4">
        <f t="shared" si="27"/>
        <v>0</v>
      </c>
      <c r="AG169" s="3">
        <f t="shared" si="24"/>
        <v>-0.22400000000000003</v>
      </c>
      <c r="AH169" s="4">
        <f t="shared" si="25"/>
        <v>0</v>
      </c>
      <c r="AI169" s="3">
        <f t="shared" si="22"/>
        <v>-0.21</v>
      </c>
      <c r="AJ169" s="14"/>
      <c r="AK169" s="14"/>
      <c r="AP169" s="8"/>
      <c r="AQ169" s="8"/>
      <c r="AR169" s="10"/>
    </row>
    <row r="170" spans="1:44">
      <c r="A170" s="3" t="s">
        <v>52</v>
      </c>
      <c r="B170" s="2">
        <v>0.4995486111111111</v>
      </c>
      <c r="C170" s="3">
        <v>133.26</v>
      </c>
      <c r="D170" s="3">
        <v>394.59</v>
      </c>
      <c r="E170" s="3">
        <v>457.95</v>
      </c>
      <c r="F170" s="3">
        <v>599.69000000000005</v>
      </c>
      <c r="G170" s="3">
        <v>322.39999999999998</v>
      </c>
      <c r="H170" s="3">
        <v>592.03</v>
      </c>
      <c r="I170" s="3">
        <v>250.71</v>
      </c>
      <c r="J170" s="3">
        <v>413.46</v>
      </c>
      <c r="K170" s="3">
        <v>369.85</v>
      </c>
      <c r="L170" s="3">
        <v>502.12</v>
      </c>
      <c r="M170" s="3">
        <v>490.87</v>
      </c>
      <c r="N170" s="3">
        <v>656.83</v>
      </c>
      <c r="O170" s="3">
        <v>591.52</v>
      </c>
      <c r="P170" s="3">
        <v>847.1</v>
      </c>
      <c r="Q170" s="3">
        <v>2285.6999999999998</v>
      </c>
      <c r="R170" s="3">
        <v>2285.6999999999998</v>
      </c>
      <c r="S170" s="3">
        <v>0.25</v>
      </c>
      <c r="T170" s="3">
        <v>-0.17</v>
      </c>
      <c r="U170" s="3">
        <v>-0.14000000000000001</v>
      </c>
      <c r="V170" s="3">
        <v>-0.17</v>
      </c>
      <c r="W170" s="3">
        <v>0.26</v>
      </c>
      <c r="X170" s="3">
        <v>-0.14000000000000001</v>
      </c>
      <c r="Y170" s="3">
        <v>-0.31</v>
      </c>
      <c r="Z170" s="3">
        <v>0.02</v>
      </c>
      <c r="AA170" s="4">
        <f t="shared" si="26"/>
        <v>0</v>
      </c>
      <c r="AB170" s="4">
        <f t="shared" si="28"/>
        <v>1.6</v>
      </c>
      <c r="AC170" s="3">
        <f t="shared" si="20"/>
        <v>0.4</v>
      </c>
      <c r="AD170" s="4">
        <f t="shared" si="23"/>
        <v>0</v>
      </c>
      <c r="AE170" s="3">
        <f t="shared" si="21"/>
        <v>-0.27200000000000002</v>
      </c>
      <c r="AF170" s="4">
        <f t="shared" si="27"/>
        <v>0</v>
      </c>
      <c r="AG170" s="3">
        <f t="shared" si="24"/>
        <v>-0.22400000000000003</v>
      </c>
      <c r="AH170" s="4">
        <f t="shared" si="25"/>
        <v>0</v>
      </c>
      <c r="AI170" s="3">
        <f t="shared" si="22"/>
        <v>-0.17</v>
      </c>
      <c r="AJ170" s="14"/>
      <c r="AK170" s="14"/>
      <c r="AP170" s="8"/>
      <c r="AQ170" s="8"/>
      <c r="AR170" s="10"/>
    </row>
    <row r="171" spans="1:44">
      <c r="A171" s="3" t="s">
        <v>52</v>
      </c>
      <c r="B171" s="2">
        <v>0.50024305555555559</v>
      </c>
      <c r="C171" s="3">
        <v>134.30000000000001</v>
      </c>
      <c r="D171" s="3">
        <v>402.38</v>
      </c>
      <c r="E171" s="3">
        <v>458.12</v>
      </c>
      <c r="F171" s="3">
        <v>598.9</v>
      </c>
      <c r="G171" s="3">
        <v>323.83</v>
      </c>
      <c r="H171" s="3">
        <v>602.24</v>
      </c>
      <c r="I171" s="3">
        <v>251.18</v>
      </c>
      <c r="J171" s="3">
        <v>409.44</v>
      </c>
      <c r="K171" s="3">
        <v>373.79</v>
      </c>
      <c r="L171" s="3">
        <v>507.14</v>
      </c>
      <c r="M171" s="3">
        <v>501</v>
      </c>
      <c r="N171" s="3">
        <v>679.13</v>
      </c>
      <c r="O171" s="3">
        <v>594.39</v>
      </c>
      <c r="P171" s="3">
        <v>853.24</v>
      </c>
      <c r="Q171" s="3">
        <v>2285.7199999999998</v>
      </c>
      <c r="R171" s="3">
        <v>2285.7199999999998</v>
      </c>
      <c r="S171" s="3">
        <v>0.23</v>
      </c>
      <c r="T171" s="3">
        <v>-0.17</v>
      </c>
      <c r="U171" s="3">
        <v>-0.1</v>
      </c>
      <c r="V171" s="3">
        <v>-0.12</v>
      </c>
      <c r="W171" s="3">
        <v>0.23</v>
      </c>
      <c r="X171" s="3">
        <v>-7.0000000000000007E-2</v>
      </c>
      <c r="Y171" s="3">
        <v>-0.31</v>
      </c>
      <c r="Z171" s="3">
        <v>0.02</v>
      </c>
      <c r="AA171" s="4">
        <f t="shared" si="26"/>
        <v>0</v>
      </c>
      <c r="AB171" s="4">
        <f t="shared" si="28"/>
        <v>1.6</v>
      </c>
      <c r="AC171" s="3">
        <f t="shared" si="20"/>
        <v>0.36800000000000005</v>
      </c>
      <c r="AD171" s="4">
        <f t="shared" si="23"/>
        <v>0</v>
      </c>
      <c r="AE171" s="3">
        <f t="shared" si="21"/>
        <v>-0.27200000000000002</v>
      </c>
      <c r="AF171" s="4">
        <f t="shared" si="27"/>
        <v>0</v>
      </c>
      <c r="AG171" s="3">
        <f t="shared" si="24"/>
        <v>-0.16000000000000003</v>
      </c>
      <c r="AH171" s="4">
        <f t="shared" si="25"/>
        <v>0</v>
      </c>
      <c r="AI171" s="3">
        <f t="shared" si="22"/>
        <v>-0.12</v>
      </c>
      <c r="AJ171" s="14"/>
      <c r="AK171" s="14"/>
      <c r="AP171" s="8"/>
      <c r="AQ171" s="8"/>
      <c r="AR171" s="10"/>
    </row>
    <row r="172" spans="1:44">
      <c r="A172" s="3" t="s">
        <v>52</v>
      </c>
      <c r="B172" s="2">
        <v>0.50093750000000004</v>
      </c>
      <c r="C172" s="3">
        <v>136.27000000000001</v>
      </c>
      <c r="D172" s="3">
        <v>410.03</v>
      </c>
      <c r="E172" s="3">
        <v>458.22</v>
      </c>
      <c r="F172" s="3">
        <v>599.47</v>
      </c>
      <c r="G172" s="3">
        <v>326.68</v>
      </c>
      <c r="H172" s="3">
        <v>611.45000000000005</v>
      </c>
      <c r="I172" s="3">
        <v>250.78</v>
      </c>
      <c r="J172" s="3">
        <v>403.2</v>
      </c>
      <c r="K172" s="3">
        <v>376.86</v>
      </c>
      <c r="L172" s="3">
        <v>503.46</v>
      </c>
      <c r="M172" s="3">
        <v>509.49</v>
      </c>
      <c r="N172" s="3">
        <v>692.72</v>
      </c>
      <c r="O172" s="3">
        <v>597.66999999999996</v>
      </c>
      <c r="P172" s="3">
        <v>848.6</v>
      </c>
      <c r="Q172" s="3">
        <v>2285.75</v>
      </c>
      <c r="R172" s="3">
        <v>2285.75</v>
      </c>
      <c r="S172" s="3">
        <v>0.19</v>
      </c>
      <c r="T172" s="3">
        <v>-0.18</v>
      </c>
      <c r="U172" s="3">
        <v>-0.14000000000000001</v>
      </c>
      <c r="V172" s="3">
        <v>-0.12</v>
      </c>
      <c r="W172" s="3">
        <v>0.19</v>
      </c>
      <c r="X172" s="3">
        <v>-0.16</v>
      </c>
      <c r="Y172" s="3">
        <v>-0.31</v>
      </c>
      <c r="Z172" s="3">
        <v>0.04</v>
      </c>
      <c r="AA172" s="4">
        <f t="shared" si="26"/>
        <v>0</v>
      </c>
      <c r="AB172" s="4">
        <f t="shared" si="28"/>
        <v>1.6</v>
      </c>
      <c r="AC172" s="3">
        <f t="shared" si="20"/>
        <v>0.30400000000000005</v>
      </c>
      <c r="AD172" s="4">
        <f t="shared" si="23"/>
        <v>0</v>
      </c>
      <c r="AE172" s="3">
        <f t="shared" si="21"/>
        <v>-0.28799999999999998</v>
      </c>
      <c r="AF172" s="4">
        <f t="shared" si="27"/>
        <v>0</v>
      </c>
      <c r="AG172" s="3">
        <f t="shared" si="24"/>
        <v>-0.22400000000000003</v>
      </c>
      <c r="AH172" s="4">
        <f t="shared" si="25"/>
        <v>0</v>
      </c>
      <c r="AI172" s="3">
        <f t="shared" si="22"/>
        <v>-0.12</v>
      </c>
      <c r="AJ172" s="14"/>
      <c r="AK172" s="14"/>
      <c r="AP172" s="8"/>
      <c r="AQ172" s="8"/>
      <c r="AR172" s="10"/>
    </row>
    <row r="173" spans="1:44">
      <c r="A173" s="3" t="s">
        <v>52</v>
      </c>
      <c r="B173" s="2">
        <v>0.50163194444444448</v>
      </c>
      <c r="C173" s="3">
        <v>136.13999999999999</v>
      </c>
      <c r="D173" s="3">
        <v>406.7</v>
      </c>
      <c r="E173" s="3">
        <v>458.56</v>
      </c>
      <c r="F173" s="3">
        <v>599.20000000000005</v>
      </c>
      <c r="G173" s="3">
        <v>326.08</v>
      </c>
      <c r="H173" s="3">
        <v>605.07000000000005</v>
      </c>
      <c r="I173" s="3">
        <v>249.58</v>
      </c>
      <c r="J173" s="3">
        <v>396.82</v>
      </c>
      <c r="K173" s="3">
        <v>378.16</v>
      </c>
      <c r="L173" s="3">
        <v>496.88</v>
      </c>
      <c r="M173" s="3">
        <v>515.58000000000004</v>
      </c>
      <c r="N173" s="3">
        <v>688.94</v>
      </c>
      <c r="O173" s="3">
        <v>600.5</v>
      </c>
      <c r="P173" s="3">
        <v>850.68</v>
      </c>
      <c r="Q173" s="3">
        <v>2285.77</v>
      </c>
      <c r="R173" s="3">
        <v>2285.77</v>
      </c>
      <c r="S173" s="3">
        <v>0.22</v>
      </c>
      <c r="T173" s="3">
        <v>-0.17</v>
      </c>
      <c r="U173" s="3">
        <v>-0.13</v>
      </c>
      <c r="V173" s="3">
        <v>-0.09</v>
      </c>
      <c r="W173" s="3">
        <v>0.19</v>
      </c>
      <c r="X173" s="3">
        <v>-0.15</v>
      </c>
      <c r="Y173" s="3">
        <v>-0.3</v>
      </c>
      <c r="Z173" s="3">
        <v>0.02</v>
      </c>
      <c r="AA173" s="4">
        <f t="shared" si="26"/>
        <v>0</v>
      </c>
      <c r="AB173" s="4">
        <f t="shared" si="28"/>
        <v>1.6</v>
      </c>
      <c r="AC173" s="3">
        <f t="shared" si="20"/>
        <v>0.35200000000000004</v>
      </c>
      <c r="AD173" s="4">
        <f t="shared" si="23"/>
        <v>0</v>
      </c>
      <c r="AE173" s="3">
        <f t="shared" si="21"/>
        <v>-0.27200000000000002</v>
      </c>
      <c r="AF173" s="4">
        <f t="shared" si="27"/>
        <v>0</v>
      </c>
      <c r="AG173" s="3">
        <f t="shared" si="24"/>
        <v>-0.20800000000000002</v>
      </c>
      <c r="AH173" s="4">
        <f t="shared" si="25"/>
        <v>0</v>
      </c>
      <c r="AI173" s="3">
        <f t="shared" si="22"/>
        <v>-0.09</v>
      </c>
      <c r="AJ173" s="14"/>
      <c r="AK173" s="14"/>
      <c r="AP173" s="8"/>
      <c r="AQ173" s="8"/>
      <c r="AR173" s="10"/>
    </row>
    <row r="174" spans="1:44">
      <c r="A174" s="3" t="s">
        <v>52</v>
      </c>
      <c r="B174" s="2">
        <v>0.50232638888888892</v>
      </c>
      <c r="C174" s="3">
        <v>134.22999999999999</v>
      </c>
      <c r="D174" s="3">
        <v>398.52</v>
      </c>
      <c r="E174" s="3">
        <v>458.41</v>
      </c>
      <c r="F174" s="3">
        <v>599.28</v>
      </c>
      <c r="G174" s="3">
        <v>322.7</v>
      </c>
      <c r="H174" s="3">
        <v>593.65</v>
      </c>
      <c r="I174" s="3">
        <v>248.95</v>
      </c>
      <c r="J174" s="3">
        <v>397.85</v>
      </c>
      <c r="K174" s="3">
        <v>379.44</v>
      </c>
      <c r="L174" s="3">
        <v>496.65</v>
      </c>
      <c r="M174" s="3">
        <v>518.83000000000004</v>
      </c>
      <c r="N174" s="3">
        <v>678.54</v>
      </c>
      <c r="O174" s="3">
        <v>603.6</v>
      </c>
      <c r="P174" s="3">
        <v>851.67</v>
      </c>
      <c r="Q174" s="3">
        <v>2285.8000000000002</v>
      </c>
      <c r="R174" s="3">
        <v>2285.8000000000002</v>
      </c>
      <c r="S174" s="3">
        <v>0.21</v>
      </c>
      <c r="T174" s="3">
        <v>-0.17</v>
      </c>
      <c r="U174" s="3">
        <v>-0.14000000000000001</v>
      </c>
      <c r="V174" s="3">
        <v>-0.18</v>
      </c>
      <c r="W174" s="3">
        <v>0.19</v>
      </c>
      <c r="X174" s="3">
        <v>-0.15</v>
      </c>
      <c r="Y174" s="3">
        <v>-0.3</v>
      </c>
      <c r="Z174" s="3">
        <v>0.02</v>
      </c>
      <c r="AA174" s="4">
        <f t="shared" si="26"/>
        <v>0</v>
      </c>
      <c r="AB174" s="4">
        <f t="shared" si="28"/>
        <v>1.6</v>
      </c>
      <c r="AC174" s="3">
        <f t="shared" si="20"/>
        <v>0.33600000000000002</v>
      </c>
      <c r="AD174" s="4">
        <f t="shared" si="23"/>
        <v>0</v>
      </c>
      <c r="AE174" s="3">
        <f t="shared" si="21"/>
        <v>-0.27200000000000002</v>
      </c>
      <c r="AF174" s="4">
        <f t="shared" si="27"/>
        <v>0</v>
      </c>
      <c r="AG174" s="3">
        <f t="shared" si="24"/>
        <v>-0.22400000000000003</v>
      </c>
      <c r="AH174" s="4">
        <f t="shared" si="25"/>
        <v>0</v>
      </c>
      <c r="AI174" s="3">
        <f t="shared" si="22"/>
        <v>-0.18</v>
      </c>
      <c r="AJ174" s="14"/>
      <c r="AK174" s="14"/>
      <c r="AP174" s="8"/>
      <c r="AQ174" s="8"/>
      <c r="AR174" s="10"/>
    </row>
    <row r="175" spans="1:44">
      <c r="A175" s="3" t="s">
        <v>52</v>
      </c>
      <c r="B175" s="2">
        <v>0.50302083333333336</v>
      </c>
      <c r="C175" s="3">
        <v>132.9</v>
      </c>
      <c r="D175" s="3">
        <v>394.78</v>
      </c>
      <c r="E175" s="3">
        <v>458.17</v>
      </c>
      <c r="F175" s="3">
        <v>599.4</v>
      </c>
      <c r="G175" s="3">
        <v>321.52</v>
      </c>
      <c r="H175" s="3">
        <v>595.01</v>
      </c>
      <c r="I175" s="3">
        <v>249.78</v>
      </c>
      <c r="J175" s="3">
        <v>408.22</v>
      </c>
      <c r="K175" s="3">
        <v>381.78</v>
      </c>
      <c r="L175" s="3">
        <v>504.3</v>
      </c>
      <c r="M175" s="3">
        <v>520.87</v>
      </c>
      <c r="N175" s="3">
        <v>667.51</v>
      </c>
      <c r="O175" s="3">
        <v>606.23</v>
      </c>
      <c r="P175" s="3">
        <v>847.89</v>
      </c>
      <c r="Q175" s="3">
        <v>2285.83</v>
      </c>
      <c r="R175" s="3">
        <v>2285.83</v>
      </c>
      <c r="S175" s="3">
        <v>0.18</v>
      </c>
      <c r="T175" s="3">
        <v>-0.16</v>
      </c>
      <c r="U175" s="3">
        <v>-0.14000000000000001</v>
      </c>
      <c r="V175" s="3">
        <v>-0.12</v>
      </c>
      <c r="W175" s="3">
        <v>0.21</v>
      </c>
      <c r="X175" s="3">
        <v>-0.15</v>
      </c>
      <c r="Y175" s="3">
        <v>-0.31</v>
      </c>
      <c r="Z175" s="3">
        <v>0.02</v>
      </c>
      <c r="AA175" s="4">
        <f t="shared" si="26"/>
        <v>0</v>
      </c>
      <c r="AB175" s="4">
        <f t="shared" ref="AB175:AB238" si="29">AB174</f>
        <v>1.6</v>
      </c>
      <c r="AC175" s="3">
        <f t="shared" si="20"/>
        <v>0.28799999999999998</v>
      </c>
      <c r="AD175" s="4">
        <f t="shared" si="23"/>
        <v>0</v>
      </c>
      <c r="AE175" s="3">
        <f t="shared" si="21"/>
        <v>-0.25600000000000001</v>
      </c>
      <c r="AF175" s="4">
        <f t="shared" si="27"/>
        <v>0</v>
      </c>
      <c r="AG175" s="3">
        <f t="shared" si="24"/>
        <v>-0.22400000000000003</v>
      </c>
      <c r="AH175" s="4">
        <f t="shared" si="25"/>
        <v>0</v>
      </c>
      <c r="AI175" s="3">
        <f t="shared" si="22"/>
        <v>-0.12</v>
      </c>
      <c r="AJ175" s="14"/>
      <c r="AK175" s="14"/>
      <c r="AP175" s="8"/>
      <c r="AQ175" s="8"/>
      <c r="AR175" s="10"/>
    </row>
    <row r="176" spans="1:44">
      <c r="A176" s="3" t="s">
        <v>52</v>
      </c>
      <c r="B176" s="2">
        <v>0.5037152777777778</v>
      </c>
      <c r="C176" s="3">
        <v>134.4</v>
      </c>
      <c r="D176" s="3">
        <v>403.23</v>
      </c>
      <c r="E176" s="3">
        <v>458.39</v>
      </c>
      <c r="F176" s="3">
        <v>598.91</v>
      </c>
      <c r="G176" s="3">
        <v>324.36</v>
      </c>
      <c r="H176" s="3">
        <v>608.22</v>
      </c>
      <c r="I176" s="3">
        <v>250.94</v>
      </c>
      <c r="J176" s="3">
        <v>413.85</v>
      </c>
      <c r="K176" s="3">
        <v>383.62</v>
      </c>
      <c r="L176" s="3">
        <v>507.36</v>
      </c>
      <c r="M176" s="3">
        <v>521.45000000000005</v>
      </c>
      <c r="N176" s="3">
        <v>656.81</v>
      </c>
      <c r="O176" s="3">
        <v>609.08000000000004</v>
      </c>
      <c r="P176" s="3">
        <v>853.8</v>
      </c>
      <c r="Q176" s="3">
        <v>2285.86</v>
      </c>
      <c r="R176" s="3">
        <v>2285.86</v>
      </c>
      <c r="S176" s="3">
        <v>0.17</v>
      </c>
      <c r="T176" s="3">
        <v>-0.19</v>
      </c>
      <c r="U176" s="3">
        <v>-0.13</v>
      </c>
      <c r="V176" s="3">
        <v>-0.09</v>
      </c>
      <c r="W176" s="3">
        <v>0.19</v>
      </c>
      <c r="X176" s="3">
        <v>-0.15</v>
      </c>
      <c r="Y176" s="3">
        <v>-0.31</v>
      </c>
      <c r="Z176" s="3">
        <v>0.01</v>
      </c>
      <c r="AA176" s="4">
        <f t="shared" si="26"/>
        <v>0</v>
      </c>
      <c r="AB176" s="4">
        <f t="shared" si="29"/>
        <v>1.6</v>
      </c>
      <c r="AC176" s="3">
        <f t="shared" si="20"/>
        <v>0.27200000000000002</v>
      </c>
      <c r="AD176" s="4">
        <f t="shared" si="23"/>
        <v>0</v>
      </c>
      <c r="AE176" s="3">
        <f t="shared" si="21"/>
        <v>-0.30400000000000005</v>
      </c>
      <c r="AF176" s="4">
        <f t="shared" si="27"/>
        <v>0</v>
      </c>
      <c r="AG176" s="3">
        <f t="shared" si="24"/>
        <v>-0.20800000000000002</v>
      </c>
      <c r="AH176" s="4">
        <f t="shared" si="25"/>
        <v>0</v>
      </c>
      <c r="AI176" s="3">
        <f t="shared" si="22"/>
        <v>-0.09</v>
      </c>
      <c r="AJ176" s="14"/>
      <c r="AK176" s="14"/>
      <c r="AP176" s="8"/>
      <c r="AQ176" s="8"/>
      <c r="AR176" s="10"/>
    </row>
    <row r="177" spans="1:44">
      <c r="A177" s="3" t="s">
        <v>52</v>
      </c>
      <c r="B177" s="2">
        <v>0.50440972222222225</v>
      </c>
      <c r="C177" s="3">
        <v>136.01</v>
      </c>
      <c r="D177" s="3">
        <v>410.18</v>
      </c>
      <c r="E177" s="3">
        <v>458.81</v>
      </c>
      <c r="F177" s="3">
        <v>599.65</v>
      </c>
      <c r="G177" s="3">
        <v>326</v>
      </c>
      <c r="H177" s="3">
        <v>610.35</v>
      </c>
      <c r="I177" s="3">
        <v>251.19</v>
      </c>
      <c r="J177" s="3">
        <v>411.59</v>
      </c>
      <c r="K177" s="3">
        <v>383.83</v>
      </c>
      <c r="L177" s="3">
        <v>502.68</v>
      </c>
      <c r="M177" s="3">
        <v>522.39</v>
      </c>
      <c r="N177" s="3">
        <v>653.75</v>
      </c>
      <c r="O177" s="3">
        <v>611.78</v>
      </c>
      <c r="P177" s="3">
        <v>847.53</v>
      </c>
      <c r="Q177" s="3">
        <v>2285.87</v>
      </c>
      <c r="R177" s="3">
        <v>2285.87</v>
      </c>
      <c r="S177" s="3">
        <v>0.17</v>
      </c>
      <c r="T177" s="3">
        <v>-0.22</v>
      </c>
      <c r="U177" s="3">
        <v>-0.13</v>
      </c>
      <c r="V177" s="3">
        <v>-0.13</v>
      </c>
      <c r="W177" s="3">
        <v>0.19</v>
      </c>
      <c r="X177" s="3">
        <v>-0.16</v>
      </c>
      <c r="Y177" s="3">
        <v>-0.31</v>
      </c>
      <c r="Z177" s="3">
        <v>0.02</v>
      </c>
      <c r="AA177" s="4">
        <f t="shared" si="26"/>
        <v>0</v>
      </c>
      <c r="AB177" s="4">
        <f t="shared" si="29"/>
        <v>1.6</v>
      </c>
      <c r="AC177" s="3">
        <f t="shared" si="20"/>
        <v>0.27200000000000002</v>
      </c>
      <c r="AD177" s="4">
        <f t="shared" si="23"/>
        <v>0</v>
      </c>
      <c r="AE177" s="3">
        <f t="shared" si="21"/>
        <v>-0.35200000000000004</v>
      </c>
      <c r="AF177" s="4">
        <f t="shared" si="27"/>
        <v>0</v>
      </c>
      <c r="AG177" s="3">
        <f t="shared" si="24"/>
        <v>-0.20800000000000002</v>
      </c>
      <c r="AH177" s="4">
        <f t="shared" si="25"/>
        <v>0</v>
      </c>
      <c r="AI177" s="3">
        <f t="shared" si="22"/>
        <v>-0.13</v>
      </c>
      <c r="AJ177" s="14"/>
      <c r="AK177" s="14"/>
      <c r="AP177" s="8"/>
      <c r="AQ177" s="8"/>
      <c r="AR177" s="10"/>
    </row>
    <row r="178" spans="1:44">
      <c r="A178" s="3" t="s">
        <v>52</v>
      </c>
      <c r="B178" s="2">
        <v>0.50511574074074073</v>
      </c>
      <c r="C178" s="3">
        <v>135.5</v>
      </c>
      <c r="D178" s="3">
        <v>406.35</v>
      </c>
      <c r="E178" s="3">
        <v>458.88</v>
      </c>
      <c r="F178" s="3">
        <v>598.79999999999995</v>
      </c>
      <c r="G178" s="3">
        <v>324.01</v>
      </c>
      <c r="H178" s="3">
        <v>600.15</v>
      </c>
      <c r="I178" s="3">
        <v>250.42</v>
      </c>
      <c r="J178" s="3">
        <v>406</v>
      </c>
      <c r="K178" s="3">
        <v>383.7</v>
      </c>
      <c r="L178" s="3">
        <v>496.39</v>
      </c>
      <c r="M178" s="3">
        <v>526.01</v>
      </c>
      <c r="N178" s="3">
        <v>668.23</v>
      </c>
      <c r="O178" s="3">
        <v>614.12</v>
      </c>
      <c r="P178" s="3">
        <v>852.54</v>
      </c>
      <c r="Q178" s="3">
        <v>2285.89</v>
      </c>
      <c r="R178" s="3">
        <v>2285.89</v>
      </c>
      <c r="S178" s="3">
        <v>0.18</v>
      </c>
      <c r="T178" s="3">
        <v>-0.17</v>
      </c>
      <c r="U178" s="3">
        <v>-0.12</v>
      </c>
      <c r="V178" s="3">
        <v>-0.17</v>
      </c>
      <c r="W178" s="3">
        <v>0.19</v>
      </c>
      <c r="X178" s="3">
        <v>-0.16</v>
      </c>
      <c r="Y178" s="3">
        <v>-0.31</v>
      </c>
      <c r="Z178" s="3">
        <v>0.01</v>
      </c>
      <c r="AA178" s="4">
        <f t="shared" si="26"/>
        <v>0</v>
      </c>
      <c r="AB178" s="4">
        <f t="shared" si="29"/>
        <v>1.6</v>
      </c>
      <c r="AC178" s="3">
        <f t="shared" si="20"/>
        <v>0.28799999999999998</v>
      </c>
      <c r="AD178" s="4">
        <f t="shared" si="23"/>
        <v>0</v>
      </c>
      <c r="AE178" s="3">
        <f t="shared" si="21"/>
        <v>-0.27200000000000002</v>
      </c>
      <c r="AF178" s="4">
        <f t="shared" si="27"/>
        <v>0</v>
      </c>
      <c r="AG178" s="3">
        <f t="shared" si="24"/>
        <v>-0.192</v>
      </c>
      <c r="AH178" s="4">
        <f t="shared" si="25"/>
        <v>0</v>
      </c>
      <c r="AI178" s="3">
        <f t="shared" si="22"/>
        <v>-0.17</v>
      </c>
      <c r="AJ178" s="14"/>
      <c r="AK178" s="14"/>
      <c r="AP178" s="8"/>
      <c r="AQ178" s="8"/>
      <c r="AR178" s="10"/>
    </row>
    <row r="179" spans="1:44">
      <c r="A179" s="3" t="s">
        <v>52</v>
      </c>
      <c r="B179" s="2">
        <v>0.50581018518518517</v>
      </c>
      <c r="C179" s="3">
        <v>133.61000000000001</v>
      </c>
      <c r="D179" s="3">
        <v>398.17</v>
      </c>
      <c r="E179" s="3">
        <v>458.7</v>
      </c>
      <c r="F179" s="3">
        <v>599.72</v>
      </c>
      <c r="G179" s="3">
        <v>321.01</v>
      </c>
      <c r="H179" s="3">
        <v>591.92999999999995</v>
      </c>
      <c r="I179" s="3">
        <v>249.21</v>
      </c>
      <c r="J179" s="3">
        <v>399.38</v>
      </c>
      <c r="K179" s="3">
        <v>384.5</v>
      </c>
      <c r="L179" s="3">
        <v>497.55</v>
      </c>
      <c r="M179" s="3">
        <v>532.1</v>
      </c>
      <c r="N179" s="3">
        <v>689.78</v>
      </c>
      <c r="O179" s="3">
        <v>616.5</v>
      </c>
      <c r="P179" s="3">
        <v>850.35</v>
      </c>
      <c r="Q179" s="3">
        <v>2285.9299999999998</v>
      </c>
      <c r="R179" s="3">
        <v>2285.9299999999998</v>
      </c>
      <c r="S179" s="3">
        <v>0.19</v>
      </c>
      <c r="T179" s="3">
        <v>-0.14000000000000001</v>
      </c>
      <c r="U179" s="3">
        <v>-0.12</v>
      </c>
      <c r="V179" s="3">
        <v>-0.16</v>
      </c>
      <c r="W179" s="3">
        <v>0.17</v>
      </c>
      <c r="X179" s="3">
        <v>-0.17</v>
      </c>
      <c r="Y179" s="3">
        <v>-0.31</v>
      </c>
      <c r="Z179" s="3">
        <v>0.01</v>
      </c>
      <c r="AA179" s="4">
        <f t="shared" si="26"/>
        <v>0</v>
      </c>
      <c r="AB179" s="4">
        <f t="shared" si="29"/>
        <v>1.6</v>
      </c>
      <c r="AC179" s="3">
        <f t="shared" si="20"/>
        <v>0.30400000000000005</v>
      </c>
      <c r="AD179" s="4">
        <f t="shared" si="23"/>
        <v>0</v>
      </c>
      <c r="AE179" s="3">
        <f t="shared" si="21"/>
        <v>-0.22400000000000003</v>
      </c>
      <c r="AF179" s="4">
        <f t="shared" si="27"/>
        <v>0</v>
      </c>
      <c r="AG179" s="3">
        <f t="shared" si="24"/>
        <v>-0.192</v>
      </c>
      <c r="AH179" s="4">
        <f t="shared" si="25"/>
        <v>0</v>
      </c>
      <c r="AI179" s="3">
        <f t="shared" si="22"/>
        <v>-0.16</v>
      </c>
      <c r="AJ179" s="14"/>
      <c r="AK179" s="14"/>
      <c r="AP179" s="8"/>
      <c r="AQ179" s="8"/>
      <c r="AR179" s="10"/>
    </row>
    <row r="180" spans="1:44">
      <c r="A180" s="3" t="s">
        <v>52</v>
      </c>
      <c r="B180" s="2">
        <v>0.50650462962962961</v>
      </c>
      <c r="C180" s="3">
        <v>132.66999999999999</v>
      </c>
      <c r="D180" s="3">
        <v>395.14</v>
      </c>
      <c r="E180" s="3">
        <v>458.55</v>
      </c>
      <c r="F180" s="3">
        <v>598.87</v>
      </c>
      <c r="G180" s="3">
        <v>321.7</v>
      </c>
      <c r="H180" s="3">
        <v>600.46</v>
      </c>
      <c r="I180" s="3">
        <v>248.27</v>
      </c>
      <c r="J180" s="3">
        <v>396.06</v>
      </c>
      <c r="K180" s="3">
        <v>387.13</v>
      </c>
      <c r="L180" s="3">
        <v>505.46</v>
      </c>
      <c r="M180" s="3">
        <v>539.25</v>
      </c>
      <c r="N180" s="3">
        <v>710.24</v>
      </c>
      <c r="O180" s="3">
        <v>619.01</v>
      </c>
      <c r="P180" s="3">
        <v>849.34</v>
      </c>
      <c r="Q180" s="3">
        <v>2285.96</v>
      </c>
      <c r="R180" s="3">
        <v>2285.96</v>
      </c>
      <c r="S180" s="3">
        <v>0.17</v>
      </c>
      <c r="T180" s="3">
        <v>-0.17</v>
      </c>
      <c r="U180" s="3">
        <v>-0.13</v>
      </c>
      <c r="V180" s="3">
        <v>-0.14000000000000001</v>
      </c>
      <c r="W180" s="3">
        <v>0.15</v>
      </c>
      <c r="X180" s="3">
        <v>-0.16</v>
      </c>
      <c r="Y180" s="3">
        <v>-0.3</v>
      </c>
      <c r="Z180" s="3">
        <v>0.02</v>
      </c>
      <c r="AA180" s="4">
        <f t="shared" si="26"/>
        <v>0</v>
      </c>
      <c r="AB180" s="4">
        <f t="shared" si="29"/>
        <v>1.6</v>
      </c>
      <c r="AC180" s="3">
        <f t="shared" si="20"/>
        <v>0.27200000000000002</v>
      </c>
      <c r="AD180" s="4">
        <f t="shared" si="23"/>
        <v>0</v>
      </c>
      <c r="AE180" s="3">
        <f t="shared" si="21"/>
        <v>-0.27200000000000002</v>
      </c>
      <c r="AF180" s="4">
        <f t="shared" si="27"/>
        <v>0</v>
      </c>
      <c r="AG180" s="3">
        <f t="shared" si="24"/>
        <v>-0.20800000000000002</v>
      </c>
      <c r="AH180" s="4">
        <f t="shared" si="25"/>
        <v>0</v>
      </c>
      <c r="AI180" s="3">
        <f t="shared" si="22"/>
        <v>-0.14000000000000001</v>
      </c>
      <c r="AJ180" s="14"/>
      <c r="AK180" s="14"/>
      <c r="AP180" s="8"/>
      <c r="AQ180" s="8"/>
      <c r="AR180" s="10"/>
    </row>
    <row r="181" spans="1:44">
      <c r="A181" s="3" t="s">
        <v>52</v>
      </c>
      <c r="B181" s="2">
        <v>0.50719907407407405</v>
      </c>
      <c r="C181" s="3">
        <v>134.22</v>
      </c>
      <c r="D181" s="3">
        <v>404.07</v>
      </c>
      <c r="E181" s="3">
        <v>458.83</v>
      </c>
      <c r="F181" s="3">
        <v>599.66999999999996</v>
      </c>
      <c r="G181" s="3">
        <v>324.69</v>
      </c>
      <c r="H181" s="3">
        <v>611.45000000000005</v>
      </c>
      <c r="I181" s="3">
        <v>248.53</v>
      </c>
      <c r="J181" s="3">
        <v>403.89</v>
      </c>
      <c r="K181" s="3">
        <v>389.44</v>
      </c>
      <c r="L181" s="3">
        <v>507.1</v>
      </c>
      <c r="M181" s="3">
        <v>545.1</v>
      </c>
      <c r="N181" s="3">
        <v>715.6</v>
      </c>
      <c r="O181" s="3">
        <v>621.4</v>
      </c>
      <c r="P181" s="3">
        <v>853.31</v>
      </c>
      <c r="Q181" s="3">
        <v>2286</v>
      </c>
      <c r="R181" s="3">
        <v>2286</v>
      </c>
      <c r="S181" s="3">
        <v>0.18</v>
      </c>
      <c r="T181" s="3">
        <v>-0.14000000000000001</v>
      </c>
      <c r="U181" s="3">
        <v>-0.12</v>
      </c>
      <c r="V181" s="3">
        <v>-0.14000000000000001</v>
      </c>
      <c r="W181" s="3">
        <v>0.15</v>
      </c>
      <c r="X181" s="3">
        <v>-0.16</v>
      </c>
      <c r="Y181" s="3">
        <v>-0.3</v>
      </c>
      <c r="Z181" s="3">
        <v>0.01</v>
      </c>
      <c r="AA181" s="4">
        <f t="shared" si="26"/>
        <v>0</v>
      </c>
      <c r="AB181" s="4">
        <f t="shared" si="29"/>
        <v>1.6</v>
      </c>
      <c r="AC181" s="3">
        <f t="shared" si="20"/>
        <v>0.28799999999999998</v>
      </c>
      <c r="AD181" s="4">
        <f t="shared" si="23"/>
        <v>0</v>
      </c>
      <c r="AE181" s="3">
        <f t="shared" si="21"/>
        <v>-0.22400000000000003</v>
      </c>
      <c r="AF181" s="4">
        <f t="shared" si="27"/>
        <v>0</v>
      </c>
      <c r="AG181" s="3">
        <f t="shared" si="24"/>
        <v>-0.192</v>
      </c>
      <c r="AH181" s="4">
        <f t="shared" si="25"/>
        <v>0</v>
      </c>
      <c r="AI181" s="3">
        <f t="shared" si="22"/>
        <v>-0.14000000000000001</v>
      </c>
      <c r="AJ181" s="14"/>
      <c r="AK181" s="14"/>
      <c r="AP181" s="8"/>
      <c r="AQ181" s="8"/>
      <c r="AR181" s="10"/>
    </row>
    <row r="182" spans="1:44">
      <c r="A182" s="3" t="s">
        <v>52</v>
      </c>
      <c r="B182" s="2">
        <v>0.50789351851851849</v>
      </c>
      <c r="C182" s="3">
        <v>135.76</v>
      </c>
      <c r="D182" s="3">
        <v>410.29</v>
      </c>
      <c r="E182" s="3">
        <v>459.12</v>
      </c>
      <c r="F182" s="3">
        <v>599.02</v>
      </c>
      <c r="G182" s="3">
        <v>324.77999999999997</v>
      </c>
      <c r="H182" s="3">
        <v>606.80999999999995</v>
      </c>
      <c r="I182" s="3">
        <v>249.26</v>
      </c>
      <c r="J182" s="3">
        <v>413.04</v>
      </c>
      <c r="K182" s="3">
        <v>390.43</v>
      </c>
      <c r="L182" s="3">
        <v>501.97</v>
      </c>
      <c r="M182" s="3">
        <v>548.21</v>
      </c>
      <c r="N182" s="3">
        <v>707.84</v>
      </c>
      <c r="O182" s="3">
        <v>624.09</v>
      </c>
      <c r="P182" s="3">
        <v>847.39</v>
      </c>
      <c r="Q182" s="3">
        <v>2286</v>
      </c>
      <c r="R182" s="3">
        <v>2286</v>
      </c>
      <c r="S182" s="3">
        <v>0.21</v>
      </c>
      <c r="T182" s="3">
        <v>-0.16</v>
      </c>
      <c r="U182" s="3">
        <v>-0.1</v>
      </c>
      <c r="V182" s="3">
        <v>-0.12</v>
      </c>
      <c r="W182" s="3">
        <v>0.13</v>
      </c>
      <c r="X182" s="3">
        <v>-0.16</v>
      </c>
      <c r="Y182" s="3">
        <v>-0.3</v>
      </c>
      <c r="Z182" s="3">
        <v>0.01</v>
      </c>
      <c r="AA182" s="4">
        <f t="shared" si="26"/>
        <v>0</v>
      </c>
      <c r="AB182" s="4">
        <f t="shared" si="29"/>
        <v>1.6</v>
      </c>
      <c r="AC182" s="3">
        <f t="shared" si="20"/>
        <v>0.33600000000000002</v>
      </c>
      <c r="AD182" s="4">
        <f t="shared" si="23"/>
        <v>0</v>
      </c>
      <c r="AE182" s="3">
        <f t="shared" si="21"/>
        <v>-0.25600000000000001</v>
      </c>
      <c r="AF182" s="4">
        <f t="shared" si="27"/>
        <v>0</v>
      </c>
      <c r="AG182" s="3">
        <f t="shared" si="24"/>
        <v>-0.16000000000000003</v>
      </c>
      <c r="AH182" s="4">
        <f t="shared" si="25"/>
        <v>0</v>
      </c>
      <c r="AI182" s="3">
        <f t="shared" si="22"/>
        <v>-0.12</v>
      </c>
      <c r="AJ182" s="14"/>
      <c r="AK182" s="14"/>
      <c r="AP182" s="8"/>
      <c r="AQ182" s="8"/>
      <c r="AR182" s="10"/>
    </row>
    <row r="183" spans="1:44">
      <c r="A183" s="3" t="s">
        <v>52</v>
      </c>
      <c r="B183" s="2">
        <v>0.50858796296296294</v>
      </c>
      <c r="C183" s="3">
        <v>135.09</v>
      </c>
      <c r="D183" s="3">
        <v>406</v>
      </c>
      <c r="E183" s="3">
        <v>459.07</v>
      </c>
      <c r="F183" s="3">
        <v>599.4</v>
      </c>
      <c r="G183" s="3">
        <v>321.87</v>
      </c>
      <c r="H183" s="3">
        <v>595.20000000000005</v>
      </c>
      <c r="I183" s="3">
        <v>249.48</v>
      </c>
      <c r="J183" s="3">
        <v>413.41</v>
      </c>
      <c r="K183" s="3">
        <v>390.41</v>
      </c>
      <c r="L183" s="3">
        <v>496.13</v>
      </c>
      <c r="M183" s="3">
        <v>549.9</v>
      </c>
      <c r="N183" s="3">
        <v>697.4</v>
      </c>
      <c r="O183" s="3">
        <v>626.07000000000005</v>
      </c>
      <c r="P183" s="3">
        <v>853.64</v>
      </c>
      <c r="Q183" s="3">
        <v>2286.0300000000002</v>
      </c>
      <c r="R183" s="3">
        <v>2286.0300000000002</v>
      </c>
      <c r="S183" s="3">
        <v>0.17</v>
      </c>
      <c r="T183" s="3">
        <v>-0.14000000000000001</v>
      </c>
      <c r="U183" s="3">
        <v>-0.12</v>
      </c>
      <c r="V183" s="3">
        <v>-0.12</v>
      </c>
      <c r="W183" s="3">
        <v>0.14000000000000001</v>
      </c>
      <c r="X183" s="3">
        <v>-0.16</v>
      </c>
      <c r="Y183" s="3">
        <v>-0.3</v>
      </c>
      <c r="Z183" s="3">
        <v>0.01</v>
      </c>
      <c r="AA183" s="4">
        <f t="shared" si="26"/>
        <v>0</v>
      </c>
      <c r="AB183" s="4">
        <f t="shared" si="29"/>
        <v>1.6</v>
      </c>
      <c r="AC183" s="3">
        <f t="shared" si="20"/>
        <v>0.27200000000000002</v>
      </c>
      <c r="AD183" s="4">
        <f t="shared" si="23"/>
        <v>0</v>
      </c>
      <c r="AE183" s="3">
        <f t="shared" si="21"/>
        <v>-0.22400000000000003</v>
      </c>
      <c r="AF183" s="4">
        <f t="shared" si="27"/>
        <v>0</v>
      </c>
      <c r="AG183" s="3">
        <f t="shared" si="24"/>
        <v>-0.192</v>
      </c>
      <c r="AH183" s="4">
        <f t="shared" si="25"/>
        <v>0</v>
      </c>
      <c r="AI183" s="3">
        <f t="shared" si="22"/>
        <v>-0.12</v>
      </c>
      <c r="AJ183" s="14"/>
      <c r="AK183" s="14"/>
      <c r="AP183" s="8"/>
      <c r="AQ183" s="8"/>
      <c r="AR183" s="10"/>
    </row>
    <row r="184" spans="1:44">
      <c r="A184" s="3" t="s">
        <v>52</v>
      </c>
      <c r="B184" s="2">
        <v>0.50928240740740738</v>
      </c>
      <c r="C184" s="3">
        <v>133.24</v>
      </c>
      <c r="D184" s="3">
        <v>397.85</v>
      </c>
      <c r="E184" s="3">
        <v>458.88</v>
      </c>
      <c r="F184" s="3">
        <v>599.24</v>
      </c>
      <c r="G184" s="3">
        <v>320.20999999999998</v>
      </c>
      <c r="H184" s="3">
        <v>593.83000000000004</v>
      </c>
      <c r="I184" s="3">
        <v>249.16</v>
      </c>
      <c r="J184" s="3">
        <v>408.81</v>
      </c>
      <c r="K184" s="3">
        <v>390.76</v>
      </c>
      <c r="L184" s="3">
        <v>498.59</v>
      </c>
      <c r="M184" s="3">
        <v>552</v>
      </c>
      <c r="N184" s="3">
        <v>696.56</v>
      </c>
      <c r="O184" s="3">
        <v>628.36</v>
      </c>
      <c r="P184" s="3">
        <v>849.01</v>
      </c>
      <c r="Q184" s="3">
        <v>2286.06</v>
      </c>
      <c r="R184" s="3">
        <v>2286.06</v>
      </c>
      <c r="S184" s="3">
        <v>0.17</v>
      </c>
      <c r="T184" s="3">
        <v>-0.12</v>
      </c>
      <c r="U184" s="3">
        <v>-0.12</v>
      </c>
      <c r="V184" s="3">
        <v>-0.13</v>
      </c>
      <c r="W184" s="3">
        <v>0.18</v>
      </c>
      <c r="X184" s="3">
        <v>-0.16</v>
      </c>
      <c r="Y184" s="3">
        <v>-0.28000000000000003</v>
      </c>
      <c r="Z184" s="3">
        <v>0.03</v>
      </c>
      <c r="AA184" s="4">
        <f t="shared" si="26"/>
        <v>0</v>
      </c>
      <c r="AB184" s="4">
        <f t="shared" si="29"/>
        <v>1.6</v>
      </c>
      <c r="AC184" s="3">
        <f t="shared" si="20"/>
        <v>0.27200000000000002</v>
      </c>
      <c r="AD184" s="4">
        <f t="shared" si="23"/>
        <v>0</v>
      </c>
      <c r="AE184" s="3">
        <f t="shared" si="21"/>
        <v>-0.192</v>
      </c>
      <c r="AF184" s="4">
        <f t="shared" si="27"/>
        <v>0</v>
      </c>
      <c r="AG184" s="3">
        <f t="shared" si="24"/>
        <v>-0.192</v>
      </c>
      <c r="AH184" s="4">
        <f t="shared" si="25"/>
        <v>0</v>
      </c>
      <c r="AI184" s="3">
        <f t="shared" si="22"/>
        <v>-0.13</v>
      </c>
      <c r="AJ184" s="14"/>
      <c r="AK184" s="14"/>
      <c r="AP184" s="8"/>
      <c r="AQ184" s="8"/>
      <c r="AR184" s="10"/>
    </row>
    <row r="185" spans="1:44">
      <c r="A185" s="3" t="s">
        <v>52</v>
      </c>
      <c r="B185" s="2">
        <v>0.50998842592592586</v>
      </c>
      <c r="C185" s="3">
        <v>132.63</v>
      </c>
      <c r="D185" s="3">
        <v>395.49</v>
      </c>
      <c r="E185" s="3">
        <v>459.08</v>
      </c>
      <c r="F185" s="3">
        <v>599.07000000000005</v>
      </c>
      <c r="G185" s="3">
        <v>322.49</v>
      </c>
      <c r="H185" s="3">
        <v>606.69000000000005</v>
      </c>
      <c r="I185" s="3">
        <v>248.48</v>
      </c>
      <c r="J185" s="3">
        <v>402.53</v>
      </c>
      <c r="K185" s="3">
        <v>392.82</v>
      </c>
      <c r="L185" s="3">
        <v>506.45</v>
      </c>
      <c r="M185" s="3">
        <v>556.01</v>
      </c>
      <c r="N185" s="3">
        <v>709.72</v>
      </c>
      <c r="O185" s="3">
        <v>630.36</v>
      </c>
      <c r="P185" s="3">
        <v>851.07</v>
      </c>
      <c r="Q185" s="3">
        <v>2286.06</v>
      </c>
      <c r="R185" s="3">
        <v>2286.06</v>
      </c>
      <c r="S185" s="3">
        <v>0.1</v>
      </c>
      <c r="T185" s="3">
        <v>-0.15</v>
      </c>
      <c r="U185" s="3">
        <v>-0.15</v>
      </c>
      <c r="V185" s="3">
        <v>-0.14000000000000001</v>
      </c>
      <c r="W185" s="3">
        <v>0.06</v>
      </c>
      <c r="X185" s="3">
        <v>-0.17</v>
      </c>
      <c r="Y185" s="3">
        <v>-0.28000000000000003</v>
      </c>
      <c r="Z185" s="3">
        <v>0.02</v>
      </c>
      <c r="AA185" s="4">
        <f t="shared" si="26"/>
        <v>0</v>
      </c>
      <c r="AB185" s="4">
        <f t="shared" si="29"/>
        <v>1.6</v>
      </c>
      <c r="AC185" s="3">
        <f t="shared" si="20"/>
        <v>0.16000000000000003</v>
      </c>
      <c r="AD185" s="4">
        <f t="shared" si="23"/>
        <v>0</v>
      </c>
      <c r="AE185" s="3">
        <f t="shared" si="21"/>
        <v>-0.24</v>
      </c>
      <c r="AF185" s="4">
        <f t="shared" si="27"/>
        <v>0</v>
      </c>
      <c r="AG185" s="3">
        <f t="shared" si="24"/>
        <v>-0.24</v>
      </c>
      <c r="AH185" s="4">
        <f t="shared" si="25"/>
        <v>0</v>
      </c>
      <c r="AI185" s="3">
        <f t="shared" si="22"/>
        <v>-0.14000000000000001</v>
      </c>
      <c r="AJ185" s="14"/>
      <c r="AK185" s="14"/>
      <c r="AP185" s="8"/>
      <c r="AQ185" s="8"/>
      <c r="AR185" s="10"/>
    </row>
    <row r="186" spans="1:44">
      <c r="A186" s="3" t="s">
        <v>52</v>
      </c>
      <c r="B186" s="2">
        <v>0.51068287037037041</v>
      </c>
      <c r="C186" s="3">
        <v>133.19</v>
      </c>
      <c r="D186" s="3">
        <v>404.81</v>
      </c>
      <c r="E186" s="3">
        <v>459.25</v>
      </c>
      <c r="F186" s="3">
        <v>599.6</v>
      </c>
      <c r="G186" s="3">
        <v>323</v>
      </c>
      <c r="H186" s="3">
        <v>611.22</v>
      </c>
      <c r="I186" s="3">
        <v>248.91</v>
      </c>
      <c r="J186" s="3">
        <v>396.66</v>
      </c>
      <c r="K186" s="3">
        <v>395.08</v>
      </c>
      <c r="L186" s="3">
        <v>507.01</v>
      </c>
      <c r="M186" s="3">
        <v>560.38</v>
      </c>
      <c r="N186" s="3">
        <v>712.55</v>
      </c>
      <c r="O186" s="3">
        <v>632.75</v>
      </c>
      <c r="P186" s="3">
        <v>852.16</v>
      </c>
      <c r="Q186" s="3">
        <v>2286.09</v>
      </c>
      <c r="R186" s="3">
        <v>2286.09</v>
      </c>
      <c r="S186" s="3">
        <v>0.08</v>
      </c>
      <c r="T186" s="3">
        <v>-0.14000000000000001</v>
      </c>
      <c r="U186" s="3">
        <v>1.25</v>
      </c>
      <c r="V186" s="3">
        <v>-0.19</v>
      </c>
      <c r="W186" s="3">
        <v>0.06</v>
      </c>
      <c r="X186" s="3">
        <v>-0.17</v>
      </c>
      <c r="Y186" s="3">
        <v>-0.28999999999999998</v>
      </c>
      <c r="Z186" s="3">
        <v>0.02</v>
      </c>
      <c r="AA186" s="4">
        <f t="shared" si="26"/>
        <v>0</v>
      </c>
      <c r="AB186" s="4">
        <f t="shared" si="29"/>
        <v>1.6</v>
      </c>
      <c r="AC186" s="3">
        <f t="shared" si="20"/>
        <v>0.128</v>
      </c>
      <c r="AD186" s="4">
        <f t="shared" si="23"/>
        <v>0</v>
      </c>
      <c r="AE186" s="3">
        <f t="shared" si="21"/>
        <v>-0.22400000000000003</v>
      </c>
      <c r="AF186" s="4">
        <f t="shared" si="27"/>
        <v>0</v>
      </c>
      <c r="AG186" s="3">
        <f t="shared" si="24"/>
        <v>2</v>
      </c>
      <c r="AH186" s="4">
        <f t="shared" si="25"/>
        <v>0</v>
      </c>
      <c r="AI186" s="3">
        <f t="shared" si="22"/>
        <v>-0.19</v>
      </c>
      <c r="AJ186" s="14"/>
      <c r="AK186" s="14"/>
      <c r="AP186" s="8"/>
      <c r="AQ186" s="8"/>
      <c r="AR186" s="10"/>
    </row>
    <row r="187" spans="1:44">
      <c r="A187" s="3" t="s">
        <v>52</v>
      </c>
      <c r="B187" s="2">
        <v>0.51137731481481474</v>
      </c>
      <c r="C187" s="3">
        <v>131.44999999999999</v>
      </c>
      <c r="D187" s="3">
        <v>410.38</v>
      </c>
      <c r="E187" s="3">
        <v>458.14</v>
      </c>
      <c r="F187" s="3">
        <v>598.67999999999995</v>
      </c>
      <c r="G187" s="3">
        <v>316.93</v>
      </c>
      <c r="H187" s="3">
        <v>601.99</v>
      </c>
      <c r="I187" s="3">
        <v>249.36</v>
      </c>
      <c r="J187" s="3">
        <v>399.31</v>
      </c>
      <c r="K187" s="3">
        <v>395.92</v>
      </c>
      <c r="L187" s="3">
        <v>501.64</v>
      </c>
      <c r="M187" s="3">
        <v>562.62</v>
      </c>
      <c r="N187" s="3">
        <v>704.87</v>
      </c>
      <c r="O187" s="3">
        <v>634.72</v>
      </c>
      <c r="P187" s="3">
        <v>848.34</v>
      </c>
      <c r="Q187" s="3">
        <v>2286.09</v>
      </c>
      <c r="R187" s="3">
        <v>2286.09</v>
      </c>
      <c r="S187" s="3">
        <v>-0.18</v>
      </c>
      <c r="T187" s="3">
        <v>-0.26</v>
      </c>
      <c r="U187" s="3">
        <v>10.039999999999999</v>
      </c>
      <c r="V187" s="3">
        <v>-0.22</v>
      </c>
      <c r="W187" s="3">
        <v>-0.14000000000000001</v>
      </c>
      <c r="X187" s="3">
        <v>-0.2</v>
      </c>
      <c r="Y187" s="3">
        <v>-0.28000000000000003</v>
      </c>
      <c r="Z187" s="3">
        <v>0.01</v>
      </c>
      <c r="AA187" s="4">
        <f t="shared" si="26"/>
        <v>0</v>
      </c>
      <c r="AB187" s="4">
        <f t="shared" si="29"/>
        <v>1.6</v>
      </c>
      <c r="AC187" s="3">
        <f t="shared" si="20"/>
        <v>-0.28799999999999998</v>
      </c>
      <c r="AD187" s="4">
        <f t="shared" si="23"/>
        <v>0</v>
      </c>
      <c r="AE187" s="3">
        <f t="shared" si="21"/>
        <v>-0.41600000000000004</v>
      </c>
      <c r="AF187" s="4">
        <f t="shared" si="27"/>
        <v>0</v>
      </c>
      <c r="AG187" s="3">
        <f t="shared" si="24"/>
        <v>16.064</v>
      </c>
      <c r="AH187" s="4">
        <f t="shared" si="25"/>
        <v>0</v>
      </c>
      <c r="AI187" s="3">
        <f t="shared" si="22"/>
        <v>-0.22</v>
      </c>
      <c r="AJ187" s="14"/>
      <c r="AK187" s="14"/>
      <c r="AP187" s="8"/>
      <c r="AQ187" s="8"/>
      <c r="AR187" s="10"/>
    </row>
    <row r="188" spans="1:44">
      <c r="A188" s="3" t="s">
        <v>52</v>
      </c>
      <c r="B188" s="2">
        <v>0.5120717592592593</v>
      </c>
      <c r="C188" s="3">
        <v>128.69999999999999</v>
      </c>
      <c r="D188" s="3">
        <v>405.67</v>
      </c>
      <c r="E188" s="3">
        <v>456</v>
      </c>
      <c r="F188" s="3">
        <v>599.37</v>
      </c>
      <c r="G188" s="3">
        <v>310.63</v>
      </c>
      <c r="H188" s="3">
        <v>592.07000000000005</v>
      </c>
      <c r="I188" s="3">
        <v>250.67</v>
      </c>
      <c r="J188" s="3">
        <v>409.93</v>
      </c>
      <c r="K188" s="3">
        <v>395.78</v>
      </c>
      <c r="L188" s="3">
        <v>496.18</v>
      </c>
      <c r="M188" s="3">
        <v>562.91</v>
      </c>
      <c r="N188" s="3">
        <v>696.03</v>
      </c>
      <c r="O188" s="3">
        <v>636.5</v>
      </c>
      <c r="P188" s="3">
        <v>854.15</v>
      </c>
      <c r="Q188" s="3">
        <v>2286.11</v>
      </c>
      <c r="R188" s="3">
        <v>2286.11</v>
      </c>
      <c r="S188" s="3">
        <v>-0.19</v>
      </c>
      <c r="T188" s="3">
        <v>-0.26</v>
      </c>
      <c r="U188" s="3">
        <v>13.32</v>
      </c>
      <c r="V188" s="3">
        <v>-0.19</v>
      </c>
      <c r="W188" s="3">
        <v>-0.17</v>
      </c>
      <c r="X188" s="3">
        <v>-0.2</v>
      </c>
      <c r="Y188" s="3">
        <v>-0.28000000000000003</v>
      </c>
      <c r="Z188" s="3">
        <v>0.02</v>
      </c>
      <c r="AA188" s="4">
        <f t="shared" si="26"/>
        <v>0</v>
      </c>
      <c r="AB188" s="4">
        <f t="shared" si="29"/>
        <v>1.6</v>
      </c>
      <c r="AC188" s="3">
        <f t="shared" si="20"/>
        <v>-0.30400000000000005</v>
      </c>
      <c r="AD188" s="4">
        <f t="shared" si="23"/>
        <v>0</v>
      </c>
      <c r="AE188" s="3">
        <f t="shared" si="21"/>
        <v>-0.41600000000000004</v>
      </c>
      <c r="AF188" s="4">
        <f t="shared" si="27"/>
        <v>0</v>
      </c>
      <c r="AG188" s="3">
        <f t="shared" si="24"/>
        <v>21.312000000000001</v>
      </c>
      <c r="AH188" s="4">
        <f t="shared" si="25"/>
        <v>0</v>
      </c>
      <c r="AI188" s="3">
        <f t="shared" si="22"/>
        <v>-0.19</v>
      </c>
      <c r="AJ188" s="14"/>
      <c r="AK188" s="14"/>
      <c r="AP188" s="8"/>
      <c r="AQ188" s="8"/>
      <c r="AR188" s="10"/>
    </row>
    <row r="189" spans="1:44">
      <c r="A189" s="3" t="s">
        <v>52</v>
      </c>
      <c r="B189" s="2">
        <v>0.51276620370370374</v>
      </c>
      <c r="C189" s="3">
        <v>125.45</v>
      </c>
      <c r="D189" s="3">
        <v>397.44</v>
      </c>
      <c r="E189" s="3">
        <v>454.2</v>
      </c>
      <c r="F189" s="3">
        <v>598.66999999999996</v>
      </c>
      <c r="G189" s="3">
        <v>308.16000000000003</v>
      </c>
      <c r="H189" s="3">
        <v>598.21</v>
      </c>
      <c r="I189" s="3">
        <v>252.07</v>
      </c>
      <c r="J189" s="3">
        <v>414.19</v>
      </c>
      <c r="K189" s="3">
        <v>396.59</v>
      </c>
      <c r="L189" s="3">
        <v>499.43</v>
      </c>
      <c r="M189" s="3">
        <v>564.63</v>
      </c>
      <c r="N189" s="3">
        <v>700.53</v>
      </c>
      <c r="O189" s="3">
        <v>638.22</v>
      </c>
      <c r="P189" s="3">
        <v>848.1</v>
      </c>
      <c r="Q189" s="3">
        <v>2286.14</v>
      </c>
      <c r="R189" s="3">
        <v>2286.14</v>
      </c>
      <c r="S189" s="3">
        <v>-0.19</v>
      </c>
      <c r="T189" s="3">
        <v>-0.26</v>
      </c>
      <c r="U189" s="3">
        <v>13.39</v>
      </c>
      <c r="V189" s="3">
        <v>-0.17</v>
      </c>
      <c r="W189" s="3">
        <v>-0.18</v>
      </c>
      <c r="X189" s="3">
        <v>-0.19</v>
      </c>
      <c r="Y189" s="3">
        <v>-0.28000000000000003</v>
      </c>
      <c r="Z189" s="3">
        <v>0.01</v>
      </c>
      <c r="AA189" s="4">
        <f t="shared" si="26"/>
        <v>0</v>
      </c>
      <c r="AB189" s="4">
        <f t="shared" si="29"/>
        <v>1.6</v>
      </c>
      <c r="AC189" s="3">
        <f t="shared" si="20"/>
        <v>-0.30400000000000005</v>
      </c>
      <c r="AD189" s="4">
        <f t="shared" si="23"/>
        <v>0</v>
      </c>
      <c r="AE189" s="3">
        <f t="shared" si="21"/>
        <v>-0.41600000000000004</v>
      </c>
      <c r="AF189" s="4">
        <f t="shared" si="27"/>
        <v>0</v>
      </c>
      <c r="AG189" s="3">
        <f t="shared" si="24"/>
        <v>21.424000000000003</v>
      </c>
      <c r="AH189" s="4">
        <f t="shared" si="25"/>
        <v>0</v>
      </c>
      <c r="AI189" s="3">
        <f t="shared" si="22"/>
        <v>-0.17</v>
      </c>
      <c r="AJ189" s="14"/>
      <c r="AK189" s="14"/>
      <c r="AP189" s="8"/>
      <c r="AQ189" s="8"/>
      <c r="AR189" s="10"/>
    </row>
    <row r="190" spans="1:44">
      <c r="A190" s="3" t="s">
        <v>52</v>
      </c>
      <c r="B190" s="2">
        <v>0.51346064814814818</v>
      </c>
      <c r="C190" s="3">
        <v>123.75</v>
      </c>
      <c r="D190" s="3">
        <v>395.6</v>
      </c>
      <c r="E190" s="3">
        <v>452.89</v>
      </c>
      <c r="F190" s="3">
        <v>599.05999999999995</v>
      </c>
      <c r="G190" s="3">
        <v>308.64</v>
      </c>
      <c r="H190" s="3">
        <v>610.41999999999996</v>
      </c>
      <c r="I190" s="3">
        <v>253.15</v>
      </c>
      <c r="J190" s="3">
        <v>411.42</v>
      </c>
      <c r="K190" s="3">
        <v>398.87</v>
      </c>
      <c r="L190" s="3">
        <v>507.15</v>
      </c>
      <c r="M190" s="3">
        <v>568.34</v>
      </c>
      <c r="N190" s="3">
        <v>712.55</v>
      </c>
      <c r="O190" s="3">
        <v>640.87</v>
      </c>
      <c r="P190" s="3">
        <v>852.93</v>
      </c>
      <c r="Q190" s="3">
        <v>2286.15</v>
      </c>
      <c r="R190" s="3">
        <v>2286.15</v>
      </c>
      <c r="S190" s="3">
        <v>-0.19</v>
      </c>
      <c r="T190" s="3">
        <v>-0.24</v>
      </c>
      <c r="U190" s="3">
        <v>13.32</v>
      </c>
      <c r="V190" s="3">
        <v>-0.13</v>
      </c>
      <c r="W190" s="3">
        <v>-0.18</v>
      </c>
      <c r="X190" s="3">
        <v>-0.19</v>
      </c>
      <c r="Y190" s="3">
        <v>-0.3</v>
      </c>
      <c r="Z190" s="3">
        <v>0</v>
      </c>
      <c r="AA190" s="4">
        <f t="shared" si="26"/>
        <v>0</v>
      </c>
      <c r="AB190" s="4">
        <f t="shared" si="29"/>
        <v>1.6</v>
      </c>
      <c r="AC190" s="3">
        <f t="shared" si="20"/>
        <v>-0.30400000000000005</v>
      </c>
      <c r="AD190" s="4">
        <f t="shared" si="23"/>
        <v>0</v>
      </c>
      <c r="AE190" s="3">
        <f t="shared" si="21"/>
        <v>-0.38400000000000001</v>
      </c>
      <c r="AF190" s="4">
        <f t="shared" si="27"/>
        <v>0</v>
      </c>
      <c r="AG190" s="3">
        <f t="shared" si="24"/>
        <v>21.312000000000001</v>
      </c>
      <c r="AH190" s="4">
        <f t="shared" si="25"/>
        <v>0</v>
      </c>
      <c r="AI190" s="3">
        <f t="shared" si="22"/>
        <v>-0.13</v>
      </c>
      <c r="AJ190" s="14"/>
      <c r="AK190" s="14"/>
      <c r="AP190" s="8"/>
      <c r="AQ190" s="8"/>
      <c r="AR190" s="10"/>
    </row>
    <row r="191" spans="1:44">
      <c r="A191" s="3" t="s">
        <v>52</v>
      </c>
      <c r="B191" s="2">
        <v>0.51415509259259262</v>
      </c>
      <c r="C191" s="3">
        <v>124.15</v>
      </c>
      <c r="D191" s="3">
        <v>405.13</v>
      </c>
      <c r="E191" s="3">
        <v>451.85</v>
      </c>
      <c r="F191" s="3">
        <v>599.04999999999995</v>
      </c>
      <c r="G191" s="3">
        <v>307.18</v>
      </c>
      <c r="H191" s="3">
        <v>607.72</v>
      </c>
      <c r="I191" s="3">
        <v>253.59</v>
      </c>
      <c r="J191" s="3">
        <v>405.98</v>
      </c>
      <c r="K191" s="3">
        <v>400.43</v>
      </c>
      <c r="L191" s="3">
        <v>507.05</v>
      </c>
      <c r="M191" s="3">
        <v>572.11</v>
      </c>
      <c r="N191" s="3">
        <v>711.2</v>
      </c>
      <c r="O191" s="3">
        <v>646.25</v>
      </c>
      <c r="P191" s="3">
        <v>850.6</v>
      </c>
      <c r="Q191" s="3">
        <v>2286.19</v>
      </c>
      <c r="R191" s="3">
        <v>2286.19</v>
      </c>
      <c r="S191" s="3">
        <v>-0.16</v>
      </c>
      <c r="T191" s="3">
        <v>0</v>
      </c>
      <c r="U191" s="3">
        <v>12.33</v>
      </c>
      <c r="V191" s="3">
        <v>0.81</v>
      </c>
      <c r="W191" s="3">
        <v>-0.18</v>
      </c>
      <c r="X191" s="3">
        <v>-0.19</v>
      </c>
      <c r="Y191" s="3">
        <v>-0.28999999999999998</v>
      </c>
      <c r="Z191" s="3">
        <v>0</v>
      </c>
      <c r="AA191" s="4">
        <f t="shared" si="26"/>
        <v>0</v>
      </c>
      <c r="AB191" s="4">
        <f t="shared" si="29"/>
        <v>1.6</v>
      </c>
      <c r="AC191" s="3">
        <f t="shared" si="20"/>
        <v>-0.25600000000000001</v>
      </c>
      <c r="AD191" s="4">
        <f t="shared" si="23"/>
        <v>0</v>
      </c>
      <c r="AE191" s="3">
        <f t="shared" si="21"/>
        <v>0</v>
      </c>
      <c r="AF191" s="4">
        <f t="shared" si="27"/>
        <v>0</v>
      </c>
      <c r="AG191" s="3">
        <f t="shared" si="24"/>
        <v>19.728000000000002</v>
      </c>
      <c r="AH191" s="4">
        <f t="shared" si="25"/>
        <v>0</v>
      </c>
      <c r="AI191" s="3">
        <f t="shared" si="22"/>
        <v>0.81</v>
      </c>
      <c r="AJ191" s="14"/>
      <c r="AK191" s="14"/>
      <c r="AP191" s="8"/>
      <c r="AQ191" s="8"/>
      <c r="AR191" s="10"/>
    </row>
    <row r="192" spans="1:44">
      <c r="A192" s="3" t="s">
        <v>52</v>
      </c>
      <c r="B192" s="2">
        <v>0.51484953703703706</v>
      </c>
      <c r="C192" s="3">
        <v>124.3</v>
      </c>
      <c r="D192" s="3">
        <v>410.37</v>
      </c>
      <c r="E192" s="3">
        <v>450.59</v>
      </c>
      <c r="F192" s="3">
        <v>598.64</v>
      </c>
      <c r="G192" s="3">
        <v>303.10000000000002</v>
      </c>
      <c r="H192" s="3">
        <v>596.04999999999995</v>
      </c>
      <c r="I192" s="3">
        <v>253.19</v>
      </c>
      <c r="J192" s="3">
        <v>399.72</v>
      </c>
      <c r="K192" s="3">
        <v>400.43</v>
      </c>
      <c r="L192" s="3">
        <v>501.71</v>
      </c>
      <c r="M192" s="3">
        <v>574.04999999999995</v>
      </c>
      <c r="N192" s="3">
        <v>702.74</v>
      </c>
      <c r="O192" s="3">
        <v>661.58</v>
      </c>
      <c r="P192" s="3">
        <v>849.96</v>
      </c>
      <c r="Q192" s="3">
        <v>2286.2199999999998</v>
      </c>
      <c r="R192" s="3">
        <v>2286.2199999999998</v>
      </c>
      <c r="S192" s="3">
        <v>0.35</v>
      </c>
      <c r="T192" s="3">
        <v>0.04</v>
      </c>
      <c r="U192" s="3">
        <v>10</v>
      </c>
      <c r="V192" s="3">
        <v>0.73</v>
      </c>
      <c r="W192" s="3">
        <v>-0.18</v>
      </c>
      <c r="X192" s="3">
        <v>-0.2</v>
      </c>
      <c r="Y192" s="3">
        <v>-0.28000000000000003</v>
      </c>
      <c r="Z192" s="3">
        <v>0.01</v>
      </c>
      <c r="AA192" s="4">
        <f t="shared" si="26"/>
        <v>0</v>
      </c>
      <c r="AB192" s="4">
        <f t="shared" si="29"/>
        <v>1.6</v>
      </c>
      <c r="AC192" s="3">
        <f t="shared" si="20"/>
        <v>0.55999999999999994</v>
      </c>
      <c r="AD192" s="4">
        <f t="shared" si="23"/>
        <v>0</v>
      </c>
      <c r="AE192" s="3">
        <f t="shared" si="21"/>
        <v>6.4000000000000001E-2</v>
      </c>
      <c r="AF192" s="4">
        <f t="shared" si="27"/>
        <v>0</v>
      </c>
      <c r="AG192" s="3">
        <f t="shared" si="24"/>
        <v>16</v>
      </c>
      <c r="AH192" s="4">
        <f t="shared" si="25"/>
        <v>0</v>
      </c>
      <c r="AI192" s="3">
        <f t="shared" si="22"/>
        <v>0.73</v>
      </c>
      <c r="AJ192" s="14"/>
      <c r="AK192" s="14"/>
      <c r="AP192" s="8"/>
      <c r="AQ192" s="8"/>
      <c r="AR192" s="10"/>
    </row>
    <row r="193" spans="1:44">
      <c r="A193" s="3" t="s">
        <v>52</v>
      </c>
      <c r="B193" s="2">
        <v>0.51555555555555554</v>
      </c>
      <c r="C193" s="3">
        <v>123.14</v>
      </c>
      <c r="D193" s="3">
        <v>405.46</v>
      </c>
      <c r="E193" s="3">
        <v>449.33</v>
      </c>
      <c r="F193" s="3">
        <v>599.32000000000005</v>
      </c>
      <c r="G193" s="3">
        <v>300.11</v>
      </c>
      <c r="H193" s="3">
        <v>592.54999999999995</v>
      </c>
      <c r="I193" s="3">
        <v>252.57</v>
      </c>
      <c r="J193" s="3">
        <v>396.33</v>
      </c>
      <c r="K193" s="3">
        <v>399.65</v>
      </c>
      <c r="L193" s="3">
        <v>495.31</v>
      </c>
      <c r="M193" s="3">
        <v>574.54999999999995</v>
      </c>
      <c r="N193" s="3">
        <v>695.56</v>
      </c>
      <c r="O193" s="3">
        <v>688.88</v>
      </c>
      <c r="P193" s="3">
        <v>854.05</v>
      </c>
      <c r="Q193" s="3">
        <v>2286.23</v>
      </c>
      <c r="R193" s="3">
        <v>2286.23</v>
      </c>
      <c r="S193" s="3">
        <v>3.21</v>
      </c>
      <c r="T193" s="3">
        <v>0.25</v>
      </c>
      <c r="U193" s="3">
        <v>3.28</v>
      </c>
      <c r="V193" s="3">
        <v>0.3</v>
      </c>
      <c r="W193" s="3">
        <v>-0.03</v>
      </c>
      <c r="X193" s="3">
        <v>-0.23</v>
      </c>
      <c r="Y193" s="3">
        <v>-0.27</v>
      </c>
      <c r="Z193" s="3">
        <v>0.04</v>
      </c>
      <c r="AA193" s="4">
        <f t="shared" si="26"/>
        <v>0</v>
      </c>
      <c r="AB193" s="4">
        <f t="shared" si="29"/>
        <v>1.6</v>
      </c>
      <c r="AC193" s="3">
        <f t="shared" si="20"/>
        <v>5.1360000000000001</v>
      </c>
      <c r="AD193" s="4">
        <f t="shared" si="23"/>
        <v>0</v>
      </c>
      <c r="AE193" s="3">
        <f t="shared" si="21"/>
        <v>0.4</v>
      </c>
      <c r="AF193" s="4">
        <f t="shared" si="27"/>
        <v>0</v>
      </c>
      <c r="AG193" s="3">
        <f t="shared" si="24"/>
        <v>5.2480000000000002</v>
      </c>
      <c r="AH193" s="4">
        <f t="shared" si="25"/>
        <v>0</v>
      </c>
      <c r="AI193" s="3">
        <f t="shared" si="22"/>
        <v>0.3</v>
      </c>
      <c r="AJ193" s="14"/>
      <c r="AK193" s="14"/>
      <c r="AP193" s="8"/>
      <c r="AQ193" s="8"/>
      <c r="AR193" s="10"/>
    </row>
    <row r="194" spans="1:44">
      <c r="A194" s="3" t="s">
        <v>52</v>
      </c>
      <c r="B194" s="2">
        <v>0.51624999999999999</v>
      </c>
      <c r="C194" s="3">
        <v>121.36</v>
      </c>
      <c r="D194" s="3">
        <v>397.22</v>
      </c>
      <c r="E194" s="3">
        <v>448.55</v>
      </c>
      <c r="F194" s="3">
        <v>598.5</v>
      </c>
      <c r="G194" s="3">
        <v>301.14999999999998</v>
      </c>
      <c r="H194" s="3">
        <v>604.54999999999995</v>
      </c>
      <c r="I194" s="3">
        <v>253.01</v>
      </c>
      <c r="J194" s="3">
        <v>403.62</v>
      </c>
      <c r="K194" s="3">
        <v>399.58</v>
      </c>
      <c r="L194" s="3">
        <v>494.61</v>
      </c>
      <c r="M194" s="3">
        <v>576.78</v>
      </c>
      <c r="N194" s="3">
        <v>703.79</v>
      </c>
      <c r="O194" s="3">
        <v>711.1</v>
      </c>
      <c r="P194" s="3">
        <v>848.39</v>
      </c>
      <c r="Q194" s="3">
        <v>2286.2600000000002</v>
      </c>
      <c r="R194" s="3">
        <v>2286.2600000000002</v>
      </c>
      <c r="S194" s="3">
        <v>4.3499999999999996</v>
      </c>
      <c r="T194" s="3">
        <v>0.28999999999999998</v>
      </c>
      <c r="U194" s="3">
        <v>2.4700000000000002</v>
      </c>
      <c r="V194" s="3">
        <v>0.24</v>
      </c>
      <c r="W194" s="3">
        <v>-0.02</v>
      </c>
      <c r="X194" s="3">
        <v>-0.26</v>
      </c>
      <c r="Y194" s="3">
        <v>-0.26</v>
      </c>
      <c r="Z194" s="3">
        <v>0.06</v>
      </c>
      <c r="AA194" s="4">
        <f t="shared" si="26"/>
        <v>0</v>
      </c>
      <c r="AB194" s="4">
        <f t="shared" si="29"/>
        <v>1.6</v>
      </c>
      <c r="AC194" s="3">
        <f t="shared" si="20"/>
        <v>6.96</v>
      </c>
      <c r="AD194" s="4">
        <f t="shared" si="23"/>
        <v>0</v>
      </c>
      <c r="AE194" s="3">
        <f t="shared" si="21"/>
        <v>0.46399999999999997</v>
      </c>
      <c r="AF194" s="4">
        <f t="shared" si="27"/>
        <v>0</v>
      </c>
      <c r="AG194" s="3">
        <f t="shared" si="24"/>
        <v>3.9520000000000004</v>
      </c>
      <c r="AH194" s="4">
        <f t="shared" si="25"/>
        <v>0</v>
      </c>
      <c r="AI194" s="3">
        <f t="shared" si="22"/>
        <v>0.24</v>
      </c>
      <c r="AJ194" s="14"/>
      <c r="AK194" s="14"/>
      <c r="AP194" s="8"/>
      <c r="AQ194" s="8"/>
      <c r="AR194" s="10"/>
    </row>
    <row r="195" spans="1:44">
      <c r="A195" s="3" t="s">
        <v>52</v>
      </c>
      <c r="B195" s="2">
        <v>0.51694444444444443</v>
      </c>
      <c r="C195" s="3">
        <v>120.55</v>
      </c>
      <c r="D195" s="3">
        <v>395.69</v>
      </c>
      <c r="E195" s="3">
        <v>447.95</v>
      </c>
      <c r="F195" s="3">
        <v>598.97</v>
      </c>
      <c r="G195" s="3">
        <v>302.31</v>
      </c>
      <c r="H195" s="3">
        <v>611.29999999999995</v>
      </c>
      <c r="I195" s="3">
        <v>254.42</v>
      </c>
      <c r="J195" s="3">
        <v>412.46</v>
      </c>
      <c r="K195" s="3">
        <v>401.08</v>
      </c>
      <c r="L195" s="3">
        <v>502.32</v>
      </c>
      <c r="M195" s="3">
        <v>581.63</v>
      </c>
      <c r="N195" s="3">
        <v>713.36</v>
      </c>
      <c r="O195" s="3">
        <v>729.73</v>
      </c>
      <c r="P195" s="3">
        <v>854.68</v>
      </c>
      <c r="Q195" s="3">
        <v>2286.29</v>
      </c>
      <c r="R195" s="3">
        <v>2286.29</v>
      </c>
      <c r="S195" s="3">
        <v>5.08</v>
      </c>
      <c r="T195" s="3">
        <v>0.3</v>
      </c>
      <c r="U195" s="3">
        <v>2.37</v>
      </c>
      <c r="V195" s="3">
        <v>0.25</v>
      </c>
      <c r="W195" s="3">
        <v>0.02</v>
      </c>
      <c r="X195" s="3">
        <v>-0.19</v>
      </c>
      <c r="Y195" s="3">
        <v>-0.25</v>
      </c>
      <c r="Z195" s="3">
        <v>0.02</v>
      </c>
      <c r="AA195" s="4">
        <f t="shared" si="26"/>
        <v>0</v>
      </c>
      <c r="AB195" s="4">
        <f t="shared" si="29"/>
        <v>1.6</v>
      </c>
      <c r="AC195" s="3">
        <f t="shared" ref="AC195:AC258" si="30">S195*AB195+AA195</f>
        <v>8.1280000000000001</v>
      </c>
      <c r="AD195" s="4">
        <f t="shared" si="23"/>
        <v>0</v>
      </c>
      <c r="AE195" s="3">
        <f t="shared" ref="AE195:AE258" si="31">T195*AB195+AD195</f>
        <v>0.48</v>
      </c>
      <c r="AF195" s="4">
        <f t="shared" si="27"/>
        <v>0</v>
      </c>
      <c r="AG195" s="3">
        <f t="shared" si="24"/>
        <v>3.7920000000000003</v>
      </c>
      <c r="AH195" s="4">
        <f t="shared" si="25"/>
        <v>0</v>
      </c>
      <c r="AI195" s="3">
        <f t="shared" ref="AI195:AI258" si="32">AH195*AB195+V195</f>
        <v>0.25</v>
      </c>
      <c r="AJ195" s="14"/>
      <c r="AK195" s="14"/>
      <c r="AP195" s="8"/>
      <c r="AQ195" s="8"/>
      <c r="AR195" s="10"/>
    </row>
    <row r="196" spans="1:44">
      <c r="A196" s="3" t="s">
        <v>52</v>
      </c>
      <c r="B196" s="2">
        <v>0.51763888888888887</v>
      </c>
      <c r="C196" s="3">
        <v>121.44</v>
      </c>
      <c r="D196" s="3">
        <v>405.36</v>
      </c>
      <c r="E196" s="3">
        <v>447.41</v>
      </c>
      <c r="F196" s="3">
        <v>599.05999999999995</v>
      </c>
      <c r="G196" s="3">
        <v>300.37</v>
      </c>
      <c r="H196" s="3">
        <v>603.02</v>
      </c>
      <c r="I196" s="3">
        <v>255.58</v>
      </c>
      <c r="J196" s="3">
        <v>412.94</v>
      </c>
      <c r="K196" s="3">
        <v>402.72</v>
      </c>
      <c r="L196" s="3">
        <v>505.61</v>
      </c>
      <c r="M196" s="3">
        <v>584.16</v>
      </c>
      <c r="N196" s="3">
        <v>709.52</v>
      </c>
      <c r="O196" s="3">
        <v>744.85</v>
      </c>
      <c r="P196" s="3">
        <v>851.88</v>
      </c>
      <c r="Q196" s="3">
        <v>2286.3200000000002</v>
      </c>
      <c r="R196" s="3">
        <v>2286.3200000000002</v>
      </c>
      <c r="S196" s="3">
        <v>5.79</v>
      </c>
      <c r="T196" s="3">
        <v>0.28999999999999998</v>
      </c>
      <c r="U196" s="3">
        <v>2.34</v>
      </c>
      <c r="V196" s="3">
        <v>0.24</v>
      </c>
      <c r="W196" s="3">
        <v>-0.05</v>
      </c>
      <c r="X196" s="3">
        <v>-0.21</v>
      </c>
      <c r="Y196" s="3">
        <v>-0.25</v>
      </c>
      <c r="Z196" s="3">
        <v>0.03</v>
      </c>
      <c r="AA196" s="4">
        <f t="shared" si="26"/>
        <v>0</v>
      </c>
      <c r="AB196" s="4">
        <f t="shared" si="29"/>
        <v>1.6</v>
      </c>
      <c r="AC196" s="3">
        <f t="shared" si="30"/>
        <v>9.2640000000000011</v>
      </c>
      <c r="AD196" s="4">
        <f t="shared" ref="AD196:AD259" si="33">AD195</f>
        <v>0</v>
      </c>
      <c r="AE196" s="3">
        <f t="shared" si="31"/>
        <v>0.46399999999999997</v>
      </c>
      <c r="AF196" s="4">
        <f t="shared" si="27"/>
        <v>0</v>
      </c>
      <c r="AG196" s="3">
        <f t="shared" ref="AG196:AG259" si="34">U196*AB196+AF196</f>
        <v>3.7439999999999998</v>
      </c>
      <c r="AH196" s="4">
        <f t="shared" ref="AH196:AH259" si="35">AH195</f>
        <v>0</v>
      </c>
      <c r="AI196" s="3">
        <f t="shared" si="32"/>
        <v>0.24</v>
      </c>
      <c r="AJ196" s="14"/>
      <c r="AK196" s="14"/>
      <c r="AP196" s="8"/>
      <c r="AQ196" s="8"/>
      <c r="AR196" s="10"/>
    </row>
    <row r="197" spans="1:44">
      <c r="A197" s="3" t="s">
        <v>52</v>
      </c>
      <c r="B197" s="2">
        <v>0.51833333333333331</v>
      </c>
      <c r="C197" s="3">
        <v>122.21</v>
      </c>
      <c r="D197" s="3">
        <v>410.32</v>
      </c>
      <c r="E197" s="3">
        <v>446.54</v>
      </c>
      <c r="F197" s="3">
        <v>598.42999999999995</v>
      </c>
      <c r="G197" s="3">
        <v>296.95999999999998</v>
      </c>
      <c r="H197" s="3">
        <v>592.30999999999995</v>
      </c>
      <c r="I197" s="3">
        <v>255.97</v>
      </c>
      <c r="J197" s="3">
        <v>408.69</v>
      </c>
      <c r="K197" s="3">
        <v>403.02</v>
      </c>
      <c r="L197" s="3">
        <v>501.77</v>
      </c>
      <c r="M197" s="3">
        <v>586.42999999999995</v>
      </c>
      <c r="N197" s="3">
        <v>700.69</v>
      </c>
      <c r="O197" s="3">
        <v>757.31</v>
      </c>
      <c r="P197" s="3">
        <v>850.4</v>
      </c>
      <c r="Q197" s="3">
        <v>2286.3200000000002</v>
      </c>
      <c r="R197" s="3">
        <v>2286.3200000000002</v>
      </c>
      <c r="S197" s="3">
        <v>6.64</v>
      </c>
      <c r="T197" s="3">
        <v>0.3</v>
      </c>
      <c r="U197" s="3">
        <v>2.5099999999999998</v>
      </c>
      <c r="V197" s="3">
        <v>0.21</v>
      </c>
      <c r="W197" s="3">
        <v>0.01</v>
      </c>
      <c r="X197" s="3">
        <v>-0.17</v>
      </c>
      <c r="Y197" s="3">
        <v>-0.24</v>
      </c>
      <c r="Z197" s="3">
        <v>0.01</v>
      </c>
      <c r="AA197" s="4">
        <f t="shared" ref="AA197:AA260" si="36">AA196</f>
        <v>0</v>
      </c>
      <c r="AB197" s="4">
        <f t="shared" si="29"/>
        <v>1.6</v>
      </c>
      <c r="AC197" s="3">
        <f t="shared" si="30"/>
        <v>10.624000000000001</v>
      </c>
      <c r="AD197" s="4">
        <f t="shared" si="33"/>
        <v>0</v>
      </c>
      <c r="AE197" s="3">
        <f t="shared" si="31"/>
        <v>0.48</v>
      </c>
      <c r="AF197" s="4">
        <f t="shared" ref="AF197:AF260" si="37">AF196</f>
        <v>0</v>
      </c>
      <c r="AG197" s="3">
        <f t="shared" si="34"/>
        <v>4.016</v>
      </c>
      <c r="AH197" s="4">
        <f t="shared" si="35"/>
        <v>0</v>
      </c>
      <c r="AI197" s="3">
        <f t="shared" si="32"/>
        <v>0.21</v>
      </c>
      <c r="AJ197" s="14"/>
      <c r="AK197" s="14"/>
      <c r="AP197" s="8"/>
      <c r="AQ197" s="8"/>
      <c r="AR197" s="10"/>
    </row>
    <row r="198" spans="1:44">
      <c r="A198" s="3" t="s">
        <v>52</v>
      </c>
      <c r="B198" s="2">
        <v>0.51902777777777775</v>
      </c>
      <c r="C198" s="3">
        <v>121.66</v>
      </c>
      <c r="D198" s="3">
        <v>405.33</v>
      </c>
      <c r="E198" s="3">
        <v>446.02</v>
      </c>
      <c r="F198" s="3">
        <v>599.30999999999995</v>
      </c>
      <c r="G198" s="3">
        <v>296.63</v>
      </c>
      <c r="H198" s="3">
        <v>596.95000000000005</v>
      </c>
      <c r="I198" s="3">
        <v>255.54</v>
      </c>
      <c r="J198" s="3">
        <v>402.81</v>
      </c>
      <c r="K198" s="3">
        <v>402.52</v>
      </c>
      <c r="L198" s="3">
        <v>495.72</v>
      </c>
      <c r="M198" s="3">
        <v>587.03</v>
      </c>
      <c r="N198" s="3">
        <v>691.91</v>
      </c>
      <c r="O198" s="3">
        <v>768.16</v>
      </c>
      <c r="P198" s="3">
        <v>855.72</v>
      </c>
      <c r="Q198" s="3">
        <v>2286.36</v>
      </c>
      <c r="R198" s="3">
        <v>2286.36</v>
      </c>
      <c r="S198" s="3">
        <v>7.07</v>
      </c>
      <c r="T198" s="3">
        <v>0.17</v>
      </c>
      <c r="U198" s="3">
        <v>3.07</v>
      </c>
      <c r="V198" s="3">
        <v>0.15</v>
      </c>
      <c r="W198" s="3">
        <v>0.04</v>
      </c>
      <c r="X198" s="3">
        <v>-0.19</v>
      </c>
      <c r="Y198" s="3">
        <v>-0.25</v>
      </c>
      <c r="Z198" s="3">
        <v>0.01</v>
      </c>
      <c r="AA198" s="4">
        <f t="shared" si="36"/>
        <v>0</v>
      </c>
      <c r="AB198" s="4">
        <f t="shared" si="29"/>
        <v>1.6</v>
      </c>
      <c r="AC198" s="3">
        <f t="shared" si="30"/>
        <v>11.312000000000001</v>
      </c>
      <c r="AD198" s="4">
        <f t="shared" si="33"/>
        <v>0</v>
      </c>
      <c r="AE198" s="3">
        <f t="shared" si="31"/>
        <v>0.27200000000000002</v>
      </c>
      <c r="AF198" s="4">
        <f t="shared" si="37"/>
        <v>0</v>
      </c>
      <c r="AG198" s="3">
        <f t="shared" si="34"/>
        <v>4.9119999999999999</v>
      </c>
      <c r="AH198" s="4">
        <f t="shared" si="35"/>
        <v>0</v>
      </c>
      <c r="AI198" s="3">
        <f t="shared" si="32"/>
        <v>0.15</v>
      </c>
      <c r="AJ198" s="14"/>
      <c r="AK198" s="14"/>
      <c r="AP198" s="8"/>
      <c r="AQ198" s="8"/>
      <c r="AR198" s="10"/>
    </row>
    <row r="199" spans="1:44">
      <c r="A199" s="3" t="s">
        <v>52</v>
      </c>
      <c r="B199" s="2">
        <v>0.5197222222222222</v>
      </c>
      <c r="C199" s="3">
        <v>120.26</v>
      </c>
      <c r="D199" s="3">
        <v>397.13</v>
      </c>
      <c r="E199" s="3">
        <v>445.77</v>
      </c>
      <c r="F199" s="3">
        <v>598.64</v>
      </c>
      <c r="G199" s="3">
        <v>299.08</v>
      </c>
      <c r="H199" s="3">
        <v>609.79999999999995</v>
      </c>
      <c r="I199" s="3">
        <v>254.46</v>
      </c>
      <c r="J199" s="3">
        <v>396.48</v>
      </c>
      <c r="K199" s="3">
        <v>400.95</v>
      </c>
      <c r="L199" s="3">
        <v>489.19</v>
      </c>
      <c r="M199" s="3">
        <v>588.14</v>
      </c>
      <c r="N199" s="3">
        <v>683.36</v>
      </c>
      <c r="O199" s="3">
        <v>768.88</v>
      </c>
      <c r="P199" s="3">
        <v>850.29</v>
      </c>
      <c r="Q199" s="3">
        <v>2286.38</v>
      </c>
      <c r="R199" s="3">
        <v>2286.38</v>
      </c>
      <c r="S199" s="3">
        <v>7.51</v>
      </c>
      <c r="T199" s="3">
        <v>0.14000000000000001</v>
      </c>
      <c r="U199" s="3">
        <v>3.05</v>
      </c>
      <c r="V199" s="3">
        <v>0.11</v>
      </c>
      <c r="W199" s="3">
        <v>0.02</v>
      </c>
      <c r="X199" s="3">
        <v>-0.18</v>
      </c>
      <c r="Y199" s="3">
        <v>-0.24</v>
      </c>
      <c r="Z199" s="3">
        <v>0</v>
      </c>
      <c r="AA199" s="4">
        <f t="shared" si="36"/>
        <v>0</v>
      </c>
      <c r="AB199" s="4">
        <f t="shared" si="29"/>
        <v>1.6</v>
      </c>
      <c r="AC199" s="3">
        <f t="shared" si="30"/>
        <v>12.016</v>
      </c>
      <c r="AD199" s="4">
        <f t="shared" si="33"/>
        <v>0</v>
      </c>
      <c r="AE199" s="3">
        <f t="shared" si="31"/>
        <v>0.22400000000000003</v>
      </c>
      <c r="AF199" s="4">
        <f t="shared" si="37"/>
        <v>0</v>
      </c>
      <c r="AG199" s="3">
        <f t="shared" si="34"/>
        <v>4.88</v>
      </c>
      <c r="AH199" s="4">
        <f t="shared" si="35"/>
        <v>0</v>
      </c>
      <c r="AI199" s="3">
        <f t="shared" si="32"/>
        <v>0.11</v>
      </c>
      <c r="AJ199" s="14"/>
      <c r="AK199" s="14"/>
      <c r="AP199" s="8"/>
      <c r="AQ199" s="8"/>
      <c r="AR199" s="10"/>
    </row>
    <row r="200" spans="1:44">
      <c r="A200" s="3" t="s">
        <v>52</v>
      </c>
      <c r="B200" s="2">
        <v>0.52042824074074068</v>
      </c>
      <c r="C200" s="3">
        <v>119.43</v>
      </c>
      <c r="D200" s="3">
        <v>395.82</v>
      </c>
      <c r="E200" s="3">
        <v>445.58</v>
      </c>
      <c r="F200" s="3">
        <v>598.88</v>
      </c>
      <c r="G200" s="3">
        <v>299.06</v>
      </c>
      <c r="H200" s="3">
        <v>608.73</v>
      </c>
      <c r="I200" s="3">
        <v>252.6</v>
      </c>
      <c r="J200" s="3">
        <v>390.12</v>
      </c>
      <c r="K200" s="3">
        <v>398.81</v>
      </c>
      <c r="L200" s="3">
        <v>482.73</v>
      </c>
      <c r="M200" s="3">
        <v>587.95000000000005</v>
      </c>
      <c r="N200" s="3">
        <v>674.5</v>
      </c>
      <c r="O200" s="3">
        <v>749.56</v>
      </c>
      <c r="P200" s="3">
        <v>852.4</v>
      </c>
      <c r="Q200" s="3">
        <v>2286.4</v>
      </c>
      <c r="R200" s="3">
        <v>2286.4</v>
      </c>
      <c r="S200" s="3">
        <v>6.71</v>
      </c>
      <c r="T200" s="3">
        <v>0.18</v>
      </c>
      <c r="U200" s="3">
        <v>3.39</v>
      </c>
      <c r="V200" s="3">
        <v>0.18</v>
      </c>
      <c r="W200" s="3">
        <v>-0.05</v>
      </c>
      <c r="X200" s="3">
        <v>-0.21</v>
      </c>
      <c r="Y200" s="3">
        <v>-0.26</v>
      </c>
      <c r="Z200" s="3">
        <v>-0.04</v>
      </c>
      <c r="AA200" s="4">
        <f t="shared" si="36"/>
        <v>0</v>
      </c>
      <c r="AB200" s="4">
        <f t="shared" si="29"/>
        <v>1.6</v>
      </c>
      <c r="AC200" s="3">
        <f t="shared" si="30"/>
        <v>10.736000000000001</v>
      </c>
      <c r="AD200" s="4">
        <f t="shared" si="33"/>
        <v>0</v>
      </c>
      <c r="AE200" s="3">
        <f t="shared" si="31"/>
        <v>0.28799999999999998</v>
      </c>
      <c r="AF200" s="4">
        <f t="shared" si="37"/>
        <v>0</v>
      </c>
      <c r="AG200" s="3">
        <f t="shared" si="34"/>
        <v>5.4240000000000004</v>
      </c>
      <c r="AH200" s="4">
        <f t="shared" si="35"/>
        <v>0</v>
      </c>
      <c r="AI200" s="3">
        <f t="shared" si="32"/>
        <v>0.18</v>
      </c>
      <c r="AJ200" s="14"/>
      <c r="AK200" s="14"/>
      <c r="AP200" s="8"/>
      <c r="AQ200" s="8"/>
      <c r="AR200" s="10"/>
    </row>
    <row r="201" spans="1:44">
      <c r="A201" s="3" t="s">
        <v>52</v>
      </c>
      <c r="B201" s="2">
        <v>0.52112268518518523</v>
      </c>
      <c r="C201" s="3">
        <v>120.44</v>
      </c>
      <c r="D201" s="3">
        <v>405.62</v>
      </c>
      <c r="E201" s="3">
        <v>445.14</v>
      </c>
      <c r="F201" s="3">
        <v>599.1</v>
      </c>
      <c r="G201" s="3">
        <v>296.24</v>
      </c>
      <c r="H201" s="3">
        <v>597.36</v>
      </c>
      <c r="I201" s="3">
        <v>250.4</v>
      </c>
      <c r="J201" s="3">
        <v>383.92</v>
      </c>
      <c r="K201" s="3">
        <v>396.43</v>
      </c>
      <c r="L201" s="3">
        <v>476.49</v>
      </c>
      <c r="M201" s="3">
        <v>587.23</v>
      </c>
      <c r="N201" s="3">
        <v>665.96</v>
      </c>
      <c r="O201" s="3">
        <v>766.23</v>
      </c>
      <c r="P201" s="3">
        <v>854.39</v>
      </c>
      <c r="Q201" s="3">
        <v>2286.4299999999998</v>
      </c>
      <c r="R201" s="3">
        <v>2286.4299999999998</v>
      </c>
      <c r="S201" s="3">
        <v>6.11</v>
      </c>
      <c r="T201" s="3">
        <v>0.15</v>
      </c>
      <c r="U201" s="3">
        <v>3.26</v>
      </c>
      <c r="V201" s="3">
        <v>0.11</v>
      </c>
      <c r="W201" s="3">
        <v>-0.11</v>
      </c>
      <c r="X201" s="3">
        <v>-0.18</v>
      </c>
      <c r="Y201" s="3">
        <v>-0.25</v>
      </c>
      <c r="Z201" s="3">
        <v>-0.03</v>
      </c>
      <c r="AA201" s="4">
        <f t="shared" si="36"/>
        <v>0</v>
      </c>
      <c r="AB201" s="4">
        <f t="shared" si="29"/>
        <v>1.6</v>
      </c>
      <c r="AC201" s="3">
        <f t="shared" si="30"/>
        <v>9.7760000000000016</v>
      </c>
      <c r="AD201" s="4">
        <f t="shared" si="33"/>
        <v>0</v>
      </c>
      <c r="AE201" s="3">
        <f t="shared" si="31"/>
        <v>0.24</v>
      </c>
      <c r="AF201" s="4">
        <f t="shared" si="37"/>
        <v>0</v>
      </c>
      <c r="AG201" s="3">
        <f t="shared" si="34"/>
        <v>5.2160000000000002</v>
      </c>
      <c r="AH201" s="4">
        <f t="shared" si="35"/>
        <v>0</v>
      </c>
      <c r="AI201" s="3">
        <f t="shared" si="32"/>
        <v>0.11</v>
      </c>
      <c r="AJ201" s="14"/>
      <c r="AK201" s="14"/>
      <c r="AP201" s="8"/>
      <c r="AQ201" s="8"/>
      <c r="AR201" s="10"/>
    </row>
    <row r="202" spans="1:44">
      <c r="A202" s="3" t="s">
        <v>52</v>
      </c>
      <c r="B202" s="2">
        <v>0.52181712962962956</v>
      </c>
      <c r="C202" s="3">
        <v>121.55</v>
      </c>
      <c r="D202" s="3">
        <v>410.45</v>
      </c>
      <c r="E202" s="3">
        <v>444.6</v>
      </c>
      <c r="F202" s="3">
        <v>598.5</v>
      </c>
      <c r="G202" s="3">
        <v>294.22000000000003</v>
      </c>
      <c r="H202" s="3">
        <v>592.16</v>
      </c>
      <c r="I202" s="3">
        <v>247.51</v>
      </c>
      <c r="J202" s="3">
        <v>377.96</v>
      </c>
      <c r="K202" s="3">
        <v>393.38</v>
      </c>
      <c r="L202" s="3">
        <v>470.5</v>
      </c>
      <c r="M202" s="3">
        <v>586.58000000000004</v>
      </c>
      <c r="N202" s="3">
        <v>657.79</v>
      </c>
      <c r="O202" s="3">
        <v>779.34</v>
      </c>
      <c r="P202" s="3">
        <v>847.28</v>
      </c>
      <c r="Q202" s="3">
        <v>2286.46</v>
      </c>
      <c r="R202" s="3">
        <v>2286.46</v>
      </c>
      <c r="S202" s="3">
        <v>7.16</v>
      </c>
      <c r="T202" s="3">
        <v>0.14000000000000001</v>
      </c>
      <c r="U202" s="3">
        <v>3.21</v>
      </c>
      <c r="V202" s="3">
        <v>0.08</v>
      </c>
      <c r="W202" s="3">
        <v>-0.09</v>
      </c>
      <c r="X202" s="3">
        <v>-0.19</v>
      </c>
      <c r="Y202" s="3">
        <v>-0.23</v>
      </c>
      <c r="Z202" s="3">
        <v>0.01</v>
      </c>
      <c r="AA202" s="4">
        <f t="shared" si="36"/>
        <v>0</v>
      </c>
      <c r="AB202" s="4">
        <f t="shared" si="29"/>
        <v>1.6</v>
      </c>
      <c r="AC202" s="3">
        <f t="shared" si="30"/>
        <v>11.456000000000001</v>
      </c>
      <c r="AD202" s="4">
        <f t="shared" si="33"/>
        <v>0</v>
      </c>
      <c r="AE202" s="3">
        <f t="shared" si="31"/>
        <v>0.22400000000000003</v>
      </c>
      <c r="AF202" s="4">
        <f t="shared" si="37"/>
        <v>0</v>
      </c>
      <c r="AG202" s="3">
        <f t="shared" si="34"/>
        <v>5.1360000000000001</v>
      </c>
      <c r="AH202" s="4">
        <f t="shared" si="35"/>
        <v>0</v>
      </c>
      <c r="AI202" s="3">
        <f t="shared" si="32"/>
        <v>0.08</v>
      </c>
      <c r="AJ202" s="14"/>
      <c r="AK202" s="14"/>
      <c r="AP202" s="8"/>
      <c r="AQ202" s="8"/>
      <c r="AR202" s="10"/>
    </row>
    <row r="203" spans="1:44">
      <c r="A203" s="3" t="s">
        <v>52</v>
      </c>
      <c r="B203" s="2">
        <v>0.52251157407407411</v>
      </c>
      <c r="C203" s="3">
        <v>121.54</v>
      </c>
      <c r="D203" s="3">
        <v>405.4</v>
      </c>
      <c r="E203" s="3">
        <v>444.44</v>
      </c>
      <c r="F203" s="3">
        <v>599.36</v>
      </c>
      <c r="G203" s="3">
        <v>296.33999999999997</v>
      </c>
      <c r="H203" s="3">
        <v>603.41999999999996</v>
      </c>
      <c r="I203" s="3">
        <v>244.12</v>
      </c>
      <c r="J203" s="3">
        <v>372.25</v>
      </c>
      <c r="K203" s="3">
        <v>390.06</v>
      </c>
      <c r="L203" s="3">
        <v>464.73</v>
      </c>
      <c r="M203" s="3">
        <v>585.89</v>
      </c>
      <c r="N203" s="3">
        <v>649.89</v>
      </c>
      <c r="O203" s="3">
        <v>787.2</v>
      </c>
      <c r="P203" s="3">
        <v>838.82</v>
      </c>
      <c r="Q203" s="3">
        <v>2286.48</v>
      </c>
      <c r="R203" s="3">
        <v>2286.48</v>
      </c>
      <c r="S203" s="3">
        <v>8.15</v>
      </c>
      <c r="T203" s="3">
        <v>0.11</v>
      </c>
      <c r="U203" s="3">
        <v>3.47</v>
      </c>
      <c r="V203" s="3">
        <v>7.0000000000000007E-2</v>
      </c>
      <c r="W203" s="3">
        <v>-0.14000000000000001</v>
      </c>
      <c r="X203" s="3">
        <v>-0.18</v>
      </c>
      <c r="Y203" s="3">
        <v>-0.24</v>
      </c>
      <c r="Z203" s="3">
        <v>0</v>
      </c>
      <c r="AA203" s="4">
        <f t="shared" si="36"/>
        <v>0</v>
      </c>
      <c r="AB203" s="4">
        <f t="shared" si="29"/>
        <v>1.6</v>
      </c>
      <c r="AC203" s="3">
        <f t="shared" si="30"/>
        <v>13.040000000000001</v>
      </c>
      <c r="AD203" s="4">
        <f t="shared" si="33"/>
        <v>0</v>
      </c>
      <c r="AE203" s="3">
        <f t="shared" si="31"/>
        <v>0.17600000000000002</v>
      </c>
      <c r="AF203" s="4">
        <f t="shared" si="37"/>
        <v>0</v>
      </c>
      <c r="AG203" s="3">
        <f t="shared" si="34"/>
        <v>5.5520000000000005</v>
      </c>
      <c r="AH203" s="4">
        <f t="shared" si="35"/>
        <v>0</v>
      </c>
      <c r="AI203" s="3">
        <f t="shared" si="32"/>
        <v>7.0000000000000007E-2</v>
      </c>
      <c r="AJ203" s="14"/>
      <c r="AK203" s="14"/>
      <c r="AP203" s="8"/>
      <c r="AQ203" s="8"/>
      <c r="AR203" s="10"/>
    </row>
    <row r="204" spans="1:44">
      <c r="A204" s="3" t="s">
        <v>52</v>
      </c>
      <c r="B204" s="2">
        <v>0.52320601851851845</v>
      </c>
      <c r="C204" s="3">
        <v>120.15</v>
      </c>
      <c r="D204" s="3">
        <v>397.22</v>
      </c>
      <c r="E204" s="3">
        <v>444.61</v>
      </c>
      <c r="F204" s="3">
        <v>598.5</v>
      </c>
      <c r="G204" s="3">
        <v>298.60000000000002</v>
      </c>
      <c r="H204" s="3">
        <v>611.66</v>
      </c>
      <c r="I204" s="3">
        <v>240.49</v>
      </c>
      <c r="J204" s="3">
        <v>366.75</v>
      </c>
      <c r="K204" s="3">
        <v>386.63</v>
      </c>
      <c r="L204" s="3">
        <v>459.16</v>
      </c>
      <c r="M204" s="3">
        <v>585.21</v>
      </c>
      <c r="N204" s="3">
        <v>642.23</v>
      </c>
      <c r="O204" s="3">
        <v>793.29</v>
      </c>
      <c r="P204" s="3">
        <v>830.57</v>
      </c>
      <c r="Q204" s="3">
        <v>2286.5100000000002</v>
      </c>
      <c r="R204" s="3">
        <v>2286.5100000000002</v>
      </c>
      <c r="S204" s="3">
        <v>9.1</v>
      </c>
      <c r="T204" s="3">
        <v>7.0000000000000007E-2</v>
      </c>
      <c r="U204" s="3">
        <v>3.68</v>
      </c>
      <c r="V204" s="3">
        <v>0.05</v>
      </c>
      <c r="W204" s="3">
        <v>-0.11</v>
      </c>
      <c r="X204" s="3">
        <v>-0.27</v>
      </c>
      <c r="Y204" s="3">
        <v>-0.23</v>
      </c>
      <c r="Z204" s="3">
        <v>7.0000000000000007E-2</v>
      </c>
      <c r="AA204" s="4">
        <f t="shared" si="36"/>
        <v>0</v>
      </c>
      <c r="AB204" s="4">
        <f t="shared" si="29"/>
        <v>1.6</v>
      </c>
      <c r="AC204" s="3">
        <f t="shared" si="30"/>
        <v>14.56</v>
      </c>
      <c r="AD204" s="4">
        <f t="shared" si="33"/>
        <v>0</v>
      </c>
      <c r="AE204" s="3">
        <f t="shared" si="31"/>
        <v>0.11200000000000002</v>
      </c>
      <c r="AF204" s="4">
        <f t="shared" si="37"/>
        <v>0</v>
      </c>
      <c r="AG204" s="3">
        <f t="shared" si="34"/>
        <v>5.8880000000000008</v>
      </c>
      <c r="AH204" s="4">
        <f t="shared" si="35"/>
        <v>0</v>
      </c>
      <c r="AI204" s="3">
        <f t="shared" si="32"/>
        <v>0.05</v>
      </c>
      <c r="AJ204" s="14"/>
      <c r="AK204" s="14"/>
      <c r="AP204" s="8"/>
      <c r="AQ204" s="8"/>
      <c r="AR204" s="10"/>
    </row>
    <row r="205" spans="1:44">
      <c r="A205" s="3" t="s">
        <v>52</v>
      </c>
      <c r="B205" s="2">
        <v>0.523900462962963</v>
      </c>
      <c r="C205" s="3">
        <v>119.25</v>
      </c>
      <c r="D205" s="3">
        <v>395.9</v>
      </c>
      <c r="E205" s="3">
        <v>444.56</v>
      </c>
      <c r="F205" s="3">
        <v>598.98</v>
      </c>
      <c r="G205" s="3">
        <v>297.19</v>
      </c>
      <c r="H205" s="3">
        <v>604.34</v>
      </c>
      <c r="I205" s="3">
        <v>236.72</v>
      </c>
      <c r="J205" s="3">
        <v>361.43</v>
      </c>
      <c r="K205" s="3">
        <v>383.09</v>
      </c>
      <c r="L205" s="3">
        <v>453.78</v>
      </c>
      <c r="M205" s="3">
        <v>584.47</v>
      </c>
      <c r="N205" s="3">
        <v>634.80999999999995</v>
      </c>
      <c r="O205" s="3">
        <v>758.76</v>
      </c>
      <c r="P205" s="3">
        <v>822.79</v>
      </c>
      <c r="Q205" s="3">
        <v>2286.54</v>
      </c>
      <c r="R205" s="3">
        <v>2286.54</v>
      </c>
      <c r="S205" s="3">
        <v>9.59</v>
      </c>
      <c r="T205" s="3">
        <v>0.1</v>
      </c>
      <c r="U205" s="3">
        <v>3.85</v>
      </c>
      <c r="V205" s="3">
        <v>0.08</v>
      </c>
      <c r="W205" s="3">
        <v>-0.06</v>
      </c>
      <c r="X205" s="3">
        <v>-0.18</v>
      </c>
      <c r="Y205" s="3">
        <v>-0.23</v>
      </c>
      <c r="Z205" s="3">
        <v>0</v>
      </c>
      <c r="AA205" s="4">
        <f t="shared" si="36"/>
        <v>0</v>
      </c>
      <c r="AB205" s="4">
        <f t="shared" si="29"/>
        <v>1.6</v>
      </c>
      <c r="AC205" s="3">
        <f t="shared" si="30"/>
        <v>15.344000000000001</v>
      </c>
      <c r="AD205" s="4">
        <f t="shared" si="33"/>
        <v>0</v>
      </c>
      <c r="AE205" s="3">
        <f t="shared" si="31"/>
        <v>0.16000000000000003</v>
      </c>
      <c r="AF205" s="4">
        <f t="shared" si="37"/>
        <v>0</v>
      </c>
      <c r="AG205" s="3">
        <f t="shared" si="34"/>
        <v>6.16</v>
      </c>
      <c r="AH205" s="4">
        <f t="shared" si="35"/>
        <v>0</v>
      </c>
      <c r="AI205" s="3">
        <f t="shared" si="32"/>
        <v>0.08</v>
      </c>
      <c r="AJ205" s="14"/>
      <c r="AK205" s="14"/>
      <c r="AP205" s="8"/>
      <c r="AQ205" s="8"/>
      <c r="AR205" s="10"/>
    </row>
    <row r="206" spans="1:44">
      <c r="A206" s="3" t="s">
        <v>52</v>
      </c>
      <c r="B206" s="2">
        <v>0.52459490740740744</v>
      </c>
      <c r="C206" s="3">
        <v>120.4</v>
      </c>
      <c r="D206" s="3">
        <v>405.8</v>
      </c>
      <c r="E206" s="3">
        <v>444.12</v>
      </c>
      <c r="F206" s="3">
        <v>599.02</v>
      </c>
      <c r="G206" s="3">
        <v>294.02</v>
      </c>
      <c r="H206" s="3">
        <v>592.95000000000005</v>
      </c>
      <c r="I206" s="3">
        <v>232.91</v>
      </c>
      <c r="J206" s="3">
        <v>356.17</v>
      </c>
      <c r="K206" s="3">
        <v>379.44</v>
      </c>
      <c r="L206" s="3">
        <v>448.55</v>
      </c>
      <c r="M206" s="3">
        <v>582.54999999999995</v>
      </c>
      <c r="N206" s="3">
        <v>627.61</v>
      </c>
      <c r="O206" s="3">
        <v>754.1</v>
      </c>
      <c r="P206" s="3">
        <v>814.77</v>
      </c>
      <c r="Q206" s="3">
        <v>2286.5700000000002</v>
      </c>
      <c r="R206" s="3">
        <v>2286.5700000000002</v>
      </c>
      <c r="S206" s="3">
        <v>6.32</v>
      </c>
      <c r="T206" s="3">
        <v>0.16</v>
      </c>
      <c r="U206" s="3">
        <v>4.22</v>
      </c>
      <c r="V206" s="3">
        <v>0.13</v>
      </c>
      <c r="W206" s="3">
        <v>-0.09</v>
      </c>
      <c r="X206" s="3">
        <v>-0.17</v>
      </c>
      <c r="Y206" s="3">
        <v>-0.24</v>
      </c>
      <c r="Z206" s="3">
        <v>-0.01</v>
      </c>
      <c r="AA206" s="4">
        <f t="shared" si="36"/>
        <v>0</v>
      </c>
      <c r="AB206" s="4">
        <f t="shared" si="29"/>
        <v>1.6</v>
      </c>
      <c r="AC206" s="3">
        <f t="shared" si="30"/>
        <v>10.112000000000002</v>
      </c>
      <c r="AD206" s="4">
        <f t="shared" si="33"/>
        <v>0</v>
      </c>
      <c r="AE206" s="3">
        <f t="shared" si="31"/>
        <v>0.25600000000000001</v>
      </c>
      <c r="AF206" s="4">
        <f t="shared" si="37"/>
        <v>0</v>
      </c>
      <c r="AG206" s="3">
        <f t="shared" si="34"/>
        <v>6.7519999999999998</v>
      </c>
      <c r="AH206" s="4">
        <f t="shared" si="35"/>
        <v>0</v>
      </c>
      <c r="AI206" s="3">
        <f t="shared" si="32"/>
        <v>0.13</v>
      </c>
      <c r="AJ206" s="14"/>
      <c r="AK206" s="14"/>
      <c r="AP206" s="8"/>
      <c r="AQ206" s="8"/>
      <c r="AR206" s="10"/>
    </row>
    <row r="207" spans="1:44">
      <c r="A207" s="3" t="s">
        <v>52</v>
      </c>
      <c r="B207" s="2">
        <v>0.52528935185185188</v>
      </c>
      <c r="C207" s="3">
        <v>121.78</v>
      </c>
      <c r="D207" s="3">
        <v>410.69</v>
      </c>
      <c r="E207" s="3">
        <v>443.81</v>
      </c>
      <c r="F207" s="3">
        <v>598.52</v>
      </c>
      <c r="G207" s="3">
        <v>293.86</v>
      </c>
      <c r="H207" s="3">
        <v>595.54</v>
      </c>
      <c r="I207" s="3">
        <v>229.07</v>
      </c>
      <c r="J207" s="3">
        <v>351.07</v>
      </c>
      <c r="K207" s="3">
        <v>375.9</v>
      </c>
      <c r="L207" s="3">
        <v>443.46</v>
      </c>
      <c r="M207" s="3">
        <v>580.85</v>
      </c>
      <c r="N207" s="3">
        <v>620.62</v>
      </c>
      <c r="O207" s="3">
        <v>768.71</v>
      </c>
      <c r="P207" s="3">
        <v>806.95</v>
      </c>
      <c r="Q207" s="3">
        <v>2286.58</v>
      </c>
      <c r="R207" s="3">
        <v>2286.58</v>
      </c>
      <c r="S207" s="3">
        <v>6.43</v>
      </c>
      <c r="T207" s="3">
        <v>0.17</v>
      </c>
      <c r="U207" s="3">
        <v>4.1900000000000004</v>
      </c>
      <c r="V207" s="3">
        <v>0.1</v>
      </c>
      <c r="W207" s="3">
        <v>-0.11</v>
      </c>
      <c r="X207" s="3">
        <v>-0.16</v>
      </c>
      <c r="Y207" s="3">
        <v>-0.25</v>
      </c>
      <c r="Z207" s="3">
        <v>-0.02</v>
      </c>
      <c r="AA207" s="4">
        <f t="shared" si="36"/>
        <v>0</v>
      </c>
      <c r="AB207" s="4">
        <f t="shared" si="29"/>
        <v>1.6</v>
      </c>
      <c r="AC207" s="3">
        <f t="shared" si="30"/>
        <v>10.288</v>
      </c>
      <c r="AD207" s="4">
        <f t="shared" si="33"/>
        <v>0</v>
      </c>
      <c r="AE207" s="3">
        <f t="shared" si="31"/>
        <v>0.27200000000000002</v>
      </c>
      <c r="AF207" s="4">
        <f t="shared" si="37"/>
        <v>0</v>
      </c>
      <c r="AG207" s="3">
        <f t="shared" si="34"/>
        <v>6.7040000000000006</v>
      </c>
      <c r="AH207" s="4">
        <f t="shared" si="35"/>
        <v>0</v>
      </c>
      <c r="AI207" s="3">
        <f t="shared" si="32"/>
        <v>0.1</v>
      </c>
      <c r="AJ207" s="14"/>
      <c r="AK207" s="14"/>
      <c r="AP207" s="8"/>
      <c r="AQ207" s="8"/>
      <c r="AR207" s="10"/>
    </row>
    <row r="208" spans="1:44">
      <c r="A208" s="3" t="s">
        <v>52</v>
      </c>
      <c r="B208" s="2">
        <v>0.52599537037037036</v>
      </c>
      <c r="C208" s="3">
        <v>121.82</v>
      </c>
      <c r="D208" s="3">
        <v>405.75</v>
      </c>
      <c r="E208" s="3">
        <v>444.04</v>
      </c>
      <c r="F208" s="3">
        <v>599.39</v>
      </c>
      <c r="G208" s="3">
        <v>296.94</v>
      </c>
      <c r="H208" s="3">
        <v>608.91999999999996</v>
      </c>
      <c r="I208" s="3">
        <v>225.2</v>
      </c>
      <c r="J208" s="3">
        <v>346.21</v>
      </c>
      <c r="K208" s="3">
        <v>372.25</v>
      </c>
      <c r="L208" s="3">
        <v>438.52</v>
      </c>
      <c r="M208" s="3">
        <v>579.55999999999995</v>
      </c>
      <c r="N208" s="3">
        <v>613.82000000000005</v>
      </c>
      <c r="O208" s="3">
        <v>777.02</v>
      </c>
      <c r="P208" s="3">
        <v>800.23</v>
      </c>
      <c r="Q208" s="3">
        <v>2286.61</v>
      </c>
      <c r="R208" s="3">
        <v>2286.61</v>
      </c>
      <c r="S208" s="3">
        <v>7.11</v>
      </c>
      <c r="T208" s="3">
        <v>0.17</v>
      </c>
      <c r="U208" s="3">
        <v>4.12</v>
      </c>
      <c r="V208" s="3">
        <v>0.1</v>
      </c>
      <c r="W208" s="3">
        <v>-0.08</v>
      </c>
      <c r="X208" s="3">
        <v>-0.16</v>
      </c>
      <c r="Y208" s="3">
        <v>-0.24</v>
      </c>
      <c r="Z208" s="3">
        <v>-0.02</v>
      </c>
      <c r="AA208" s="4">
        <f t="shared" si="36"/>
        <v>0</v>
      </c>
      <c r="AB208" s="4">
        <f t="shared" si="29"/>
        <v>1.6</v>
      </c>
      <c r="AC208" s="3">
        <f t="shared" si="30"/>
        <v>11.376000000000001</v>
      </c>
      <c r="AD208" s="4">
        <f t="shared" si="33"/>
        <v>0</v>
      </c>
      <c r="AE208" s="3">
        <f t="shared" si="31"/>
        <v>0.27200000000000002</v>
      </c>
      <c r="AF208" s="4">
        <f t="shared" si="37"/>
        <v>0</v>
      </c>
      <c r="AG208" s="3">
        <f t="shared" si="34"/>
        <v>6.5920000000000005</v>
      </c>
      <c r="AH208" s="4">
        <f t="shared" si="35"/>
        <v>0</v>
      </c>
      <c r="AI208" s="3">
        <f t="shared" si="32"/>
        <v>0.1</v>
      </c>
      <c r="AJ208" s="14"/>
      <c r="AK208" s="14"/>
      <c r="AP208" s="8"/>
      <c r="AQ208" s="8"/>
      <c r="AR208" s="10"/>
    </row>
    <row r="209" spans="1:44">
      <c r="A209" s="3" t="s">
        <v>52</v>
      </c>
      <c r="B209" s="2">
        <v>0.52668981481481481</v>
      </c>
      <c r="C209" s="3">
        <v>120.27</v>
      </c>
      <c r="D209" s="3">
        <v>397.61</v>
      </c>
      <c r="E209" s="3">
        <v>444.15</v>
      </c>
      <c r="F209" s="3">
        <v>598.42999999999995</v>
      </c>
      <c r="G209" s="3">
        <v>297.8</v>
      </c>
      <c r="H209" s="3">
        <v>609.98</v>
      </c>
      <c r="I209" s="3">
        <v>221.29</v>
      </c>
      <c r="J209" s="3">
        <v>341.54</v>
      </c>
      <c r="K209" s="3">
        <v>368.55</v>
      </c>
      <c r="L209" s="3">
        <v>433.7</v>
      </c>
      <c r="M209" s="3">
        <v>578.41</v>
      </c>
      <c r="N209" s="3">
        <v>607.23</v>
      </c>
      <c r="O209" s="3">
        <v>782.83</v>
      </c>
      <c r="P209" s="3">
        <v>804.51</v>
      </c>
      <c r="Q209" s="3">
        <v>2286.62</v>
      </c>
      <c r="R209" s="3">
        <v>2286.62</v>
      </c>
      <c r="S209" s="3">
        <v>7.74</v>
      </c>
      <c r="T209" s="3">
        <v>0.16</v>
      </c>
      <c r="U209" s="3">
        <v>4.09</v>
      </c>
      <c r="V209" s="3">
        <v>0.11</v>
      </c>
      <c r="W209" s="3">
        <v>-0.09</v>
      </c>
      <c r="X209" s="3">
        <v>-0.17</v>
      </c>
      <c r="Y209" s="3">
        <v>-0.25</v>
      </c>
      <c r="Z209" s="3">
        <v>0</v>
      </c>
      <c r="AA209" s="4">
        <f t="shared" si="36"/>
        <v>0</v>
      </c>
      <c r="AB209" s="4">
        <f t="shared" si="29"/>
        <v>1.6</v>
      </c>
      <c r="AC209" s="3">
        <f t="shared" si="30"/>
        <v>12.384</v>
      </c>
      <c r="AD209" s="4">
        <f t="shared" si="33"/>
        <v>0</v>
      </c>
      <c r="AE209" s="3">
        <f t="shared" si="31"/>
        <v>0.25600000000000001</v>
      </c>
      <c r="AF209" s="4">
        <f t="shared" si="37"/>
        <v>0</v>
      </c>
      <c r="AG209" s="3">
        <f t="shared" si="34"/>
        <v>6.5440000000000005</v>
      </c>
      <c r="AH209" s="4">
        <f t="shared" si="35"/>
        <v>0</v>
      </c>
      <c r="AI209" s="3">
        <f t="shared" si="32"/>
        <v>0.11</v>
      </c>
      <c r="AJ209" s="14"/>
      <c r="AK209" s="14"/>
      <c r="AP209" s="8"/>
      <c r="AQ209" s="8"/>
      <c r="AR209" s="10"/>
    </row>
    <row r="210" spans="1:44">
      <c r="A210" s="3" t="s">
        <v>52</v>
      </c>
      <c r="B210" s="2">
        <v>0.52738425925925925</v>
      </c>
      <c r="C210" s="3">
        <v>119.15</v>
      </c>
      <c r="D210" s="3">
        <v>395.83</v>
      </c>
      <c r="E210" s="3">
        <v>444.01</v>
      </c>
      <c r="F210" s="3">
        <v>598.92999999999995</v>
      </c>
      <c r="G210" s="3">
        <v>295.11</v>
      </c>
      <c r="H210" s="3">
        <v>599.27</v>
      </c>
      <c r="I210" s="3">
        <v>217.45</v>
      </c>
      <c r="J210" s="3">
        <v>337.05</v>
      </c>
      <c r="K210" s="3">
        <v>364.98</v>
      </c>
      <c r="L210" s="3">
        <v>429.03</v>
      </c>
      <c r="M210" s="3">
        <v>577.33000000000004</v>
      </c>
      <c r="N210" s="3">
        <v>600.89</v>
      </c>
      <c r="O210" s="3">
        <v>788.05</v>
      </c>
      <c r="P210" s="3">
        <v>808.11</v>
      </c>
      <c r="Q210" s="3">
        <v>2286.64</v>
      </c>
      <c r="R210" s="3">
        <v>2286.64</v>
      </c>
      <c r="S210" s="3">
        <v>8.27</v>
      </c>
      <c r="T210" s="3">
        <v>0.14000000000000001</v>
      </c>
      <c r="U210" s="3">
        <v>4.0199999999999996</v>
      </c>
      <c r="V210" s="3">
        <v>0.09</v>
      </c>
      <c r="W210" s="3">
        <v>-0.11</v>
      </c>
      <c r="X210" s="3">
        <v>-0.18</v>
      </c>
      <c r="Y210" s="3">
        <v>-0.26</v>
      </c>
      <c r="Z210" s="3">
        <v>-0.01</v>
      </c>
      <c r="AA210" s="4">
        <f t="shared" si="36"/>
        <v>0</v>
      </c>
      <c r="AB210" s="4">
        <f t="shared" si="29"/>
        <v>1.6</v>
      </c>
      <c r="AC210" s="3">
        <f t="shared" si="30"/>
        <v>13.231999999999999</v>
      </c>
      <c r="AD210" s="4">
        <f t="shared" si="33"/>
        <v>0</v>
      </c>
      <c r="AE210" s="3">
        <f t="shared" si="31"/>
        <v>0.22400000000000003</v>
      </c>
      <c r="AF210" s="4">
        <f t="shared" si="37"/>
        <v>0</v>
      </c>
      <c r="AG210" s="3">
        <f t="shared" si="34"/>
        <v>6.4319999999999995</v>
      </c>
      <c r="AH210" s="4">
        <f t="shared" si="35"/>
        <v>0</v>
      </c>
      <c r="AI210" s="3">
        <f t="shared" si="32"/>
        <v>0.09</v>
      </c>
      <c r="AJ210" s="14"/>
      <c r="AK210" s="14"/>
      <c r="AP210" s="8"/>
      <c r="AQ210" s="8"/>
      <c r="AR210" s="10"/>
    </row>
    <row r="211" spans="1:44">
      <c r="A211" s="3" t="s">
        <v>52</v>
      </c>
      <c r="B211" s="2">
        <v>0.52807870370370369</v>
      </c>
      <c r="C211" s="3">
        <v>120.2</v>
      </c>
      <c r="D211" s="3">
        <v>405.51</v>
      </c>
      <c r="E211" s="3">
        <v>443.63</v>
      </c>
      <c r="F211" s="3">
        <v>599.04</v>
      </c>
      <c r="G211" s="3">
        <v>292.54000000000002</v>
      </c>
      <c r="H211" s="3">
        <v>591.79999999999995</v>
      </c>
      <c r="I211" s="3">
        <v>213.6</v>
      </c>
      <c r="J211" s="3">
        <v>332.73</v>
      </c>
      <c r="K211" s="3">
        <v>361.42</v>
      </c>
      <c r="L211" s="3">
        <v>424.46</v>
      </c>
      <c r="M211" s="3">
        <v>576.37</v>
      </c>
      <c r="N211" s="3">
        <v>594.70000000000005</v>
      </c>
      <c r="O211" s="3">
        <v>790.77</v>
      </c>
      <c r="P211" s="3">
        <v>804.96</v>
      </c>
      <c r="Q211" s="3">
        <v>2286.66</v>
      </c>
      <c r="R211" s="3">
        <v>2286.66</v>
      </c>
      <c r="S211" s="3">
        <v>8.91</v>
      </c>
      <c r="T211" s="3">
        <v>0.11</v>
      </c>
      <c r="U211" s="3">
        <v>3.94</v>
      </c>
      <c r="V211" s="3">
        <v>7.0000000000000007E-2</v>
      </c>
      <c r="W211" s="3">
        <v>-0.09</v>
      </c>
      <c r="X211" s="3">
        <v>-0.17</v>
      </c>
      <c r="Y211" s="3">
        <v>-0.26</v>
      </c>
      <c r="Z211" s="3">
        <v>-0.01</v>
      </c>
      <c r="AA211" s="4">
        <f t="shared" si="36"/>
        <v>0</v>
      </c>
      <c r="AB211" s="4">
        <f t="shared" si="29"/>
        <v>1.6</v>
      </c>
      <c r="AC211" s="3">
        <f t="shared" si="30"/>
        <v>14.256</v>
      </c>
      <c r="AD211" s="4">
        <f t="shared" si="33"/>
        <v>0</v>
      </c>
      <c r="AE211" s="3">
        <f t="shared" si="31"/>
        <v>0.17600000000000002</v>
      </c>
      <c r="AF211" s="4">
        <f t="shared" si="37"/>
        <v>0</v>
      </c>
      <c r="AG211" s="3">
        <f t="shared" si="34"/>
        <v>6.3040000000000003</v>
      </c>
      <c r="AH211" s="4">
        <f t="shared" si="35"/>
        <v>0</v>
      </c>
      <c r="AI211" s="3">
        <f t="shared" si="32"/>
        <v>7.0000000000000007E-2</v>
      </c>
      <c r="AJ211" s="14"/>
      <c r="AK211" s="14"/>
      <c r="AP211" s="8"/>
      <c r="AQ211" s="8"/>
      <c r="AR211" s="10"/>
    </row>
    <row r="212" spans="1:44">
      <c r="A212" s="3" t="s">
        <v>52</v>
      </c>
      <c r="B212" s="2">
        <v>0.52877314814814813</v>
      </c>
      <c r="C212" s="3">
        <v>121.82</v>
      </c>
      <c r="D212" s="3">
        <v>410.58</v>
      </c>
      <c r="E212" s="3">
        <v>443.54</v>
      </c>
      <c r="F212" s="3">
        <v>598.58000000000004</v>
      </c>
      <c r="G212" s="3">
        <v>294.24</v>
      </c>
      <c r="H212" s="3">
        <v>601.36</v>
      </c>
      <c r="I212" s="3">
        <v>209.82</v>
      </c>
      <c r="J212" s="3">
        <v>328.54</v>
      </c>
      <c r="K212" s="3">
        <v>357.87</v>
      </c>
      <c r="L212" s="3">
        <v>420.01</v>
      </c>
      <c r="M212" s="3">
        <v>575.57000000000005</v>
      </c>
      <c r="N212" s="3">
        <v>588.61</v>
      </c>
      <c r="O212" s="3">
        <v>726.49</v>
      </c>
      <c r="P212" s="3">
        <v>800.17</v>
      </c>
      <c r="Q212" s="3">
        <v>2286.66</v>
      </c>
      <c r="R212" s="3">
        <v>2286.66</v>
      </c>
      <c r="S212" s="3">
        <v>8.3000000000000007</v>
      </c>
      <c r="T212" s="3">
        <v>0.16</v>
      </c>
      <c r="U212" s="3">
        <v>4.2699999999999996</v>
      </c>
      <c r="V212" s="3">
        <v>0.17</v>
      </c>
      <c r="W212" s="3">
        <v>-0.11</v>
      </c>
      <c r="X212" s="3">
        <v>-0.17</v>
      </c>
      <c r="Y212" s="3">
        <v>-0.27</v>
      </c>
      <c r="Z212" s="3">
        <v>-0.01</v>
      </c>
      <c r="AA212" s="4">
        <f t="shared" si="36"/>
        <v>0</v>
      </c>
      <c r="AB212" s="4">
        <f t="shared" si="29"/>
        <v>1.6</v>
      </c>
      <c r="AC212" s="3">
        <f t="shared" si="30"/>
        <v>13.280000000000001</v>
      </c>
      <c r="AD212" s="4">
        <f t="shared" si="33"/>
        <v>0</v>
      </c>
      <c r="AE212" s="3">
        <f t="shared" si="31"/>
        <v>0.25600000000000001</v>
      </c>
      <c r="AF212" s="4">
        <f t="shared" si="37"/>
        <v>0</v>
      </c>
      <c r="AG212" s="3">
        <f t="shared" si="34"/>
        <v>6.8319999999999999</v>
      </c>
      <c r="AH212" s="4">
        <f t="shared" si="35"/>
        <v>0</v>
      </c>
      <c r="AI212" s="3">
        <f t="shared" si="32"/>
        <v>0.17</v>
      </c>
      <c r="AJ212" s="14"/>
      <c r="AK212" s="14"/>
      <c r="AP212" s="8"/>
      <c r="AQ212" s="8"/>
      <c r="AR212" s="10"/>
    </row>
    <row r="213" spans="1:44">
      <c r="A213" s="3" t="s">
        <v>52</v>
      </c>
      <c r="B213" s="2">
        <v>0.52946759259259257</v>
      </c>
      <c r="C213" s="3">
        <v>121.78</v>
      </c>
      <c r="D213" s="3">
        <v>405.78</v>
      </c>
      <c r="E213" s="3">
        <v>443.87</v>
      </c>
      <c r="F213" s="3">
        <v>599.37</v>
      </c>
      <c r="G213" s="3">
        <v>297.16000000000003</v>
      </c>
      <c r="H213" s="3">
        <v>611.77</v>
      </c>
      <c r="I213" s="3">
        <v>206.17</v>
      </c>
      <c r="J213" s="3">
        <v>324.51</v>
      </c>
      <c r="K213" s="3">
        <v>354.3</v>
      </c>
      <c r="L213" s="3">
        <v>415.67</v>
      </c>
      <c r="M213" s="3">
        <v>572.34</v>
      </c>
      <c r="N213" s="3">
        <v>582.76</v>
      </c>
      <c r="O213" s="3">
        <v>700.19</v>
      </c>
      <c r="P213" s="3">
        <v>803.49</v>
      </c>
      <c r="Q213" s="3">
        <v>2286.66</v>
      </c>
      <c r="R213" s="3">
        <v>2286.66</v>
      </c>
      <c r="S213" s="3">
        <v>2.88</v>
      </c>
      <c r="T213" s="3">
        <v>0.19</v>
      </c>
      <c r="U213" s="3">
        <v>7.62</v>
      </c>
      <c r="V213" s="3">
        <v>1.28</v>
      </c>
      <c r="W213" s="3">
        <v>-0.18</v>
      </c>
      <c r="X213" s="3">
        <v>-0.16</v>
      </c>
      <c r="Y213" s="3">
        <v>-0.28000000000000003</v>
      </c>
      <c r="Z213" s="3">
        <v>-0.02</v>
      </c>
      <c r="AA213" s="4">
        <f t="shared" si="36"/>
        <v>0</v>
      </c>
      <c r="AB213" s="4">
        <f t="shared" si="29"/>
        <v>1.6</v>
      </c>
      <c r="AC213" s="3">
        <f t="shared" si="30"/>
        <v>4.6079999999999997</v>
      </c>
      <c r="AD213" s="4">
        <f t="shared" si="33"/>
        <v>0</v>
      </c>
      <c r="AE213" s="3">
        <f t="shared" si="31"/>
        <v>0.30400000000000005</v>
      </c>
      <c r="AF213" s="4">
        <f t="shared" si="37"/>
        <v>0</v>
      </c>
      <c r="AG213" s="3">
        <f t="shared" si="34"/>
        <v>12.192</v>
      </c>
      <c r="AH213" s="4">
        <f t="shared" si="35"/>
        <v>0</v>
      </c>
      <c r="AI213" s="3">
        <f t="shared" si="32"/>
        <v>1.28</v>
      </c>
      <c r="AJ213" s="14"/>
      <c r="AK213" s="14"/>
      <c r="AP213" s="8"/>
      <c r="AQ213" s="8"/>
      <c r="AR213" s="10"/>
    </row>
    <row r="214" spans="1:44">
      <c r="A214" s="3" t="s">
        <v>52</v>
      </c>
      <c r="B214" s="2">
        <v>0.53016203703703701</v>
      </c>
      <c r="C214" s="3">
        <v>120.03</v>
      </c>
      <c r="D214" s="3">
        <v>397.72</v>
      </c>
      <c r="E214" s="3">
        <v>444.1</v>
      </c>
      <c r="F214" s="3">
        <v>598.42999999999995</v>
      </c>
      <c r="G214" s="3">
        <v>296.42</v>
      </c>
      <c r="H214" s="3">
        <v>606.29999999999995</v>
      </c>
      <c r="I214" s="3">
        <v>202.55</v>
      </c>
      <c r="J214" s="3">
        <v>320.62</v>
      </c>
      <c r="K214" s="3">
        <v>350.76</v>
      </c>
      <c r="L214" s="3">
        <v>411.42</v>
      </c>
      <c r="M214" s="3">
        <v>568.91999999999996</v>
      </c>
      <c r="N214" s="3">
        <v>577.13</v>
      </c>
      <c r="O214" s="3">
        <v>707.64</v>
      </c>
      <c r="P214" s="3">
        <v>805.06</v>
      </c>
      <c r="Q214" s="3">
        <v>2286.64</v>
      </c>
      <c r="R214" s="3">
        <v>2286.64</v>
      </c>
      <c r="S214" s="3">
        <v>0.67</v>
      </c>
      <c r="T214" s="3">
        <v>0.14000000000000001</v>
      </c>
      <c r="U214" s="3">
        <v>10.46</v>
      </c>
      <c r="V214" s="3">
        <v>2.41</v>
      </c>
      <c r="W214" s="3">
        <v>-0.25</v>
      </c>
      <c r="X214" s="3">
        <v>-0.17</v>
      </c>
      <c r="Y214" s="3">
        <v>-0.28000000000000003</v>
      </c>
      <c r="Z214" s="3">
        <v>-0.02</v>
      </c>
      <c r="AA214" s="4">
        <f t="shared" si="36"/>
        <v>0</v>
      </c>
      <c r="AB214" s="4">
        <f t="shared" si="29"/>
        <v>1.6</v>
      </c>
      <c r="AC214" s="3">
        <f t="shared" si="30"/>
        <v>1.0720000000000001</v>
      </c>
      <c r="AD214" s="4">
        <f t="shared" si="33"/>
        <v>0</v>
      </c>
      <c r="AE214" s="3">
        <f t="shared" si="31"/>
        <v>0.22400000000000003</v>
      </c>
      <c r="AF214" s="4">
        <f t="shared" si="37"/>
        <v>0</v>
      </c>
      <c r="AG214" s="3">
        <f t="shared" si="34"/>
        <v>16.736000000000001</v>
      </c>
      <c r="AH214" s="4">
        <f t="shared" si="35"/>
        <v>0</v>
      </c>
      <c r="AI214" s="3">
        <f t="shared" si="32"/>
        <v>2.41</v>
      </c>
      <c r="AJ214" s="14"/>
      <c r="AK214" s="14"/>
      <c r="AP214" s="8"/>
      <c r="AQ214" s="8"/>
      <c r="AR214" s="10"/>
    </row>
    <row r="215" spans="1:44">
      <c r="A215" s="3" t="s">
        <v>52</v>
      </c>
      <c r="B215" s="2">
        <v>0.53085648148148146</v>
      </c>
      <c r="C215" s="3">
        <v>118.76</v>
      </c>
      <c r="D215" s="3">
        <v>395.82</v>
      </c>
      <c r="E215" s="3">
        <v>443.9</v>
      </c>
      <c r="F215" s="3">
        <v>599.14</v>
      </c>
      <c r="G215" s="3">
        <v>292.93</v>
      </c>
      <c r="H215" s="3">
        <v>594.54</v>
      </c>
      <c r="I215" s="3">
        <v>198.89</v>
      </c>
      <c r="J215" s="3">
        <v>316.83999999999997</v>
      </c>
      <c r="K215" s="3">
        <v>347.23</v>
      </c>
      <c r="L215" s="3">
        <v>407.26</v>
      </c>
      <c r="M215" s="3">
        <v>566.34</v>
      </c>
      <c r="N215" s="3">
        <v>571.62</v>
      </c>
      <c r="O215" s="3">
        <v>707.9</v>
      </c>
      <c r="P215" s="3">
        <v>799.48</v>
      </c>
      <c r="Q215" s="3">
        <v>2286.61</v>
      </c>
      <c r="R215" s="3">
        <v>2286.61</v>
      </c>
      <c r="S215" s="3">
        <v>0.36</v>
      </c>
      <c r="T215" s="3">
        <v>-0.02</v>
      </c>
      <c r="U215" s="3">
        <v>12.21</v>
      </c>
      <c r="V215" s="3">
        <v>1.02</v>
      </c>
      <c r="W215" s="3">
        <v>-0.28999999999999998</v>
      </c>
      <c r="X215" s="3">
        <v>-0.19</v>
      </c>
      <c r="Y215" s="3">
        <v>-0.27</v>
      </c>
      <c r="Z215" s="3">
        <v>-0.01</v>
      </c>
      <c r="AA215" s="4">
        <f t="shared" si="36"/>
        <v>0</v>
      </c>
      <c r="AB215" s="4">
        <f t="shared" si="29"/>
        <v>1.6</v>
      </c>
      <c r="AC215" s="3">
        <f t="shared" si="30"/>
        <v>0.57599999999999996</v>
      </c>
      <c r="AD215" s="4">
        <f t="shared" si="33"/>
        <v>0</v>
      </c>
      <c r="AE215" s="3">
        <f t="shared" si="31"/>
        <v>-3.2000000000000001E-2</v>
      </c>
      <c r="AF215" s="4">
        <f t="shared" si="37"/>
        <v>0</v>
      </c>
      <c r="AG215" s="3">
        <f t="shared" si="34"/>
        <v>19.536000000000001</v>
      </c>
      <c r="AH215" s="4">
        <f t="shared" si="35"/>
        <v>0</v>
      </c>
      <c r="AI215" s="3">
        <f t="shared" si="32"/>
        <v>1.02</v>
      </c>
      <c r="AJ215" s="14"/>
      <c r="AK215" s="14"/>
      <c r="AP215" s="8"/>
      <c r="AQ215" s="8"/>
      <c r="AR215" s="10"/>
    </row>
    <row r="216" spans="1:44">
      <c r="A216" s="3" t="s">
        <v>52</v>
      </c>
      <c r="B216" s="2">
        <v>0.53156250000000005</v>
      </c>
      <c r="C216" s="3">
        <v>120.02</v>
      </c>
      <c r="D216" s="3">
        <v>405.43</v>
      </c>
      <c r="E216" s="3">
        <v>443.64</v>
      </c>
      <c r="F216" s="3">
        <v>598.80999999999995</v>
      </c>
      <c r="G216" s="3">
        <v>291.83</v>
      </c>
      <c r="H216" s="3">
        <v>594.1</v>
      </c>
      <c r="I216" s="3">
        <v>195.45</v>
      </c>
      <c r="J216" s="3">
        <v>313.13</v>
      </c>
      <c r="K216" s="3">
        <v>343.8</v>
      </c>
      <c r="L216" s="3">
        <v>403.18</v>
      </c>
      <c r="M216" s="3">
        <v>563.86</v>
      </c>
      <c r="N216" s="3">
        <v>566.25</v>
      </c>
      <c r="O216" s="3">
        <v>705.15</v>
      </c>
      <c r="P216" s="3">
        <v>804.72</v>
      </c>
      <c r="Q216" s="3">
        <v>2286.56</v>
      </c>
      <c r="R216" s="3">
        <v>2286.56</v>
      </c>
      <c r="S216" s="3">
        <v>0.26</v>
      </c>
      <c r="T216" s="3">
        <v>-7.0000000000000007E-2</v>
      </c>
      <c r="U216" s="3">
        <v>12.55</v>
      </c>
      <c r="V216" s="3">
        <v>0.84</v>
      </c>
      <c r="W216" s="3">
        <v>-0.26</v>
      </c>
      <c r="X216" s="3">
        <v>-0.2</v>
      </c>
      <c r="Y216" s="3">
        <v>-0.24</v>
      </c>
      <c r="Z216" s="3">
        <v>-0.01</v>
      </c>
      <c r="AA216" s="4">
        <f t="shared" si="36"/>
        <v>0</v>
      </c>
      <c r="AB216" s="4">
        <f t="shared" si="29"/>
        <v>1.6</v>
      </c>
      <c r="AC216" s="3">
        <f t="shared" si="30"/>
        <v>0.41600000000000004</v>
      </c>
      <c r="AD216" s="4">
        <f t="shared" si="33"/>
        <v>0</v>
      </c>
      <c r="AE216" s="3">
        <f t="shared" si="31"/>
        <v>-0.11200000000000002</v>
      </c>
      <c r="AF216" s="4">
        <f t="shared" si="37"/>
        <v>0</v>
      </c>
      <c r="AG216" s="3">
        <f t="shared" si="34"/>
        <v>20.080000000000002</v>
      </c>
      <c r="AH216" s="4">
        <f t="shared" si="35"/>
        <v>0</v>
      </c>
      <c r="AI216" s="3">
        <f t="shared" si="32"/>
        <v>0.84</v>
      </c>
      <c r="AJ216" s="14"/>
      <c r="AK216" s="14"/>
      <c r="AP216" s="8"/>
      <c r="AQ216" s="8"/>
      <c r="AR216" s="10"/>
    </row>
    <row r="217" spans="1:44">
      <c r="A217" s="3" t="s">
        <v>52</v>
      </c>
      <c r="B217" s="2">
        <v>0.53225694444444438</v>
      </c>
      <c r="C217" s="3">
        <v>121.84</v>
      </c>
      <c r="D217" s="3">
        <v>410.7</v>
      </c>
      <c r="E217" s="3">
        <v>443.77</v>
      </c>
      <c r="F217" s="3">
        <v>598.6</v>
      </c>
      <c r="G217" s="3">
        <v>294.91000000000003</v>
      </c>
      <c r="H217" s="3">
        <v>607.35</v>
      </c>
      <c r="I217" s="3">
        <v>192.11</v>
      </c>
      <c r="J217" s="3">
        <v>309.5</v>
      </c>
      <c r="K217" s="3">
        <v>340.35</v>
      </c>
      <c r="L217" s="3">
        <v>399.2</v>
      </c>
      <c r="M217" s="3">
        <v>561.44000000000005</v>
      </c>
      <c r="N217" s="3">
        <v>560.99</v>
      </c>
      <c r="O217" s="3">
        <v>699.41</v>
      </c>
      <c r="P217" s="3">
        <v>804.82</v>
      </c>
      <c r="Q217" s="3">
        <v>2286.5</v>
      </c>
      <c r="R217" s="3">
        <v>2286.5</v>
      </c>
      <c r="S217" s="3">
        <v>0.09</v>
      </c>
      <c r="T217" s="3">
        <v>-0.27</v>
      </c>
      <c r="U217" s="3">
        <v>13.77</v>
      </c>
      <c r="V217" s="3">
        <v>0.13</v>
      </c>
      <c r="W217" s="3">
        <v>-0.26</v>
      </c>
      <c r="X217" s="3">
        <v>-0.27</v>
      </c>
      <c r="Y217" s="3">
        <v>-0.22</v>
      </c>
      <c r="Z217" s="3">
        <v>0.03</v>
      </c>
      <c r="AA217" s="4">
        <f t="shared" si="36"/>
        <v>0</v>
      </c>
      <c r="AB217" s="4">
        <f t="shared" si="29"/>
        <v>1.6</v>
      </c>
      <c r="AC217" s="3">
        <f t="shared" si="30"/>
        <v>0.14399999999999999</v>
      </c>
      <c r="AD217" s="4">
        <f t="shared" si="33"/>
        <v>0</v>
      </c>
      <c r="AE217" s="3">
        <f t="shared" si="31"/>
        <v>-0.43200000000000005</v>
      </c>
      <c r="AF217" s="4">
        <f t="shared" si="37"/>
        <v>0</v>
      </c>
      <c r="AG217" s="3">
        <f t="shared" si="34"/>
        <v>22.032</v>
      </c>
      <c r="AH217" s="4">
        <f t="shared" si="35"/>
        <v>0</v>
      </c>
      <c r="AI217" s="3">
        <f t="shared" si="32"/>
        <v>0.13</v>
      </c>
      <c r="AJ217" s="14"/>
      <c r="AK217" s="14"/>
      <c r="AP217" s="8"/>
      <c r="AQ217" s="8"/>
      <c r="AR217" s="10"/>
    </row>
    <row r="218" spans="1:44">
      <c r="A218" s="3" t="s">
        <v>52</v>
      </c>
      <c r="B218" s="2">
        <v>0.53295138888888893</v>
      </c>
      <c r="C218" s="3">
        <v>121.58</v>
      </c>
      <c r="D218" s="3">
        <v>406.02</v>
      </c>
      <c r="E218" s="3">
        <v>444.1</v>
      </c>
      <c r="F218" s="3">
        <v>599.39</v>
      </c>
      <c r="G218" s="3">
        <v>296.64</v>
      </c>
      <c r="H218" s="3">
        <v>611.14</v>
      </c>
      <c r="I218" s="3">
        <v>188.83</v>
      </c>
      <c r="J218" s="3">
        <v>305.97000000000003</v>
      </c>
      <c r="K218" s="3">
        <v>337.04</v>
      </c>
      <c r="L218" s="3">
        <v>395.31</v>
      </c>
      <c r="M218" s="3">
        <v>559.01</v>
      </c>
      <c r="N218" s="3">
        <v>555.79</v>
      </c>
      <c r="O218" s="3">
        <v>694.61</v>
      </c>
      <c r="P218" s="3">
        <v>799.14</v>
      </c>
      <c r="Q218" s="3">
        <v>2286.4299999999998</v>
      </c>
      <c r="R218" s="3">
        <v>2286.4299999999998</v>
      </c>
      <c r="S218" s="3">
        <v>-0.01</v>
      </c>
      <c r="T218" s="3">
        <v>-0.36</v>
      </c>
      <c r="U218" s="3">
        <v>13.88</v>
      </c>
      <c r="V218" s="3">
        <v>-0.04</v>
      </c>
      <c r="W218" s="3">
        <v>-0.22</v>
      </c>
      <c r="X218" s="3">
        <v>-0.27</v>
      </c>
      <c r="Y218" s="3">
        <v>-0.2</v>
      </c>
      <c r="Z218" s="3">
        <v>0.04</v>
      </c>
      <c r="AA218" s="4">
        <f t="shared" si="36"/>
        <v>0</v>
      </c>
      <c r="AB218" s="4">
        <f t="shared" si="29"/>
        <v>1.6</v>
      </c>
      <c r="AC218" s="3">
        <f t="shared" si="30"/>
        <v>-1.6E-2</v>
      </c>
      <c r="AD218" s="4">
        <f t="shared" si="33"/>
        <v>0</v>
      </c>
      <c r="AE218" s="3">
        <f t="shared" si="31"/>
        <v>-0.57599999999999996</v>
      </c>
      <c r="AF218" s="4">
        <f t="shared" si="37"/>
        <v>0</v>
      </c>
      <c r="AG218" s="3">
        <f t="shared" si="34"/>
        <v>22.208000000000002</v>
      </c>
      <c r="AH218" s="4">
        <f t="shared" si="35"/>
        <v>0</v>
      </c>
      <c r="AI218" s="3">
        <f t="shared" si="32"/>
        <v>-0.04</v>
      </c>
      <c r="AJ218" s="14"/>
      <c r="AK218" s="14"/>
      <c r="AP218" s="8"/>
      <c r="AQ218" s="8"/>
      <c r="AR218" s="10"/>
    </row>
    <row r="219" spans="1:44">
      <c r="A219" s="3" t="s">
        <v>52</v>
      </c>
      <c r="B219" s="2">
        <v>0.53364583333333326</v>
      </c>
      <c r="C219" s="3">
        <v>119.69</v>
      </c>
      <c r="D219" s="3">
        <v>397.96</v>
      </c>
      <c r="E219" s="3">
        <v>444.13</v>
      </c>
      <c r="F219" s="3">
        <v>598.53</v>
      </c>
      <c r="G219" s="3">
        <v>294.47000000000003</v>
      </c>
      <c r="H219" s="3">
        <v>601.51</v>
      </c>
      <c r="I219" s="3">
        <v>186</v>
      </c>
      <c r="J219" s="3">
        <v>304.14999999999998</v>
      </c>
      <c r="K219" s="3">
        <v>334.12</v>
      </c>
      <c r="L219" s="3">
        <v>393.85</v>
      </c>
      <c r="M219" s="3">
        <v>557.47</v>
      </c>
      <c r="N219" s="3">
        <v>555.55999999999995</v>
      </c>
      <c r="O219" s="3">
        <v>690.4</v>
      </c>
      <c r="P219" s="3">
        <v>808.97</v>
      </c>
      <c r="Q219" s="3">
        <v>2286.36</v>
      </c>
      <c r="R219" s="3">
        <v>2286.36</v>
      </c>
      <c r="S219" s="3">
        <v>-0.06</v>
      </c>
      <c r="T219" s="3">
        <v>-0.35</v>
      </c>
      <c r="U219" s="3">
        <v>13.86</v>
      </c>
      <c r="V219" s="3">
        <v>-0.02</v>
      </c>
      <c r="W219" s="3">
        <v>-0.2</v>
      </c>
      <c r="X219" s="3">
        <v>-0.2</v>
      </c>
      <c r="Y219" s="3">
        <v>-0.19</v>
      </c>
      <c r="Z219" s="3">
        <v>-0.01</v>
      </c>
      <c r="AA219" s="4">
        <f t="shared" si="36"/>
        <v>0</v>
      </c>
      <c r="AB219" s="4">
        <f t="shared" si="29"/>
        <v>1.6</v>
      </c>
      <c r="AC219" s="3">
        <f t="shared" si="30"/>
        <v>-9.6000000000000002E-2</v>
      </c>
      <c r="AD219" s="4">
        <f t="shared" si="33"/>
        <v>0</v>
      </c>
      <c r="AE219" s="3">
        <f t="shared" si="31"/>
        <v>-0.55999999999999994</v>
      </c>
      <c r="AF219" s="4">
        <f t="shared" si="37"/>
        <v>0</v>
      </c>
      <c r="AG219" s="3">
        <f t="shared" si="34"/>
        <v>22.176000000000002</v>
      </c>
      <c r="AH219" s="4">
        <f t="shared" si="35"/>
        <v>0</v>
      </c>
      <c r="AI219" s="3">
        <f t="shared" si="32"/>
        <v>-0.02</v>
      </c>
      <c r="AJ219" s="14"/>
      <c r="AK219" s="14"/>
      <c r="AP219" s="8"/>
      <c r="AQ219" s="8"/>
      <c r="AR219" s="10"/>
    </row>
    <row r="220" spans="1:44">
      <c r="A220" s="3" t="s">
        <v>52</v>
      </c>
      <c r="B220" s="2">
        <v>0.53434027777777782</v>
      </c>
      <c r="C220" s="3">
        <v>118.31</v>
      </c>
      <c r="D220" s="3">
        <v>395.72</v>
      </c>
      <c r="E220" s="3">
        <v>443.86</v>
      </c>
      <c r="F220" s="3">
        <v>599.25</v>
      </c>
      <c r="G220" s="3">
        <v>291.06</v>
      </c>
      <c r="H220" s="3">
        <v>591.94000000000005</v>
      </c>
      <c r="I220" s="3">
        <v>184.64</v>
      </c>
      <c r="J220" s="3">
        <v>312.54000000000002</v>
      </c>
      <c r="K220" s="3">
        <v>333.02</v>
      </c>
      <c r="L220" s="3">
        <v>402.11</v>
      </c>
      <c r="M220" s="3">
        <v>558.41</v>
      </c>
      <c r="N220" s="3">
        <v>572.36</v>
      </c>
      <c r="O220" s="3">
        <v>687.49</v>
      </c>
      <c r="P220" s="3">
        <v>831.55</v>
      </c>
      <c r="Q220" s="3">
        <v>2286.29</v>
      </c>
      <c r="R220" s="3">
        <v>2286.29</v>
      </c>
      <c r="S220" s="3">
        <v>-0.09</v>
      </c>
      <c r="T220" s="3">
        <v>-0.34</v>
      </c>
      <c r="U220" s="3">
        <v>13.89</v>
      </c>
      <c r="V220" s="3">
        <v>0</v>
      </c>
      <c r="W220" s="3">
        <v>-0.17</v>
      </c>
      <c r="X220" s="3">
        <v>-0.21</v>
      </c>
      <c r="Y220" s="3">
        <v>-0.17</v>
      </c>
      <c r="Z220" s="3">
        <v>0</v>
      </c>
      <c r="AA220" s="4">
        <f t="shared" si="36"/>
        <v>0</v>
      </c>
      <c r="AB220" s="4">
        <f t="shared" si="29"/>
        <v>1.6</v>
      </c>
      <c r="AC220" s="3">
        <f t="shared" si="30"/>
        <v>-0.14399999999999999</v>
      </c>
      <c r="AD220" s="4">
        <f t="shared" si="33"/>
        <v>0</v>
      </c>
      <c r="AE220" s="3">
        <f t="shared" si="31"/>
        <v>-0.54400000000000004</v>
      </c>
      <c r="AF220" s="4">
        <f t="shared" si="37"/>
        <v>0</v>
      </c>
      <c r="AG220" s="3">
        <f t="shared" si="34"/>
        <v>22.224000000000004</v>
      </c>
      <c r="AH220" s="4">
        <f t="shared" si="35"/>
        <v>0</v>
      </c>
      <c r="AI220" s="3">
        <f t="shared" si="32"/>
        <v>0</v>
      </c>
      <c r="AJ220" s="14"/>
      <c r="AK220" s="14"/>
      <c r="AP220" s="8"/>
      <c r="AQ220" s="8"/>
      <c r="AR220" s="10"/>
    </row>
    <row r="221" spans="1:44">
      <c r="A221" s="3" t="s">
        <v>52</v>
      </c>
      <c r="B221" s="2">
        <v>0.53503472222222226</v>
      </c>
      <c r="C221" s="3">
        <v>120.17</v>
      </c>
      <c r="D221" s="3">
        <v>405.26</v>
      </c>
      <c r="E221" s="3">
        <v>443.81</v>
      </c>
      <c r="F221" s="3">
        <v>598.85</v>
      </c>
      <c r="G221" s="3">
        <v>292.2</v>
      </c>
      <c r="H221" s="3">
        <v>598.91999999999996</v>
      </c>
      <c r="I221" s="3">
        <v>185.28</v>
      </c>
      <c r="J221" s="3">
        <v>329.77</v>
      </c>
      <c r="K221" s="3">
        <v>333.44</v>
      </c>
      <c r="L221" s="3">
        <v>412.26</v>
      </c>
      <c r="M221" s="3">
        <v>561.51</v>
      </c>
      <c r="N221" s="3">
        <v>598.15</v>
      </c>
      <c r="O221" s="3">
        <v>685.84</v>
      </c>
      <c r="P221" s="3">
        <v>854.53</v>
      </c>
      <c r="Q221" s="3">
        <v>2286.21</v>
      </c>
      <c r="R221" s="3">
        <v>2286.21</v>
      </c>
      <c r="S221" s="3">
        <v>-0.12</v>
      </c>
      <c r="T221" s="3">
        <v>-0.33</v>
      </c>
      <c r="U221" s="3">
        <v>13.87</v>
      </c>
      <c r="V221" s="3">
        <v>-0.02</v>
      </c>
      <c r="W221" s="3">
        <v>-0.18</v>
      </c>
      <c r="X221" s="3">
        <v>-0.19</v>
      </c>
      <c r="Y221" s="3">
        <v>-0.16</v>
      </c>
      <c r="Z221" s="3">
        <v>-0.01</v>
      </c>
      <c r="AA221" s="4">
        <f t="shared" si="36"/>
        <v>0</v>
      </c>
      <c r="AB221" s="4">
        <f t="shared" si="29"/>
        <v>1.6</v>
      </c>
      <c r="AC221" s="3">
        <f t="shared" si="30"/>
        <v>-0.192</v>
      </c>
      <c r="AD221" s="4">
        <f t="shared" si="33"/>
        <v>0</v>
      </c>
      <c r="AE221" s="3">
        <f t="shared" si="31"/>
        <v>-0.52800000000000002</v>
      </c>
      <c r="AF221" s="4">
        <f t="shared" si="37"/>
        <v>0</v>
      </c>
      <c r="AG221" s="3">
        <f t="shared" si="34"/>
        <v>22.192</v>
      </c>
      <c r="AH221" s="4">
        <f t="shared" si="35"/>
        <v>0</v>
      </c>
      <c r="AI221" s="3">
        <f t="shared" si="32"/>
        <v>-0.02</v>
      </c>
      <c r="AJ221" s="14"/>
      <c r="AK221" s="14"/>
      <c r="AP221" s="8"/>
      <c r="AQ221" s="8"/>
      <c r="AR221" s="10"/>
    </row>
    <row r="222" spans="1:44">
      <c r="A222" s="3" t="s">
        <v>52</v>
      </c>
      <c r="B222" s="2">
        <v>0.5357291666666667</v>
      </c>
      <c r="C222" s="3">
        <v>122.76</v>
      </c>
      <c r="D222" s="3">
        <v>410.83</v>
      </c>
      <c r="E222" s="3">
        <v>444.7</v>
      </c>
      <c r="F222" s="3">
        <v>598.84</v>
      </c>
      <c r="G222" s="3">
        <v>296.97000000000003</v>
      </c>
      <c r="H222" s="3">
        <v>611.32000000000005</v>
      </c>
      <c r="I222" s="3">
        <v>187.55</v>
      </c>
      <c r="J222" s="3">
        <v>350.19</v>
      </c>
      <c r="K222" s="3">
        <v>333.54</v>
      </c>
      <c r="L222" s="3">
        <v>414.14</v>
      </c>
      <c r="M222" s="3">
        <v>565.21</v>
      </c>
      <c r="N222" s="3">
        <v>620.74</v>
      </c>
      <c r="O222" s="3">
        <v>685.74</v>
      </c>
      <c r="P222" s="3">
        <v>859.38</v>
      </c>
      <c r="Q222" s="3">
        <v>2286.15</v>
      </c>
      <c r="R222" s="3">
        <v>2286.15</v>
      </c>
      <c r="S222" s="3">
        <v>-0.05</v>
      </c>
      <c r="T222" s="3">
        <v>-0.3</v>
      </c>
      <c r="U222" s="3">
        <v>8.1999999999999993</v>
      </c>
      <c r="V222" s="3">
        <v>0.02</v>
      </c>
      <c r="W222" s="3">
        <v>-0.05</v>
      </c>
      <c r="X222" s="3">
        <v>-0.17</v>
      </c>
      <c r="Y222" s="3">
        <v>-0.14000000000000001</v>
      </c>
      <c r="Z222" s="3">
        <v>-0.01</v>
      </c>
      <c r="AA222" s="4">
        <f t="shared" si="36"/>
        <v>0</v>
      </c>
      <c r="AB222" s="4">
        <f t="shared" si="29"/>
        <v>1.6</v>
      </c>
      <c r="AC222" s="3">
        <f t="shared" si="30"/>
        <v>-8.0000000000000016E-2</v>
      </c>
      <c r="AD222" s="4">
        <f t="shared" si="33"/>
        <v>0</v>
      </c>
      <c r="AE222" s="3">
        <f t="shared" si="31"/>
        <v>-0.48</v>
      </c>
      <c r="AF222" s="4">
        <f t="shared" si="37"/>
        <v>0</v>
      </c>
      <c r="AG222" s="3">
        <f t="shared" si="34"/>
        <v>13.12</v>
      </c>
      <c r="AH222" s="4">
        <f t="shared" si="35"/>
        <v>0</v>
      </c>
      <c r="AI222" s="3">
        <f t="shared" si="32"/>
        <v>0.02</v>
      </c>
      <c r="AJ222" s="14"/>
      <c r="AK222" s="14"/>
      <c r="AP222" s="8"/>
      <c r="AQ222" s="8"/>
      <c r="AR222" s="10"/>
    </row>
    <row r="223" spans="1:44">
      <c r="A223" s="3" t="s">
        <v>52</v>
      </c>
      <c r="B223" s="2">
        <v>0.53642361111111114</v>
      </c>
      <c r="C223" s="3">
        <v>122.95</v>
      </c>
      <c r="D223" s="3">
        <v>406.34</v>
      </c>
      <c r="E223" s="3">
        <v>445.46</v>
      </c>
      <c r="F223" s="3">
        <v>599.35</v>
      </c>
      <c r="G223" s="3">
        <v>298.18</v>
      </c>
      <c r="H223" s="3">
        <v>608.41999999999996</v>
      </c>
      <c r="I223" s="3">
        <v>191.86</v>
      </c>
      <c r="J223" s="3">
        <v>371.13</v>
      </c>
      <c r="K223" s="3">
        <v>334.77</v>
      </c>
      <c r="L223" s="3">
        <v>415.7</v>
      </c>
      <c r="M223" s="3">
        <v>570.13</v>
      </c>
      <c r="N223" s="3">
        <v>635.85</v>
      </c>
      <c r="O223" s="3">
        <v>685.97</v>
      </c>
      <c r="P223" s="3">
        <v>850.56</v>
      </c>
      <c r="Q223" s="3">
        <v>2286.09</v>
      </c>
      <c r="R223" s="3">
        <v>2286.09</v>
      </c>
      <c r="S223" s="3">
        <v>0.22</v>
      </c>
      <c r="T223" s="3">
        <v>-0.19</v>
      </c>
      <c r="U223" s="3">
        <v>0.27</v>
      </c>
      <c r="V223" s="3">
        <v>7.0000000000000007E-2</v>
      </c>
      <c r="W223" s="3">
        <v>0.11</v>
      </c>
      <c r="X223" s="3">
        <v>-0.21</v>
      </c>
      <c r="Y223" s="3">
        <v>-0.12</v>
      </c>
      <c r="Z223" s="3">
        <v>0.03</v>
      </c>
      <c r="AA223" s="4">
        <f t="shared" si="36"/>
        <v>0</v>
      </c>
      <c r="AB223" s="4">
        <f t="shared" si="29"/>
        <v>1.6</v>
      </c>
      <c r="AC223" s="3">
        <f t="shared" si="30"/>
        <v>0.35200000000000004</v>
      </c>
      <c r="AD223" s="4">
        <f t="shared" si="33"/>
        <v>0</v>
      </c>
      <c r="AE223" s="3">
        <f t="shared" si="31"/>
        <v>-0.30400000000000005</v>
      </c>
      <c r="AF223" s="4">
        <f t="shared" si="37"/>
        <v>0</v>
      </c>
      <c r="AG223" s="3">
        <f t="shared" si="34"/>
        <v>0.43200000000000005</v>
      </c>
      <c r="AH223" s="4">
        <f t="shared" si="35"/>
        <v>0</v>
      </c>
      <c r="AI223" s="3">
        <f t="shared" si="32"/>
        <v>7.0000000000000007E-2</v>
      </c>
      <c r="AJ223" s="14"/>
      <c r="AK223" s="14"/>
      <c r="AP223" s="8"/>
      <c r="AQ223" s="8"/>
      <c r="AR223" s="10"/>
    </row>
    <row r="224" spans="1:44">
      <c r="A224" s="3" t="s">
        <v>52</v>
      </c>
      <c r="B224" s="2">
        <v>0.53712962962962962</v>
      </c>
      <c r="C224" s="3">
        <v>121.41</v>
      </c>
      <c r="D224" s="3">
        <v>398.34</v>
      </c>
      <c r="E224" s="3">
        <v>445.91</v>
      </c>
      <c r="F224" s="3">
        <v>598.55999999999995</v>
      </c>
      <c r="G224" s="3">
        <v>295.8</v>
      </c>
      <c r="H224" s="3">
        <v>596.86</v>
      </c>
      <c r="I224" s="3">
        <v>197.96</v>
      </c>
      <c r="J224" s="3">
        <v>391.49</v>
      </c>
      <c r="K224" s="3">
        <v>337.87</v>
      </c>
      <c r="L224" s="3">
        <v>425.51</v>
      </c>
      <c r="M224" s="3">
        <v>576.52</v>
      </c>
      <c r="N224" s="3">
        <v>656.95</v>
      </c>
      <c r="O224" s="3">
        <v>685.3</v>
      </c>
      <c r="P224" s="3">
        <v>849.81</v>
      </c>
      <c r="Q224" s="3">
        <v>2286.06</v>
      </c>
      <c r="R224" s="3">
        <v>2286.06</v>
      </c>
      <c r="S224" s="3">
        <v>0.18</v>
      </c>
      <c r="T224" s="3">
        <v>-0.19</v>
      </c>
      <c r="U224" s="3">
        <v>-0.1</v>
      </c>
      <c r="V224" s="3">
        <v>7.0000000000000007E-2</v>
      </c>
      <c r="W224" s="3">
        <v>0.17</v>
      </c>
      <c r="X224" s="3">
        <v>-0.15</v>
      </c>
      <c r="Y224" s="3">
        <v>-0.1</v>
      </c>
      <c r="Z224" s="3">
        <v>-0.01</v>
      </c>
      <c r="AA224" s="4">
        <f t="shared" si="36"/>
        <v>0</v>
      </c>
      <c r="AB224" s="4">
        <f t="shared" si="29"/>
        <v>1.6</v>
      </c>
      <c r="AC224" s="3">
        <f t="shared" si="30"/>
        <v>0.28799999999999998</v>
      </c>
      <c r="AD224" s="4">
        <f t="shared" si="33"/>
        <v>0</v>
      </c>
      <c r="AE224" s="3">
        <f t="shared" si="31"/>
        <v>-0.30400000000000005</v>
      </c>
      <c r="AF224" s="4">
        <f t="shared" si="37"/>
        <v>0</v>
      </c>
      <c r="AG224" s="3">
        <f t="shared" si="34"/>
        <v>-0.16000000000000003</v>
      </c>
      <c r="AH224" s="4">
        <f t="shared" si="35"/>
        <v>0</v>
      </c>
      <c r="AI224" s="3">
        <f t="shared" si="32"/>
        <v>7.0000000000000007E-2</v>
      </c>
      <c r="AJ224" s="14"/>
      <c r="AK224" s="14"/>
      <c r="AP224" s="8"/>
      <c r="AQ224" s="8"/>
      <c r="AR224" s="10"/>
    </row>
    <row r="225" spans="1:44">
      <c r="A225" s="3" t="s">
        <v>52</v>
      </c>
      <c r="B225" s="2">
        <v>0.53782407407407407</v>
      </c>
      <c r="C225" s="3">
        <v>120.38</v>
      </c>
      <c r="D225" s="3">
        <v>395.52</v>
      </c>
      <c r="E225" s="3">
        <v>446.05</v>
      </c>
      <c r="F225" s="3">
        <v>599.38</v>
      </c>
      <c r="G225" s="3">
        <v>294.01</v>
      </c>
      <c r="H225" s="3">
        <v>592.61</v>
      </c>
      <c r="I225" s="3">
        <v>205.55</v>
      </c>
      <c r="J225" s="3">
        <v>409.99</v>
      </c>
      <c r="K225" s="3">
        <v>342.92</v>
      </c>
      <c r="L225" s="3">
        <v>439.24</v>
      </c>
      <c r="M225" s="3">
        <v>584.19000000000005</v>
      </c>
      <c r="N225" s="3">
        <v>680.13</v>
      </c>
      <c r="O225" s="3">
        <v>684.74</v>
      </c>
      <c r="P225" s="3">
        <v>854.39</v>
      </c>
      <c r="Q225" s="3">
        <v>2286.0100000000002</v>
      </c>
      <c r="R225" s="3">
        <v>2286.0100000000002</v>
      </c>
      <c r="S225" s="3">
        <v>0.2</v>
      </c>
      <c r="T225" s="3">
        <v>-0.17</v>
      </c>
      <c r="U225" s="3">
        <v>-0.1</v>
      </c>
      <c r="V225" s="3">
        <v>7.0000000000000007E-2</v>
      </c>
      <c r="W225" s="3">
        <v>0.15</v>
      </c>
      <c r="X225" s="3">
        <v>-0.15</v>
      </c>
      <c r="Y225" s="3">
        <v>-0.09</v>
      </c>
      <c r="Z225" s="3">
        <v>-0.01</v>
      </c>
      <c r="AA225" s="4">
        <f t="shared" si="36"/>
        <v>0</v>
      </c>
      <c r="AB225" s="4">
        <f t="shared" si="29"/>
        <v>1.6</v>
      </c>
      <c r="AC225" s="3">
        <f t="shared" si="30"/>
        <v>0.32000000000000006</v>
      </c>
      <c r="AD225" s="4">
        <f t="shared" si="33"/>
        <v>0</v>
      </c>
      <c r="AE225" s="3">
        <f t="shared" si="31"/>
        <v>-0.27200000000000002</v>
      </c>
      <c r="AF225" s="4">
        <f t="shared" si="37"/>
        <v>0</v>
      </c>
      <c r="AG225" s="3">
        <f t="shared" si="34"/>
        <v>-0.16000000000000003</v>
      </c>
      <c r="AH225" s="4">
        <f t="shared" si="35"/>
        <v>0</v>
      </c>
      <c r="AI225" s="3">
        <f t="shared" si="32"/>
        <v>7.0000000000000007E-2</v>
      </c>
      <c r="AJ225" s="14"/>
      <c r="AK225" s="14"/>
      <c r="AP225" s="8"/>
      <c r="AQ225" s="8"/>
      <c r="AR225" s="10"/>
    </row>
    <row r="226" spans="1:44">
      <c r="A226" s="3" t="s">
        <v>52</v>
      </c>
      <c r="B226" s="2">
        <v>0.53851851851851851</v>
      </c>
      <c r="C226" s="3">
        <v>133.86000000000001</v>
      </c>
      <c r="D226" s="3">
        <v>404.73</v>
      </c>
      <c r="E226" s="3">
        <v>447.12</v>
      </c>
      <c r="F226" s="3">
        <v>599.11</v>
      </c>
      <c r="G226" s="3">
        <v>312.95</v>
      </c>
      <c r="H226" s="3">
        <v>604.61</v>
      </c>
      <c r="I226" s="3">
        <v>211.24</v>
      </c>
      <c r="J226" s="3">
        <v>419.09</v>
      </c>
      <c r="K226" s="3">
        <v>349.79</v>
      </c>
      <c r="L226" s="3">
        <v>453.75</v>
      </c>
      <c r="M226" s="3">
        <v>593.39</v>
      </c>
      <c r="N226" s="3">
        <v>702.91</v>
      </c>
      <c r="O226" s="3">
        <v>684.6</v>
      </c>
      <c r="P226" s="3">
        <v>848.02</v>
      </c>
      <c r="Q226" s="3">
        <v>2285.98</v>
      </c>
      <c r="R226" s="3">
        <v>2285.98</v>
      </c>
      <c r="S226" s="3">
        <v>0.21</v>
      </c>
      <c r="T226" s="3">
        <v>-0.15</v>
      </c>
      <c r="U226" s="3">
        <v>-0.08</v>
      </c>
      <c r="V226" s="3">
        <v>0.06</v>
      </c>
      <c r="W226" s="3">
        <v>0.16</v>
      </c>
      <c r="X226" s="3">
        <v>-0.18</v>
      </c>
      <c r="Y226" s="3">
        <v>-0.08</v>
      </c>
      <c r="Z226" s="3">
        <v>0.01</v>
      </c>
      <c r="AA226" s="4">
        <f t="shared" si="36"/>
        <v>0</v>
      </c>
      <c r="AB226" s="4">
        <f t="shared" si="29"/>
        <v>1.6</v>
      </c>
      <c r="AC226" s="3">
        <f t="shared" si="30"/>
        <v>0.33600000000000002</v>
      </c>
      <c r="AD226" s="4">
        <f t="shared" si="33"/>
        <v>0</v>
      </c>
      <c r="AE226" s="3">
        <f t="shared" si="31"/>
        <v>-0.24</v>
      </c>
      <c r="AF226" s="4">
        <f t="shared" si="37"/>
        <v>0</v>
      </c>
      <c r="AG226" s="3">
        <f t="shared" si="34"/>
        <v>-0.128</v>
      </c>
      <c r="AH226" s="4">
        <f t="shared" si="35"/>
        <v>0</v>
      </c>
      <c r="AI226" s="3">
        <f t="shared" si="32"/>
        <v>0.06</v>
      </c>
      <c r="AJ226" s="14"/>
      <c r="AK226" s="14"/>
      <c r="AP226" s="8"/>
      <c r="AQ226" s="8"/>
      <c r="AR226" s="10"/>
    </row>
    <row r="227" spans="1:44">
      <c r="A227" s="3" t="s">
        <v>52</v>
      </c>
      <c r="B227" s="2">
        <v>0.53921296296296295</v>
      </c>
      <c r="C227" s="3">
        <v>148.88999999999999</v>
      </c>
      <c r="D227" s="3">
        <v>410.94</v>
      </c>
      <c r="E227" s="3">
        <v>451.79</v>
      </c>
      <c r="F227" s="3">
        <v>600.37</v>
      </c>
      <c r="G227" s="3">
        <v>334.04</v>
      </c>
      <c r="H227" s="3">
        <v>612.55999999999995</v>
      </c>
      <c r="I227" s="3">
        <v>216.35</v>
      </c>
      <c r="J227" s="3">
        <v>417.91</v>
      </c>
      <c r="K227" s="3">
        <v>359.92</v>
      </c>
      <c r="L227" s="3">
        <v>468.04</v>
      </c>
      <c r="M227" s="3">
        <v>603.71</v>
      </c>
      <c r="N227" s="3">
        <v>716.97</v>
      </c>
      <c r="O227" s="3">
        <v>685.78</v>
      </c>
      <c r="P227" s="3">
        <v>853.9</v>
      </c>
      <c r="Q227" s="3">
        <v>2285.9299999999998</v>
      </c>
      <c r="R227" s="3">
        <v>2285.9299999999998</v>
      </c>
      <c r="S227" s="3">
        <v>0.25</v>
      </c>
      <c r="T227" s="3">
        <v>-0.15</v>
      </c>
      <c r="U227" s="3">
        <v>-0.09</v>
      </c>
      <c r="V227" s="3">
        <v>0.04</v>
      </c>
      <c r="W227" s="3">
        <v>0.25</v>
      </c>
      <c r="X227" s="3">
        <v>-0.16</v>
      </c>
      <c r="Y227" s="3">
        <v>-0.06</v>
      </c>
      <c r="Z227" s="3">
        <v>0.01</v>
      </c>
      <c r="AA227" s="4">
        <f t="shared" si="36"/>
        <v>0</v>
      </c>
      <c r="AB227" s="4">
        <f t="shared" si="29"/>
        <v>1.6</v>
      </c>
      <c r="AC227" s="3">
        <f t="shared" si="30"/>
        <v>0.4</v>
      </c>
      <c r="AD227" s="4">
        <f t="shared" si="33"/>
        <v>0</v>
      </c>
      <c r="AE227" s="3">
        <f t="shared" si="31"/>
        <v>-0.24</v>
      </c>
      <c r="AF227" s="4">
        <f t="shared" si="37"/>
        <v>0</v>
      </c>
      <c r="AG227" s="3">
        <f t="shared" si="34"/>
        <v>-0.14399999999999999</v>
      </c>
      <c r="AH227" s="4">
        <f t="shared" si="35"/>
        <v>0</v>
      </c>
      <c r="AI227" s="3">
        <f t="shared" si="32"/>
        <v>0.04</v>
      </c>
      <c r="AJ227" s="14"/>
      <c r="AK227" s="14"/>
      <c r="AP227" s="8"/>
      <c r="AQ227" s="8"/>
      <c r="AR227" s="10"/>
    </row>
    <row r="228" spans="1:44">
      <c r="A228" s="3" t="s">
        <v>52</v>
      </c>
      <c r="B228" s="2">
        <v>0.53990740740740739</v>
      </c>
      <c r="C228" s="3">
        <v>159.32</v>
      </c>
      <c r="D228" s="3">
        <v>407.1</v>
      </c>
      <c r="E228" s="3">
        <v>456.42</v>
      </c>
      <c r="F228" s="3">
        <v>600.09</v>
      </c>
      <c r="G228" s="3">
        <v>347.75</v>
      </c>
      <c r="H228" s="3">
        <v>606.19000000000005</v>
      </c>
      <c r="I228" s="3">
        <v>222.89</v>
      </c>
      <c r="J228" s="3">
        <v>412.66</v>
      </c>
      <c r="K228" s="3">
        <v>368.66</v>
      </c>
      <c r="L228" s="3">
        <v>481.93</v>
      </c>
      <c r="M228" s="3">
        <v>609.11</v>
      </c>
      <c r="N228" s="3">
        <v>714.22</v>
      </c>
      <c r="O228" s="3">
        <v>687.31</v>
      </c>
      <c r="P228" s="3">
        <v>850.88</v>
      </c>
      <c r="Q228" s="3">
        <v>2285.89</v>
      </c>
      <c r="R228" s="3">
        <v>2285.89</v>
      </c>
      <c r="S228" s="3">
        <v>0.28000000000000003</v>
      </c>
      <c r="T228" s="3">
        <v>-0.14000000000000001</v>
      </c>
      <c r="U228" s="3">
        <v>-0.09</v>
      </c>
      <c r="V228" s="3">
        <v>7.0000000000000007E-2</v>
      </c>
      <c r="W228" s="3">
        <v>0.26</v>
      </c>
      <c r="X228" s="3">
        <v>-0.14000000000000001</v>
      </c>
      <c r="Y228" s="3">
        <v>-0.05</v>
      </c>
      <c r="Z228" s="3">
        <v>0</v>
      </c>
      <c r="AA228" s="4">
        <f t="shared" si="36"/>
        <v>0</v>
      </c>
      <c r="AB228" s="4">
        <f t="shared" si="29"/>
        <v>1.6</v>
      </c>
      <c r="AC228" s="3">
        <f t="shared" si="30"/>
        <v>0.44800000000000006</v>
      </c>
      <c r="AD228" s="4">
        <f t="shared" si="33"/>
        <v>0</v>
      </c>
      <c r="AE228" s="3">
        <f t="shared" si="31"/>
        <v>-0.22400000000000003</v>
      </c>
      <c r="AF228" s="4">
        <f t="shared" si="37"/>
        <v>0</v>
      </c>
      <c r="AG228" s="3">
        <f t="shared" si="34"/>
        <v>-0.14399999999999999</v>
      </c>
      <c r="AH228" s="4">
        <f t="shared" si="35"/>
        <v>0</v>
      </c>
      <c r="AI228" s="3">
        <f t="shared" si="32"/>
        <v>7.0000000000000007E-2</v>
      </c>
      <c r="AJ228" s="14"/>
      <c r="AK228" s="14"/>
      <c r="AP228" s="8"/>
      <c r="AQ228" s="8"/>
      <c r="AR228" s="10"/>
    </row>
    <row r="229" spans="1:44">
      <c r="A229" s="3" t="s">
        <v>52</v>
      </c>
      <c r="B229" s="2">
        <v>0.54060185185185183</v>
      </c>
      <c r="C229" s="3">
        <v>166.94</v>
      </c>
      <c r="D229" s="3">
        <v>399.63</v>
      </c>
      <c r="E229" s="3">
        <v>460.56</v>
      </c>
      <c r="F229" s="3">
        <v>600.72</v>
      </c>
      <c r="G229" s="3">
        <v>357.35</v>
      </c>
      <c r="H229" s="3">
        <v>595.88</v>
      </c>
      <c r="I229" s="3">
        <v>229.42</v>
      </c>
      <c r="J229" s="3">
        <v>406.28</v>
      </c>
      <c r="K229" s="3">
        <v>377.03</v>
      </c>
      <c r="L229" s="3">
        <v>495.45</v>
      </c>
      <c r="M229" s="3">
        <v>612.36</v>
      </c>
      <c r="N229" s="3">
        <v>705.57</v>
      </c>
      <c r="O229" s="3">
        <v>688.82</v>
      </c>
      <c r="P229" s="3">
        <v>850.22</v>
      </c>
      <c r="Q229" s="3">
        <v>2285.85</v>
      </c>
      <c r="R229" s="3">
        <v>2285.85</v>
      </c>
      <c r="S229" s="3">
        <v>0.08</v>
      </c>
      <c r="T229" s="3">
        <v>-0.21</v>
      </c>
      <c r="U229" s="3">
        <v>-0.18</v>
      </c>
      <c r="V229" s="3">
        <v>0.04</v>
      </c>
      <c r="W229" s="3">
        <v>0.15</v>
      </c>
      <c r="X229" s="3">
        <v>-0.17</v>
      </c>
      <c r="Y229" s="3">
        <v>-0.04</v>
      </c>
      <c r="Z229" s="3">
        <v>-0.01</v>
      </c>
      <c r="AA229" s="4">
        <f t="shared" si="36"/>
        <v>0</v>
      </c>
      <c r="AB229" s="4">
        <f t="shared" si="29"/>
        <v>1.6</v>
      </c>
      <c r="AC229" s="3">
        <f t="shared" si="30"/>
        <v>0.128</v>
      </c>
      <c r="AD229" s="4">
        <f t="shared" si="33"/>
        <v>0</v>
      </c>
      <c r="AE229" s="3">
        <f t="shared" si="31"/>
        <v>-0.33600000000000002</v>
      </c>
      <c r="AF229" s="4">
        <f t="shared" si="37"/>
        <v>0</v>
      </c>
      <c r="AG229" s="3">
        <f t="shared" si="34"/>
        <v>-0.28799999999999998</v>
      </c>
      <c r="AH229" s="4">
        <f t="shared" si="35"/>
        <v>0</v>
      </c>
      <c r="AI229" s="3">
        <f t="shared" si="32"/>
        <v>0.04</v>
      </c>
      <c r="AJ229" s="14"/>
      <c r="AK229" s="14"/>
      <c r="AP229" s="8"/>
      <c r="AQ229" s="8"/>
      <c r="AR229" s="10"/>
    </row>
    <row r="230" spans="1:44">
      <c r="A230" s="3" t="s">
        <v>52</v>
      </c>
      <c r="B230" s="2">
        <v>0.54129629629629628</v>
      </c>
      <c r="C230" s="3">
        <v>173.59</v>
      </c>
      <c r="D230" s="3">
        <v>395.8</v>
      </c>
      <c r="E230" s="3">
        <v>464.46</v>
      </c>
      <c r="F230" s="3">
        <v>600.77</v>
      </c>
      <c r="G230" s="3">
        <v>366.87</v>
      </c>
      <c r="H230" s="3">
        <v>597.24</v>
      </c>
      <c r="I230" s="3">
        <v>235.55</v>
      </c>
      <c r="J230" s="3">
        <v>399.81</v>
      </c>
      <c r="K230" s="3">
        <v>384.84</v>
      </c>
      <c r="L230" s="3">
        <v>507.42</v>
      </c>
      <c r="M230" s="3">
        <v>614.84</v>
      </c>
      <c r="N230" s="3">
        <v>702.37</v>
      </c>
      <c r="O230" s="3">
        <v>690.44</v>
      </c>
      <c r="P230" s="3">
        <v>854.41</v>
      </c>
      <c r="Q230" s="3">
        <v>2285.83</v>
      </c>
      <c r="R230" s="3">
        <v>2285.83</v>
      </c>
      <c r="S230" s="3">
        <v>0.32</v>
      </c>
      <c r="T230" s="3">
        <v>-0.1</v>
      </c>
      <c r="U230" s="3">
        <v>-0.09</v>
      </c>
      <c r="V230" s="3">
        <v>0.06</v>
      </c>
      <c r="W230" s="3">
        <v>0.43</v>
      </c>
      <c r="X230" s="3">
        <v>-0.16</v>
      </c>
      <c r="Y230" s="3">
        <v>-0.01</v>
      </c>
      <c r="Z230" s="3">
        <v>0.02</v>
      </c>
      <c r="AA230" s="4">
        <f t="shared" si="36"/>
        <v>0</v>
      </c>
      <c r="AB230" s="4">
        <f t="shared" si="29"/>
        <v>1.6</v>
      </c>
      <c r="AC230" s="3">
        <f t="shared" si="30"/>
        <v>0.51200000000000001</v>
      </c>
      <c r="AD230" s="4">
        <f t="shared" si="33"/>
        <v>0</v>
      </c>
      <c r="AE230" s="3">
        <f t="shared" si="31"/>
        <v>-0.16000000000000003</v>
      </c>
      <c r="AF230" s="4">
        <f t="shared" si="37"/>
        <v>0</v>
      </c>
      <c r="AG230" s="3">
        <f t="shared" si="34"/>
        <v>-0.14399999999999999</v>
      </c>
      <c r="AH230" s="4">
        <f t="shared" si="35"/>
        <v>0</v>
      </c>
      <c r="AI230" s="3">
        <f t="shared" si="32"/>
        <v>0.06</v>
      </c>
      <c r="AJ230" s="14"/>
      <c r="AK230" s="14"/>
      <c r="AP230" s="8"/>
      <c r="AQ230" s="8"/>
      <c r="AR230" s="10"/>
    </row>
    <row r="231" spans="1:44">
      <c r="A231" s="3" t="s">
        <v>52</v>
      </c>
      <c r="B231" s="2">
        <v>0.54200231481481487</v>
      </c>
      <c r="C231" s="3">
        <v>182.31</v>
      </c>
      <c r="D231" s="3">
        <v>404.37</v>
      </c>
      <c r="E231" s="3">
        <v>467.74</v>
      </c>
      <c r="F231" s="3">
        <v>600.41999999999996</v>
      </c>
      <c r="G231" s="3">
        <v>378.9</v>
      </c>
      <c r="H231" s="3">
        <v>611.25</v>
      </c>
      <c r="I231" s="3">
        <v>241.08</v>
      </c>
      <c r="J231" s="3">
        <v>396.6</v>
      </c>
      <c r="K231" s="3">
        <v>391.74</v>
      </c>
      <c r="L231" s="3">
        <v>510.36</v>
      </c>
      <c r="M231" s="3">
        <v>619.41</v>
      </c>
      <c r="N231" s="3">
        <v>717.02</v>
      </c>
      <c r="O231" s="3">
        <v>691.74</v>
      </c>
      <c r="P231" s="3">
        <v>848.31</v>
      </c>
      <c r="Q231" s="3">
        <v>2285.81</v>
      </c>
      <c r="R231" s="3">
        <v>2285.81</v>
      </c>
      <c r="S231" s="3">
        <v>0.41</v>
      </c>
      <c r="T231" s="3">
        <v>-0.06</v>
      </c>
      <c r="U231" s="3">
        <v>-0.06</v>
      </c>
      <c r="V231" s="3">
        <v>0</v>
      </c>
      <c r="W231" s="3">
        <v>0.42</v>
      </c>
      <c r="X231" s="3">
        <v>-0.18</v>
      </c>
      <c r="Y231" s="3">
        <v>0</v>
      </c>
      <c r="Z231" s="3">
        <v>0.02</v>
      </c>
      <c r="AA231" s="4">
        <f t="shared" si="36"/>
        <v>0</v>
      </c>
      <c r="AB231" s="4">
        <f t="shared" si="29"/>
        <v>1.6</v>
      </c>
      <c r="AC231" s="3">
        <f t="shared" si="30"/>
        <v>0.65600000000000003</v>
      </c>
      <c r="AD231" s="4">
        <f t="shared" si="33"/>
        <v>0</v>
      </c>
      <c r="AE231" s="3">
        <f t="shared" si="31"/>
        <v>-9.6000000000000002E-2</v>
      </c>
      <c r="AF231" s="4">
        <f t="shared" si="37"/>
        <v>0</v>
      </c>
      <c r="AG231" s="3">
        <f t="shared" si="34"/>
        <v>-9.6000000000000002E-2</v>
      </c>
      <c r="AH231" s="4">
        <f t="shared" si="35"/>
        <v>0</v>
      </c>
      <c r="AI231" s="3">
        <f t="shared" si="32"/>
        <v>0</v>
      </c>
      <c r="AJ231" s="14"/>
      <c r="AK231" s="14"/>
      <c r="AP231" s="8"/>
      <c r="AQ231" s="8"/>
      <c r="AR231" s="10"/>
    </row>
    <row r="232" spans="1:44">
      <c r="A232" s="3" t="s">
        <v>52</v>
      </c>
      <c r="B232" s="2">
        <v>0.5426967592592592</v>
      </c>
      <c r="C232" s="3">
        <v>190.63</v>
      </c>
      <c r="D232" s="3">
        <v>411.53</v>
      </c>
      <c r="E232" s="3">
        <v>470.85</v>
      </c>
      <c r="F232" s="3">
        <v>601.29999999999995</v>
      </c>
      <c r="G232" s="3">
        <v>389</v>
      </c>
      <c r="H232" s="3">
        <v>613.61</v>
      </c>
      <c r="I232" s="3">
        <v>246.63</v>
      </c>
      <c r="J232" s="3">
        <v>404.46</v>
      </c>
      <c r="K232" s="3">
        <v>397.46</v>
      </c>
      <c r="L232" s="3">
        <v>506</v>
      </c>
      <c r="M232" s="3">
        <v>625.11</v>
      </c>
      <c r="N232" s="3">
        <v>739.24</v>
      </c>
      <c r="O232" s="3">
        <v>693.01</v>
      </c>
      <c r="P232" s="3">
        <v>854.24</v>
      </c>
      <c r="Q232" s="3">
        <v>2285.79</v>
      </c>
      <c r="R232" s="3">
        <v>2285.79</v>
      </c>
      <c r="S232" s="3">
        <v>0.36</v>
      </c>
      <c r="T232" s="3">
        <v>-0.05</v>
      </c>
      <c r="U232" s="3">
        <v>-0.08</v>
      </c>
      <c r="V232" s="3">
        <v>-0.1</v>
      </c>
      <c r="W232" s="3">
        <v>0.5</v>
      </c>
      <c r="X232" s="3">
        <v>-0.16</v>
      </c>
      <c r="Y232" s="3">
        <v>0.01</v>
      </c>
      <c r="Z232" s="3">
        <v>0.02</v>
      </c>
      <c r="AA232" s="4">
        <f t="shared" si="36"/>
        <v>0</v>
      </c>
      <c r="AB232" s="4">
        <f t="shared" si="29"/>
        <v>1.6</v>
      </c>
      <c r="AC232" s="3">
        <f t="shared" si="30"/>
        <v>0.57599999999999996</v>
      </c>
      <c r="AD232" s="4">
        <f t="shared" si="33"/>
        <v>0</v>
      </c>
      <c r="AE232" s="3">
        <f t="shared" si="31"/>
        <v>-8.0000000000000016E-2</v>
      </c>
      <c r="AF232" s="4">
        <f t="shared" si="37"/>
        <v>0</v>
      </c>
      <c r="AG232" s="3">
        <f t="shared" si="34"/>
        <v>-0.128</v>
      </c>
      <c r="AH232" s="4">
        <f t="shared" si="35"/>
        <v>0</v>
      </c>
      <c r="AI232" s="3">
        <f t="shared" si="32"/>
        <v>-0.1</v>
      </c>
      <c r="AJ232" s="14"/>
      <c r="AK232" s="14"/>
      <c r="AP232" s="8"/>
      <c r="AQ232" s="8"/>
      <c r="AR232" s="10"/>
    </row>
    <row r="233" spans="1:44">
      <c r="A233" s="3" t="s">
        <v>52</v>
      </c>
      <c r="B233" s="2">
        <v>0.54339120370370375</v>
      </c>
      <c r="C233" s="3">
        <v>196.61</v>
      </c>
      <c r="D233" s="3">
        <v>408.72</v>
      </c>
      <c r="E233" s="3">
        <v>473.42</v>
      </c>
      <c r="F233" s="3">
        <v>600.69000000000005</v>
      </c>
      <c r="G233" s="3">
        <v>395.42</v>
      </c>
      <c r="H233" s="3">
        <v>606.07000000000005</v>
      </c>
      <c r="I233" s="3">
        <v>251.89</v>
      </c>
      <c r="J233" s="3">
        <v>413.61</v>
      </c>
      <c r="K233" s="3">
        <v>402.51</v>
      </c>
      <c r="L233" s="3">
        <v>499.79</v>
      </c>
      <c r="M233" s="3">
        <v>632.58000000000004</v>
      </c>
      <c r="N233" s="3">
        <v>762.62</v>
      </c>
      <c r="O233" s="3">
        <v>694.3</v>
      </c>
      <c r="P233" s="3">
        <v>851.49</v>
      </c>
      <c r="Q233" s="3">
        <v>2285.8000000000002</v>
      </c>
      <c r="R233" s="3">
        <v>2285.8000000000002</v>
      </c>
      <c r="S233" s="3">
        <v>0.36</v>
      </c>
      <c r="T233" s="3">
        <v>-0.03</v>
      </c>
      <c r="U233" s="3">
        <v>-0.09</v>
      </c>
      <c r="V233" s="3">
        <v>-0.09</v>
      </c>
      <c r="W233" s="3">
        <v>0.52</v>
      </c>
      <c r="X233" s="3">
        <v>-0.15</v>
      </c>
      <c r="Y233" s="3">
        <v>0</v>
      </c>
      <c r="Z233" s="3">
        <v>0.01</v>
      </c>
      <c r="AA233" s="4">
        <f t="shared" si="36"/>
        <v>0</v>
      </c>
      <c r="AB233" s="4">
        <f t="shared" si="29"/>
        <v>1.6</v>
      </c>
      <c r="AC233" s="3">
        <f t="shared" si="30"/>
        <v>0.57599999999999996</v>
      </c>
      <c r="AD233" s="4">
        <f t="shared" si="33"/>
        <v>0</v>
      </c>
      <c r="AE233" s="3">
        <f t="shared" si="31"/>
        <v>-4.8000000000000001E-2</v>
      </c>
      <c r="AF233" s="4">
        <f t="shared" si="37"/>
        <v>0</v>
      </c>
      <c r="AG233" s="3">
        <f t="shared" si="34"/>
        <v>-0.14399999999999999</v>
      </c>
      <c r="AH233" s="4">
        <f t="shared" si="35"/>
        <v>0</v>
      </c>
      <c r="AI233" s="3">
        <f t="shared" si="32"/>
        <v>-0.09</v>
      </c>
      <c r="AJ233" s="14"/>
      <c r="AK233" s="14"/>
      <c r="AP233" s="8"/>
      <c r="AQ233" s="8"/>
      <c r="AR233" s="10"/>
    </row>
    <row r="234" spans="1:44">
      <c r="A234" s="3" t="s">
        <v>52</v>
      </c>
      <c r="B234" s="2">
        <v>0.54408564814814808</v>
      </c>
      <c r="C234" s="3">
        <v>200.1</v>
      </c>
      <c r="D234" s="3">
        <v>402.03</v>
      </c>
      <c r="E234" s="3">
        <v>475.71</v>
      </c>
      <c r="F234" s="3">
        <v>600.84</v>
      </c>
      <c r="G234" s="3">
        <v>399.06</v>
      </c>
      <c r="H234" s="3">
        <v>596.76</v>
      </c>
      <c r="I234" s="3">
        <v>256.25</v>
      </c>
      <c r="J234" s="3">
        <v>414.38</v>
      </c>
      <c r="K234" s="3">
        <v>407.12</v>
      </c>
      <c r="L234" s="3">
        <v>493.49</v>
      </c>
      <c r="M234" s="3">
        <v>640.80999999999995</v>
      </c>
      <c r="N234" s="3">
        <v>785.66</v>
      </c>
      <c r="O234" s="3">
        <v>695.55</v>
      </c>
      <c r="P234" s="3">
        <v>849.98</v>
      </c>
      <c r="Q234" s="3">
        <v>2285.84</v>
      </c>
      <c r="R234" s="3">
        <v>2285.84</v>
      </c>
      <c r="S234" s="3">
        <v>0.44</v>
      </c>
      <c r="T234" s="3">
        <v>0.01</v>
      </c>
      <c r="U234" s="3">
        <v>-7.0000000000000007E-2</v>
      </c>
      <c r="V234" s="3">
        <v>-7.0000000000000007E-2</v>
      </c>
      <c r="W234" s="3">
        <v>0.5</v>
      </c>
      <c r="X234" s="3">
        <v>-0.15</v>
      </c>
      <c r="Y234" s="3">
        <v>0</v>
      </c>
      <c r="Z234" s="3">
        <v>0.01</v>
      </c>
      <c r="AA234" s="4">
        <f t="shared" si="36"/>
        <v>0</v>
      </c>
      <c r="AB234" s="4">
        <f t="shared" si="29"/>
        <v>1.6</v>
      </c>
      <c r="AC234" s="3">
        <f t="shared" si="30"/>
        <v>0.70400000000000007</v>
      </c>
      <c r="AD234" s="4">
        <f t="shared" si="33"/>
        <v>0</v>
      </c>
      <c r="AE234" s="3">
        <f t="shared" si="31"/>
        <v>1.6E-2</v>
      </c>
      <c r="AF234" s="4">
        <f t="shared" si="37"/>
        <v>0</v>
      </c>
      <c r="AG234" s="3">
        <f t="shared" si="34"/>
        <v>-0.11200000000000002</v>
      </c>
      <c r="AH234" s="4">
        <f t="shared" si="35"/>
        <v>0</v>
      </c>
      <c r="AI234" s="3">
        <f t="shared" si="32"/>
        <v>-7.0000000000000007E-2</v>
      </c>
      <c r="AJ234" s="14"/>
      <c r="AK234" s="14"/>
      <c r="AP234" s="8"/>
      <c r="AQ234" s="8"/>
      <c r="AR234" s="10"/>
    </row>
    <row r="235" spans="1:44">
      <c r="A235" s="3" t="s">
        <v>52</v>
      </c>
      <c r="B235" s="2">
        <v>0.54478009259259264</v>
      </c>
      <c r="C235" s="3">
        <v>202.64</v>
      </c>
      <c r="D235" s="3">
        <v>396.22</v>
      </c>
      <c r="E235" s="3">
        <v>478.07</v>
      </c>
      <c r="F235" s="3">
        <v>601.16999999999996</v>
      </c>
      <c r="G235" s="3">
        <v>403.49</v>
      </c>
      <c r="H235" s="3">
        <v>598.67999999999995</v>
      </c>
      <c r="I235" s="3">
        <v>259.22000000000003</v>
      </c>
      <c r="J235" s="3">
        <v>410.58</v>
      </c>
      <c r="K235" s="3">
        <v>411.58</v>
      </c>
      <c r="L235" s="3">
        <v>487.43</v>
      </c>
      <c r="M235" s="3">
        <v>648.62</v>
      </c>
      <c r="N235" s="3">
        <v>807.4</v>
      </c>
      <c r="O235" s="3">
        <v>696.78</v>
      </c>
      <c r="P235" s="3">
        <v>854.97</v>
      </c>
      <c r="Q235" s="3">
        <v>2285.87</v>
      </c>
      <c r="R235" s="3">
        <v>2285.87</v>
      </c>
      <c r="S235" s="3">
        <v>0.42</v>
      </c>
      <c r="T235" s="3">
        <v>-0.01</v>
      </c>
      <c r="U235" s="3">
        <v>-0.08</v>
      </c>
      <c r="V235" s="3">
        <v>-0.13</v>
      </c>
      <c r="W235" s="3">
        <v>0.5</v>
      </c>
      <c r="X235" s="3">
        <v>-0.15</v>
      </c>
      <c r="Y235" s="3">
        <v>0</v>
      </c>
      <c r="Z235" s="3">
        <v>0.01</v>
      </c>
      <c r="AA235" s="4">
        <f t="shared" si="36"/>
        <v>0</v>
      </c>
      <c r="AB235" s="4">
        <f t="shared" si="29"/>
        <v>1.6</v>
      </c>
      <c r="AC235" s="3">
        <f t="shared" si="30"/>
        <v>0.67200000000000004</v>
      </c>
      <c r="AD235" s="4">
        <f t="shared" si="33"/>
        <v>0</v>
      </c>
      <c r="AE235" s="3">
        <f t="shared" si="31"/>
        <v>-1.6E-2</v>
      </c>
      <c r="AF235" s="4">
        <f t="shared" si="37"/>
        <v>0</v>
      </c>
      <c r="AG235" s="3">
        <f t="shared" si="34"/>
        <v>-0.128</v>
      </c>
      <c r="AH235" s="4">
        <f t="shared" si="35"/>
        <v>0</v>
      </c>
      <c r="AI235" s="3">
        <f t="shared" si="32"/>
        <v>-0.13</v>
      </c>
      <c r="AJ235" s="14"/>
      <c r="AK235" s="14"/>
      <c r="AP235" s="8"/>
      <c r="AQ235" s="8"/>
      <c r="AR235" s="10"/>
    </row>
    <row r="236" spans="1:44">
      <c r="A236" s="3" t="s">
        <v>52</v>
      </c>
      <c r="B236" s="2">
        <v>0.54547453703703697</v>
      </c>
      <c r="C236" s="3">
        <v>206.98</v>
      </c>
      <c r="D236" s="3">
        <v>401.65</v>
      </c>
      <c r="E236" s="3">
        <v>480.06</v>
      </c>
      <c r="F236" s="3">
        <v>600.54999999999995</v>
      </c>
      <c r="G236" s="3">
        <v>411</v>
      </c>
      <c r="H236" s="3">
        <v>612.4</v>
      </c>
      <c r="I236" s="3">
        <v>261.44</v>
      </c>
      <c r="J236" s="3">
        <v>405.29</v>
      </c>
      <c r="K236" s="3">
        <v>415.7</v>
      </c>
      <c r="L236" s="3">
        <v>481.71</v>
      </c>
      <c r="M236" s="3">
        <v>654.82000000000005</v>
      </c>
      <c r="N236" s="3">
        <v>815.86</v>
      </c>
      <c r="O236" s="3">
        <v>697.93</v>
      </c>
      <c r="P236" s="3">
        <v>848.69</v>
      </c>
      <c r="Q236" s="3">
        <v>2285.9</v>
      </c>
      <c r="R236" s="3">
        <v>2285.9</v>
      </c>
      <c r="S236" s="3">
        <v>0.4</v>
      </c>
      <c r="T236" s="3">
        <v>-0.01</v>
      </c>
      <c r="U236" s="3">
        <v>-0.08</v>
      </c>
      <c r="V236" s="3">
        <v>-0.11</v>
      </c>
      <c r="W236" s="3">
        <v>0.5</v>
      </c>
      <c r="X236" s="3">
        <v>-0.14000000000000001</v>
      </c>
      <c r="Y236" s="3">
        <v>-0.01</v>
      </c>
      <c r="Z236" s="3">
        <v>0.01</v>
      </c>
      <c r="AA236" s="4">
        <f t="shared" si="36"/>
        <v>0</v>
      </c>
      <c r="AB236" s="4">
        <f t="shared" si="29"/>
        <v>1.6</v>
      </c>
      <c r="AC236" s="3">
        <f t="shared" si="30"/>
        <v>0.64000000000000012</v>
      </c>
      <c r="AD236" s="4">
        <f t="shared" si="33"/>
        <v>0</v>
      </c>
      <c r="AE236" s="3">
        <f t="shared" si="31"/>
        <v>-1.6E-2</v>
      </c>
      <c r="AF236" s="4">
        <f t="shared" si="37"/>
        <v>0</v>
      </c>
      <c r="AG236" s="3">
        <f t="shared" si="34"/>
        <v>-0.128</v>
      </c>
      <c r="AH236" s="4">
        <f t="shared" si="35"/>
        <v>0</v>
      </c>
      <c r="AI236" s="3">
        <f t="shared" si="32"/>
        <v>-0.11</v>
      </c>
      <c r="AJ236" s="14"/>
      <c r="AK236" s="14"/>
      <c r="AP236" s="8"/>
      <c r="AQ236" s="8"/>
      <c r="AR236" s="10"/>
    </row>
    <row r="237" spans="1:44">
      <c r="A237" s="3" t="s">
        <v>52</v>
      </c>
      <c r="B237" s="2">
        <v>0.54616898148148152</v>
      </c>
      <c r="C237" s="3">
        <v>212.54</v>
      </c>
      <c r="D237" s="3">
        <v>411.18</v>
      </c>
      <c r="E237" s="3">
        <v>481.94</v>
      </c>
      <c r="F237" s="3">
        <v>601.24</v>
      </c>
      <c r="G237" s="3">
        <v>417.05</v>
      </c>
      <c r="H237" s="3">
        <v>614.05999999999995</v>
      </c>
      <c r="I237" s="3">
        <v>262.89</v>
      </c>
      <c r="J237" s="3">
        <v>399.72</v>
      </c>
      <c r="K237" s="3">
        <v>418.43</v>
      </c>
      <c r="L237" s="3">
        <v>476.32</v>
      </c>
      <c r="M237" s="3">
        <v>658.95</v>
      </c>
      <c r="N237" s="3">
        <v>809.46</v>
      </c>
      <c r="O237" s="3">
        <v>699.04</v>
      </c>
      <c r="P237" s="3">
        <v>853.64</v>
      </c>
      <c r="Q237" s="3">
        <v>2285.96</v>
      </c>
      <c r="R237" s="3">
        <v>2285.96</v>
      </c>
      <c r="S237" s="3">
        <v>0.45</v>
      </c>
      <c r="T237" s="3">
        <v>0</v>
      </c>
      <c r="U237" s="3">
        <v>-0.08</v>
      </c>
      <c r="V237" s="3">
        <v>-7.0000000000000007E-2</v>
      </c>
      <c r="W237" s="3">
        <v>0.47</v>
      </c>
      <c r="X237" s="3">
        <v>-0.14000000000000001</v>
      </c>
      <c r="Y237" s="3">
        <v>-0.04</v>
      </c>
      <c r="Z237" s="3">
        <v>0.01</v>
      </c>
      <c r="AA237" s="4">
        <f t="shared" si="36"/>
        <v>0</v>
      </c>
      <c r="AB237" s="4">
        <f t="shared" si="29"/>
        <v>1.6</v>
      </c>
      <c r="AC237" s="3">
        <f t="shared" si="30"/>
        <v>0.72000000000000008</v>
      </c>
      <c r="AD237" s="4">
        <f t="shared" si="33"/>
        <v>0</v>
      </c>
      <c r="AE237" s="3">
        <f t="shared" si="31"/>
        <v>0</v>
      </c>
      <c r="AF237" s="4">
        <f t="shared" si="37"/>
        <v>0</v>
      </c>
      <c r="AG237" s="3">
        <f t="shared" si="34"/>
        <v>-0.128</v>
      </c>
      <c r="AH237" s="4">
        <f t="shared" si="35"/>
        <v>0</v>
      </c>
      <c r="AI237" s="3">
        <f t="shared" si="32"/>
        <v>-7.0000000000000007E-2</v>
      </c>
      <c r="AJ237" s="14"/>
      <c r="AK237" s="14"/>
      <c r="AP237" s="8"/>
      <c r="AQ237" s="8"/>
      <c r="AR237" s="10"/>
    </row>
    <row r="238" spans="1:44">
      <c r="A238" s="3" t="s">
        <v>52</v>
      </c>
      <c r="B238" s="2">
        <v>0.546875</v>
      </c>
      <c r="C238" s="3">
        <v>216.2</v>
      </c>
      <c r="D238" s="3">
        <v>410.73</v>
      </c>
      <c r="E238" s="3">
        <v>483.66</v>
      </c>
      <c r="F238" s="3">
        <v>601.25</v>
      </c>
      <c r="G238" s="3">
        <v>420.2</v>
      </c>
      <c r="H238" s="3">
        <v>606.92999999999995</v>
      </c>
      <c r="I238" s="3">
        <v>263.87</v>
      </c>
      <c r="J238" s="3">
        <v>397.48</v>
      </c>
      <c r="K238" s="3">
        <v>419.96</v>
      </c>
      <c r="L238" s="3">
        <v>471.24</v>
      </c>
      <c r="M238" s="3">
        <v>660.32</v>
      </c>
      <c r="N238" s="3">
        <v>799.4</v>
      </c>
      <c r="O238" s="3">
        <v>700.22</v>
      </c>
      <c r="P238" s="3">
        <v>852.31</v>
      </c>
      <c r="Q238" s="3">
        <v>2286.0300000000002</v>
      </c>
      <c r="R238" s="3">
        <v>2286.0300000000002</v>
      </c>
      <c r="S238" s="3">
        <v>0.44</v>
      </c>
      <c r="T238" s="3">
        <v>-0.01</v>
      </c>
      <c r="U238" s="3">
        <v>-0.09</v>
      </c>
      <c r="V238" s="3">
        <v>-0.12</v>
      </c>
      <c r="W238" s="3">
        <v>0.46</v>
      </c>
      <c r="X238" s="3">
        <v>-0.15</v>
      </c>
      <c r="Y238" s="3">
        <v>-0.06</v>
      </c>
      <c r="Z238" s="3">
        <v>0.02</v>
      </c>
      <c r="AA238" s="4">
        <f t="shared" si="36"/>
        <v>0</v>
      </c>
      <c r="AB238" s="4">
        <f t="shared" si="29"/>
        <v>1.6</v>
      </c>
      <c r="AC238" s="3">
        <f t="shared" si="30"/>
        <v>0.70400000000000007</v>
      </c>
      <c r="AD238" s="4">
        <f t="shared" si="33"/>
        <v>0</v>
      </c>
      <c r="AE238" s="3">
        <f t="shared" si="31"/>
        <v>-1.6E-2</v>
      </c>
      <c r="AF238" s="4">
        <f t="shared" si="37"/>
        <v>0</v>
      </c>
      <c r="AG238" s="3">
        <f t="shared" si="34"/>
        <v>-0.14399999999999999</v>
      </c>
      <c r="AH238" s="4">
        <f t="shared" si="35"/>
        <v>0</v>
      </c>
      <c r="AI238" s="3">
        <f t="shared" si="32"/>
        <v>-0.12</v>
      </c>
      <c r="AJ238" s="14"/>
      <c r="AK238" s="14"/>
      <c r="AP238" s="8"/>
      <c r="AQ238" s="8"/>
      <c r="AR238" s="10"/>
    </row>
    <row r="239" spans="1:44">
      <c r="A239" s="3" t="s">
        <v>52</v>
      </c>
      <c r="B239" s="2">
        <v>0.54756944444444444</v>
      </c>
      <c r="C239" s="3">
        <v>217.83</v>
      </c>
      <c r="D239" s="3">
        <v>404.96</v>
      </c>
      <c r="E239" s="3">
        <v>484.93</v>
      </c>
      <c r="F239" s="3">
        <v>600.59</v>
      </c>
      <c r="G239" s="3">
        <v>421.18</v>
      </c>
      <c r="H239" s="3">
        <v>597.99</v>
      </c>
      <c r="I239" s="3">
        <v>265.38</v>
      </c>
      <c r="J239" s="3">
        <v>405.96</v>
      </c>
      <c r="K239" s="3">
        <v>420.19</v>
      </c>
      <c r="L239" s="3">
        <v>466.43</v>
      </c>
      <c r="M239" s="3">
        <v>661.41</v>
      </c>
      <c r="N239" s="3">
        <v>796.15</v>
      </c>
      <c r="O239" s="3">
        <v>701.19</v>
      </c>
      <c r="P239" s="3">
        <v>849.42</v>
      </c>
      <c r="Q239" s="3">
        <v>2286.1</v>
      </c>
      <c r="R239" s="3">
        <v>2286.1</v>
      </c>
      <c r="S239" s="3">
        <v>0.23</v>
      </c>
      <c r="T239" s="3">
        <v>-0.09</v>
      </c>
      <c r="U239" s="3">
        <v>-0.17</v>
      </c>
      <c r="V239" s="3">
        <v>-0.17</v>
      </c>
      <c r="W239" s="3">
        <v>0.27</v>
      </c>
      <c r="X239" s="3">
        <v>-0.16</v>
      </c>
      <c r="Y239" s="3">
        <v>-0.09</v>
      </c>
      <c r="Z239" s="3">
        <v>0</v>
      </c>
      <c r="AA239" s="4">
        <f t="shared" si="36"/>
        <v>0</v>
      </c>
      <c r="AB239" s="4">
        <f t="shared" ref="AB239:AB302" si="38">AB238</f>
        <v>1.6</v>
      </c>
      <c r="AC239" s="3">
        <f t="shared" si="30"/>
        <v>0.36800000000000005</v>
      </c>
      <c r="AD239" s="4">
        <f t="shared" si="33"/>
        <v>0</v>
      </c>
      <c r="AE239" s="3">
        <f t="shared" si="31"/>
        <v>-0.14399999999999999</v>
      </c>
      <c r="AF239" s="4">
        <f t="shared" si="37"/>
        <v>0</v>
      </c>
      <c r="AG239" s="3">
        <f t="shared" si="34"/>
        <v>-0.27200000000000002</v>
      </c>
      <c r="AH239" s="4">
        <f t="shared" si="35"/>
        <v>0</v>
      </c>
      <c r="AI239" s="3">
        <f t="shared" si="32"/>
        <v>-0.17</v>
      </c>
      <c r="AJ239" s="14"/>
      <c r="AK239" s="14"/>
      <c r="AP239" s="8"/>
      <c r="AQ239" s="8"/>
      <c r="AR239" s="10"/>
    </row>
    <row r="240" spans="1:44">
      <c r="A240" s="3" t="s">
        <v>52</v>
      </c>
      <c r="B240" s="2">
        <v>0.54826388888888888</v>
      </c>
      <c r="C240" s="3">
        <v>218.01</v>
      </c>
      <c r="D240" s="3">
        <v>398.09</v>
      </c>
      <c r="E240" s="3">
        <v>486.3</v>
      </c>
      <c r="F240" s="3">
        <v>601.24</v>
      </c>
      <c r="G240" s="3">
        <v>422.94</v>
      </c>
      <c r="H240" s="3">
        <v>598.09</v>
      </c>
      <c r="I240" s="3">
        <v>267.14999999999998</v>
      </c>
      <c r="J240" s="3">
        <v>413.9</v>
      </c>
      <c r="K240" s="3">
        <v>420.95</v>
      </c>
      <c r="L240" s="3">
        <v>461.85</v>
      </c>
      <c r="M240" s="3">
        <v>664.4</v>
      </c>
      <c r="N240" s="3">
        <v>808.43</v>
      </c>
      <c r="O240" s="3">
        <v>702.11</v>
      </c>
      <c r="P240" s="3">
        <v>855.31</v>
      </c>
      <c r="Q240" s="3">
        <v>2286.15</v>
      </c>
      <c r="R240" s="3">
        <v>2286.15</v>
      </c>
      <c r="S240" s="3">
        <v>0.23</v>
      </c>
      <c r="T240" s="3">
        <v>-0.1</v>
      </c>
      <c r="U240" s="3">
        <v>-0.18</v>
      </c>
      <c r="V240" s="3">
        <v>-0.12</v>
      </c>
      <c r="W240" s="3">
        <v>0.24</v>
      </c>
      <c r="X240" s="3">
        <v>-0.16</v>
      </c>
      <c r="Y240" s="3">
        <v>-0.1</v>
      </c>
      <c r="Z240" s="3">
        <v>0</v>
      </c>
      <c r="AA240" s="4">
        <f t="shared" si="36"/>
        <v>0</v>
      </c>
      <c r="AB240" s="4">
        <f t="shared" si="38"/>
        <v>1.6</v>
      </c>
      <c r="AC240" s="3">
        <f t="shared" si="30"/>
        <v>0.36800000000000005</v>
      </c>
      <c r="AD240" s="4">
        <f t="shared" si="33"/>
        <v>0</v>
      </c>
      <c r="AE240" s="3">
        <f t="shared" si="31"/>
        <v>-0.16000000000000003</v>
      </c>
      <c r="AF240" s="4">
        <f t="shared" si="37"/>
        <v>0</v>
      </c>
      <c r="AG240" s="3">
        <f t="shared" si="34"/>
        <v>-0.28799999999999998</v>
      </c>
      <c r="AH240" s="4">
        <f t="shared" si="35"/>
        <v>0</v>
      </c>
      <c r="AI240" s="3">
        <f t="shared" si="32"/>
        <v>-0.12</v>
      </c>
      <c r="AJ240" s="14"/>
      <c r="AK240" s="14"/>
      <c r="AP240" s="8"/>
      <c r="AQ240" s="8"/>
      <c r="AR240" s="10"/>
    </row>
    <row r="241" spans="1:44">
      <c r="A241" s="3" t="s">
        <v>52</v>
      </c>
      <c r="B241" s="2">
        <v>0.54895833333333333</v>
      </c>
      <c r="C241" s="3">
        <v>219.32</v>
      </c>
      <c r="D241" s="3">
        <v>398</v>
      </c>
      <c r="E241" s="3">
        <v>487.44</v>
      </c>
      <c r="F241" s="3">
        <v>601.28</v>
      </c>
      <c r="G241" s="3">
        <v>428.07</v>
      </c>
      <c r="H241" s="3">
        <v>611.78</v>
      </c>
      <c r="I241" s="3">
        <v>268.20999999999998</v>
      </c>
      <c r="J241" s="3">
        <v>413.96</v>
      </c>
      <c r="K241" s="3">
        <v>421.83</v>
      </c>
      <c r="L241" s="3">
        <v>457.47</v>
      </c>
      <c r="M241" s="3">
        <v>667.27</v>
      </c>
      <c r="N241" s="3">
        <v>812.39</v>
      </c>
      <c r="O241" s="3">
        <v>703.08</v>
      </c>
      <c r="P241" s="3">
        <v>849.32</v>
      </c>
      <c r="Q241" s="3">
        <v>2286.21</v>
      </c>
      <c r="R241" s="3">
        <v>2286.21</v>
      </c>
      <c r="S241" s="3">
        <v>0.52</v>
      </c>
      <c r="T241" s="3">
        <v>0</v>
      </c>
      <c r="U241" s="3">
        <v>-7.0000000000000007E-2</v>
      </c>
      <c r="V241" s="3">
        <v>-0.05</v>
      </c>
      <c r="W241" s="3">
        <v>0.42</v>
      </c>
      <c r="X241" s="3">
        <v>-0.15</v>
      </c>
      <c r="Y241" s="3">
        <v>-0.11</v>
      </c>
      <c r="Z241" s="3">
        <v>0.02</v>
      </c>
      <c r="AA241" s="4">
        <f t="shared" si="36"/>
        <v>0</v>
      </c>
      <c r="AB241" s="4">
        <f t="shared" si="38"/>
        <v>1.6</v>
      </c>
      <c r="AC241" s="3">
        <f t="shared" si="30"/>
        <v>0.83200000000000007</v>
      </c>
      <c r="AD241" s="4">
        <f t="shared" si="33"/>
        <v>0</v>
      </c>
      <c r="AE241" s="3">
        <f t="shared" si="31"/>
        <v>0</v>
      </c>
      <c r="AF241" s="4">
        <f t="shared" si="37"/>
        <v>0</v>
      </c>
      <c r="AG241" s="3">
        <f t="shared" si="34"/>
        <v>-0.11200000000000002</v>
      </c>
      <c r="AH241" s="4">
        <f t="shared" si="35"/>
        <v>0</v>
      </c>
      <c r="AI241" s="3">
        <f t="shared" si="32"/>
        <v>-0.05</v>
      </c>
      <c r="AJ241" s="14"/>
      <c r="AK241" s="14"/>
      <c r="AP241" s="8"/>
      <c r="AQ241" s="8"/>
      <c r="AR241" s="10"/>
    </row>
    <row r="242" spans="1:44">
      <c r="A242" s="3" t="s">
        <v>52</v>
      </c>
      <c r="B242" s="2">
        <v>0.54965277777777777</v>
      </c>
      <c r="C242" s="3">
        <v>222.78</v>
      </c>
      <c r="D242" s="3">
        <v>408.37</v>
      </c>
      <c r="E242" s="3">
        <v>488.8</v>
      </c>
      <c r="F242" s="3">
        <v>600.75</v>
      </c>
      <c r="G242" s="3">
        <v>432.44</v>
      </c>
      <c r="H242" s="3">
        <v>614.75</v>
      </c>
      <c r="I242" s="3">
        <v>269.12</v>
      </c>
      <c r="J242" s="3">
        <v>410.26</v>
      </c>
      <c r="K242" s="3">
        <v>421.83</v>
      </c>
      <c r="L242" s="3">
        <v>453.28</v>
      </c>
      <c r="M242" s="3">
        <v>668.11</v>
      </c>
      <c r="N242" s="3">
        <v>805.57</v>
      </c>
      <c r="O242" s="3">
        <v>703.93</v>
      </c>
      <c r="P242" s="3">
        <v>852.87</v>
      </c>
      <c r="Q242" s="3">
        <v>2286.2600000000002</v>
      </c>
      <c r="R242" s="3">
        <v>2286.2600000000002</v>
      </c>
      <c r="S242" s="3">
        <v>0.38</v>
      </c>
      <c r="T242" s="3">
        <v>-0.06</v>
      </c>
      <c r="U242" s="3">
        <v>-0.12</v>
      </c>
      <c r="V242" s="3">
        <v>-7.0000000000000007E-2</v>
      </c>
      <c r="W242" s="3">
        <v>0.31</v>
      </c>
      <c r="X242" s="3">
        <v>-0.17</v>
      </c>
      <c r="Y242" s="3">
        <v>-0.13</v>
      </c>
      <c r="Z242" s="3">
        <v>0.02</v>
      </c>
      <c r="AA242" s="4">
        <f t="shared" si="36"/>
        <v>0</v>
      </c>
      <c r="AB242" s="4">
        <f t="shared" si="38"/>
        <v>1.6</v>
      </c>
      <c r="AC242" s="3">
        <f t="shared" si="30"/>
        <v>0.6080000000000001</v>
      </c>
      <c r="AD242" s="4">
        <f t="shared" si="33"/>
        <v>0</v>
      </c>
      <c r="AE242" s="3">
        <f t="shared" si="31"/>
        <v>-9.6000000000000002E-2</v>
      </c>
      <c r="AF242" s="4">
        <f t="shared" si="37"/>
        <v>0</v>
      </c>
      <c r="AG242" s="3">
        <f t="shared" si="34"/>
        <v>-0.192</v>
      </c>
      <c r="AH242" s="4">
        <f t="shared" si="35"/>
        <v>0</v>
      </c>
      <c r="AI242" s="3">
        <f t="shared" si="32"/>
        <v>-7.0000000000000007E-2</v>
      </c>
      <c r="AJ242" s="14"/>
      <c r="AK242" s="14"/>
      <c r="AO242" s="12"/>
      <c r="AP242" s="7"/>
      <c r="AQ242" s="7"/>
      <c r="AR242" s="13"/>
    </row>
    <row r="243" spans="1:44">
      <c r="A243" s="3" t="s">
        <v>52</v>
      </c>
      <c r="B243" s="2">
        <v>0.55034722222222221</v>
      </c>
      <c r="C243" s="3">
        <v>225.46</v>
      </c>
      <c r="D243" s="3">
        <v>412.09</v>
      </c>
      <c r="E243" s="3">
        <v>489.68</v>
      </c>
      <c r="F243" s="3">
        <v>601.29</v>
      </c>
      <c r="G243" s="3">
        <v>434.29</v>
      </c>
      <c r="H243" s="3">
        <v>608.28</v>
      </c>
      <c r="I243" s="3">
        <v>269.27</v>
      </c>
      <c r="J243" s="3">
        <v>405.34</v>
      </c>
      <c r="K243" s="3">
        <v>421.39</v>
      </c>
      <c r="L243" s="3">
        <v>449.26</v>
      </c>
      <c r="M243" s="3">
        <v>668.03</v>
      </c>
      <c r="N243" s="3">
        <v>796.9</v>
      </c>
      <c r="O243" s="3">
        <v>704.7</v>
      </c>
      <c r="P243" s="3">
        <v>853.53</v>
      </c>
      <c r="Q243" s="3">
        <v>2286.33</v>
      </c>
      <c r="R243" s="3">
        <v>2286.33</v>
      </c>
      <c r="S243" s="3">
        <v>0.25</v>
      </c>
      <c r="T243" s="3">
        <v>-0.11</v>
      </c>
      <c r="U243" s="3">
        <v>-0.18</v>
      </c>
      <c r="V243" s="3">
        <v>-0.09</v>
      </c>
      <c r="W243" s="3">
        <v>0.22</v>
      </c>
      <c r="X243" s="3">
        <v>-0.18</v>
      </c>
      <c r="Y243" s="3">
        <v>-0.16</v>
      </c>
      <c r="Z243" s="3">
        <v>0.02</v>
      </c>
      <c r="AA243" s="4">
        <f t="shared" si="36"/>
        <v>0</v>
      </c>
      <c r="AB243" s="4">
        <f t="shared" si="38"/>
        <v>1.6</v>
      </c>
      <c r="AC243" s="3">
        <f t="shared" si="30"/>
        <v>0.4</v>
      </c>
      <c r="AD243" s="4">
        <f t="shared" si="33"/>
        <v>0</v>
      </c>
      <c r="AE243" s="3">
        <f t="shared" si="31"/>
        <v>-0.17600000000000002</v>
      </c>
      <c r="AF243" s="4">
        <f t="shared" si="37"/>
        <v>0</v>
      </c>
      <c r="AG243" s="3">
        <f t="shared" si="34"/>
        <v>-0.28799999999999998</v>
      </c>
      <c r="AH243" s="4">
        <f t="shared" si="35"/>
        <v>0</v>
      </c>
      <c r="AI243" s="3">
        <f t="shared" si="32"/>
        <v>-0.09</v>
      </c>
      <c r="AJ243" s="14"/>
      <c r="AK243" s="14"/>
      <c r="AO243" s="12"/>
      <c r="AP243" s="7"/>
      <c r="AQ243" s="7"/>
      <c r="AR243" s="13"/>
    </row>
    <row r="244" spans="1:44">
      <c r="A244" s="3" t="s">
        <v>52</v>
      </c>
      <c r="B244" s="2">
        <v>0.55104166666666665</v>
      </c>
      <c r="C244" s="3">
        <v>226.16</v>
      </c>
      <c r="D244" s="3">
        <v>407.86</v>
      </c>
      <c r="E244" s="3">
        <v>490.64</v>
      </c>
      <c r="F244" s="3">
        <v>601.37</v>
      </c>
      <c r="G244" s="3">
        <v>434.13</v>
      </c>
      <c r="H244" s="3">
        <v>599.5</v>
      </c>
      <c r="I244" s="3">
        <v>268.8</v>
      </c>
      <c r="J244" s="3">
        <v>400.17</v>
      </c>
      <c r="K244" s="3">
        <v>420.52</v>
      </c>
      <c r="L244" s="3">
        <v>445.4</v>
      </c>
      <c r="M244" s="3">
        <v>668.89</v>
      </c>
      <c r="N244" s="3">
        <v>800.45</v>
      </c>
      <c r="O244" s="3">
        <v>705.39</v>
      </c>
      <c r="P244" s="3">
        <v>848.57</v>
      </c>
      <c r="Q244" s="3">
        <v>2286.38</v>
      </c>
      <c r="R244" s="3">
        <v>2286.38</v>
      </c>
      <c r="S244" s="3">
        <v>0.51</v>
      </c>
      <c r="T244" s="3">
        <v>-0.04</v>
      </c>
      <c r="U244" s="3">
        <v>-0.09</v>
      </c>
      <c r="V244" s="3">
        <v>-0.05</v>
      </c>
      <c r="W244" s="3">
        <v>0.37</v>
      </c>
      <c r="X244" s="3">
        <v>-0.16</v>
      </c>
      <c r="Y244" s="3">
        <v>-0.18</v>
      </c>
      <c r="Z244" s="3">
        <v>0.02</v>
      </c>
      <c r="AA244" s="4">
        <f t="shared" si="36"/>
        <v>0</v>
      </c>
      <c r="AB244" s="4">
        <f t="shared" si="38"/>
        <v>1.6</v>
      </c>
      <c r="AC244" s="3">
        <f t="shared" si="30"/>
        <v>0.81600000000000006</v>
      </c>
      <c r="AD244" s="4">
        <f t="shared" si="33"/>
        <v>0</v>
      </c>
      <c r="AE244" s="3">
        <f t="shared" si="31"/>
        <v>-6.4000000000000001E-2</v>
      </c>
      <c r="AF244" s="4">
        <f t="shared" si="37"/>
        <v>0</v>
      </c>
      <c r="AG244" s="3">
        <f t="shared" si="34"/>
        <v>-0.14399999999999999</v>
      </c>
      <c r="AH244" s="4">
        <f t="shared" si="35"/>
        <v>0</v>
      </c>
      <c r="AI244" s="3">
        <f t="shared" si="32"/>
        <v>-0.05</v>
      </c>
      <c r="AJ244" s="14"/>
      <c r="AK244" s="14"/>
      <c r="AO244" s="12"/>
      <c r="AP244" s="7"/>
      <c r="AQ244" s="7"/>
      <c r="AR244" s="13"/>
    </row>
    <row r="245" spans="1:44">
      <c r="A245" s="3" t="s">
        <v>52</v>
      </c>
      <c r="B245" s="2">
        <v>0.55173611111111109</v>
      </c>
      <c r="C245" s="3">
        <v>225.71</v>
      </c>
      <c r="D245" s="3">
        <v>401.21</v>
      </c>
      <c r="E245" s="3">
        <v>491.47</v>
      </c>
      <c r="F245" s="3">
        <v>600.79</v>
      </c>
      <c r="G245" s="3">
        <v>434.24</v>
      </c>
      <c r="H245" s="3">
        <v>596.87</v>
      </c>
      <c r="I245" s="3">
        <v>268.12</v>
      </c>
      <c r="J245" s="3">
        <v>397.58</v>
      </c>
      <c r="K245" s="3">
        <v>420.6</v>
      </c>
      <c r="L245" s="3">
        <v>441.69</v>
      </c>
      <c r="M245" s="3">
        <v>670.92</v>
      </c>
      <c r="N245" s="3">
        <v>811.93</v>
      </c>
      <c r="O245" s="3">
        <v>706.27</v>
      </c>
      <c r="P245" s="3">
        <v>855.37</v>
      </c>
      <c r="Q245" s="3">
        <v>2286.4299999999998</v>
      </c>
      <c r="R245" s="3">
        <v>2286.4299999999998</v>
      </c>
      <c r="S245" s="3">
        <v>0.52</v>
      </c>
      <c r="T245" s="3">
        <v>-7.0000000000000007E-2</v>
      </c>
      <c r="U245" s="3">
        <v>-0.09</v>
      </c>
      <c r="V245" s="3">
        <v>0.01</v>
      </c>
      <c r="W245" s="3">
        <v>0.34</v>
      </c>
      <c r="X245" s="3">
        <v>-0.15</v>
      </c>
      <c r="Y245" s="3">
        <v>-0.21</v>
      </c>
      <c r="Z245" s="3">
        <v>0.02</v>
      </c>
      <c r="AA245" s="4">
        <f t="shared" si="36"/>
        <v>0</v>
      </c>
      <c r="AB245" s="4">
        <f t="shared" si="38"/>
        <v>1.6</v>
      </c>
      <c r="AC245" s="3">
        <f t="shared" si="30"/>
        <v>0.83200000000000007</v>
      </c>
      <c r="AD245" s="4">
        <f t="shared" si="33"/>
        <v>0</v>
      </c>
      <c r="AE245" s="3">
        <f t="shared" si="31"/>
        <v>-0.11200000000000002</v>
      </c>
      <c r="AF245" s="4">
        <f t="shared" si="37"/>
        <v>0</v>
      </c>
      <c r="AG245" s="3">
        <f t="shared" si="34"/>
        <v>-0.14399999999999999</v>
      </c>
      <c r="AH245" s="4">
        <f t="shared" si="35"/>
        <v>0</v>
      </c>
      <c r="AI245" s="3">
        <f t="shared" si="32"/>
        <v>0.01</v>
      </c>
      <c r="AJ245" s="14"/>
      <c r="AK245" s="14"/>
      <c r="AO245" s="12"/>
      <c r="AP245" s="7"/>
      <c r="AQ245" s="7"/>
      <c r="AR245" s="13"/>
    </row>
    <row r="246" spans="1:44">
      <c r="A246" s="3" t="s">
        <v>52</v>
      </c>
      <c r="B246" s="2">
        <v>0.55244212962962969</v>
      </c>
      <c r="C246" s="3">
        <v>225.24</v>
      </c>
      <c r="D246" s="3">
        <v>396.4</v>
      </c>
      <c r="E246" s="3">
        <v>492.45</v>
      </c>
      <c r="F246" s="3">
        <v>601.19000000000005</v>
      </c>
      <c r="G246" s="3">
        <v>437.94</v>
      </c>
      <c r="H246" s="3">
        <v>609.9</v>
      </c>
      <c r="I246" s="3">
        <v>268.31</v>
      </c>
      <c r="J246" s="3">
        <v>405.42</v>
      </c>
      <c r="K246" s="3">
        <v>420.25</v>
      </c>
      <c r="L246" s="3">
        <v>438.1</v>
      </c>
      <c r="M246" s="3">
        <v>672.07</v>
      </c>
      <c r="N246" s="3">
        <v>810.13</v>
      </c>
      <c r="O246" s="3">
        <v>707.07</v>
      </c>
      <c r="P246" s="3">
        <v>850.75</v>
      </c>
      <c r="Q246" s="3">
        <v>2286.4299999999998</v>
      </c>
      <c r="R246" s="3">
        <v>2286.4299999999998</v>
      </c>
      <c r="S246" s="3">
        <v>0.47</v>
      </c>
      <c r="T246" s="3">
        <v>-0.12</v>
      </c>
      <c r="U246" s="3">
        <v>-0.1</v>
      </c>
      <c r="V246" s="3">
        <v>7.0000000000000007E-2</v>
      </c>
      <c r="W246" s="3">
        <v>0.39</v>
      </c>
      <c r="X246" s="3">
        <v>-0.16</v>
      </c>
      <c r="Y246" s="3">
        <v>-0.22</v>
      </c>
      <c r="Z246" s="3">
        <v>0.02</v>
      </c>
      <c r="AA246" s="4">
        <f t="shared" si="36"/>
        <v>0</v>
      </c>
      <c r="AB246" s="4">
        <f t="shared" si="38"/>
        <v>1.6</v>
      </c>
      <c r="AC246" s="3">
        <f t="shared" si="30"/>
        <v>0.752</v>
      </c>
      <c r="AD246" s="4">
        <f t="shared" si="33"/>
        <v>0</v>
      </c>
      <c r="AE246" s="3">
        <f t="shared" si="31"/>
        <v>-0.192</v>
      </c>
      <c r="AF246" s="4">
        <f t="shared" si="37"/>
        <v>0</v>
      </c>
      <c r="AG246" s="3">
        <f t="shared" si="34"/>
        <v>-0.16000000000000003</v>
      </c>
      <c r="AH246" s="4">
        <f t="shared" si="35"/>
        <v>0</v>
      </c>
      <c r="AI246" s="3">
        <f t="shared" si="32"/>
        <v>7.0000000000000007E-2</v>
      </c>
      <c r="AJ246" s="14"/>
      <c r="AK246" s="14"/>
      <c r="AO246" s="12"/>
      <c r="AP246" s="7"/>
      <c r="AQ246" s="7"/>
      <c r="AR246" s="13"/>
    </row>
    <row r="247" spans="1:44">
      <c r="A247" s="3" t="s">
        <v>52</v>
      </c>
      <c r="B247" s="2">
        <v>0.55313657407407402</v>
      </c>
      <c r="C247" s="3">
        <v>226.93</v>
      </c>
      <c r="D247" s="3">
        <v>403.43</v>
      </c>
      <c r="E247" s="3">
        <v>493.24</v>
      </c>
      <c r="F247" s="3">
        <v>601.44000000000005</v>
      </c>
      <c r="G247" s="3">
        <v>441.75</v>
      </c>
      <c r="H247" s="3">
        <v>615.32000000000005</v>
      </c>
      <c r="I247" s="3">
        <v>268.95</v>
      </c>
      <c r="J247" s="3">
        <v>413.71</v>
      </c>
      <c r="K247" s="3">
        <v>419.52</v>
      </c>
      <c r="L247" s="3">
        <v>434.61</v>
      </c>
      <c r="M247" s="3">
        <v>671.95</v>
      </c>
      <c r="N247" s="3">
        <v>801.77</v>
      </c>
      <c r="O247" s="3">
        <v>707.9</v>
      </c>
      <c r="P247" s="3">
        <v>851.17</v>
      </c>
      <c r="Q247" s="3">
        <v>2286.42</v>
      </c>
      <c r="R247" s="3">
        <v>2286.42</v>
      </c>
      <c r="S247" s="3">
        <v>0.52</v>
      </c>
      <c r="T247" s="3">
        <v>-0.12</v>
      </c>
      <c r="U247" s="3">
        <v>-0.09</v>
      </c>
      <c r="V247" s="3">
        <v>0.1</v>
      </c>
      <c r="W247" s="3">
        <v>0.34</v>
      </c>
      <c r="X247" s="3">
        <v>-0.17</v>
      </c>
      <c r="Y247" s="3">
        <v>-0.22</v>
      </c>
      <c r="Z247" s="3">
        <v>0.03</v>
      </c>
      <c r="AA247" s="4">
        <f t="shared" si="36"/>
        <v>0</v>
      </c>
      <c r="AB247" s="4">
        <f t="shared" si="38"/>
        <v>1.6</v>
      </c>
      <c r="AC247" s="3">
        <f t="shared" si="30"/>
        <v>0.83200000000000007</v>
      </c>
      <c r="AD247" s="4">
        <f t="shared" si="33"/>
        <v>0</v>
      </c>
      <c r="AE247" s="3">
        <f t="shared" si="31"/>
        <v>-0.192</v>
      </c>
      <c r="AF247" s="4">
        <f t="shared" si="37"/>
        <v>0</v>
      </c>
      <c r="AG247" s="3">
        <f t="shared" si="34"/>
        <v>-0.14399999999999999</v>
      </c>
      <c r="AH247" s="4">
        <f t="shared" si="35"/>
        <v>0</v>
      </c>
      <c r="AI247" s="3">
        <f t="shared" si="32"/>
        <v>0.1</v>
      </c>
      <c r="AJ247" s="14"/>
      <c r="AK247" s="14"/>
      <c r="AO247" s="12"/>
      <c r="AP247" s="7"/>
      <c r="AQ247" s="7"/>
      <c r="AR247" s="13"/>
    </row>
    <row r="248" spans="1:44">
      <c r="A248" s="3" t="s">
        <v>52</v>
      </c>
      <c r="B248" s="2">
        <v>0.55383101851851857</v>
      </c>
      <c r="C248" s="3">
        <v>229.49</v>
      </c>
      <c r="D248" s="3">
        <v>411.94</v>
      </c>
      <c r="E248" s="3">
        <v>493.92</v>
      </c>
      <c r="F248" s="3">
        <v>600.84</v>
      </c>
      <c r="G248" s="3">
        <v>443.29</v>
      </c>
      <c r="H248" s="3">
        <v>609.79999999999995</v>
      </c>
      <c r="I248" s="3">
        <v>269.39999999999998</v>
      </c>
      <c r="J248" s="3">
        <v>414.11</v>
      </c>
      <c r="K248" s="3">
        <v>418.39</v>
      </c>
      <c r="L248" s="3">
        <v>431.25</v>
      </c>
      <c r="M248" s="3">
        <v>671.92</v>
      </c>
      <c r="N248" s="3">
        <v>795.99</v>
      </c>
      <c r="O248" s="3">
        <v>708.48</v>
      </c>
      <c r="P248" s="3">
        <v>854.74</v>
      </c>
      <c r="Q248" s="3">
        <v>2286.42</v>
      </c>
      <c r="R248" s="3">
        <v>2286.42</v>
      </c>
      <c r="S248" s="3">
        <v>0.53</v>
      </c>
      <c r="T248" s="3">
        <v>-0.12</v>
      </c>
      <c r="U248" s="3">
        <v>-0.08</v>
      </c>
      <c r="V248" s="3">
        <v>0.09</v>
      </c>
      <c r="W248" s="3">
        <v>0.37</v>
      </c>
      <c r="X248" s="3">
        <v>-0.17</v>
      </c>
      <c r="Y248" s="3">
        <v>-0.21</v>
      </c>
      <c r="Z248" s="3">
        <v>0.04</v>
      </c>
      <c r="AA248" s="4">
        <f t="shared" si="36"/>
        <v>0</v>
      </c>
      <c r="AB248" s="4">
        <f t="shared" si="38"/>
        <v>1.6</v>
      </c>
      <c r="AC248" s="3">
        <f t="shared" si="30"/>
        <v>0.84800000000000009</v>
      </c>
      <c r="AD248" s="4">
        <f t="shared" si="33"/>
        <v>0</v>
      </c>
      <c r="AE248" s="3">
        <f t="shared" si="31"/>
        <v>-0.192</v>
      </c>
      <c r="AF248" s="4">
        <f t="shared" si="37"/>
        <v>0</v>
      </c>
      <c r="AG248" s="3">
        <f t="shared" si="34"/>
        <v>-0.128</v>
      </c>
      <c r="AH248" s="4">
        <f t="shared" si="35"/>
        <v>0</v>
      </c>
      <c r="AI248" s="3">
        <f t="shared" si="32"/>
        <v>0.09</v>
      </c>
      <c r="AJ248" s="14"/>
      <c r="AK248" s="14"/>
      <c r="AO248" s="12"/>
      <c r="AP248" s="7"/>
      <c r="AQ248" s="7"/>
      <c r="AR248" s="13"/>
    </row>
    <row r="249" spans="1:44">
      <c r="A249" s="3" t="s">
        <v>52</v>
      </c>
      <c r="B249" s="2">
        <v>0.5545254629629629</v>
      </c>
      <c r="C249" s="3">
        <v>230.25</v>
      </c>
      <c r="D249" s="3">
        <v>410.47</v>
      </c>
      <c r="E249" s="3">
        <v>494.32</v>
      </c>
      <c r="F249" s="3">
        <v>601.03</v>
      </c>
      <c r="G249" s="3">
        <v>442.79</v>
      </c>
      <c r="H249" s="3">
        <v>601.25</v>
      </c>
      <c r="I249" s="3">
        <v>269.27999999999997</v>
      </c>
      <c r="J249" s="3">
        <v>410.67</v>
      </c>
      <c r="K249" s="3">
        <v>417.6</v>
      </c>
      <c r="L249" s="3">
        <v>428</v>
      </c>
      <c r="M249" s="3">
        <v>673.35</v>
      </c>
      <c r="N249" s="3">
        <v>806.17</v>
      </c>
      <c r="O249" s="3">
        <v>709.09</v>
      </c>
      <c r="P249" s="3">
        <v>848.64</v>
      </c>
      <c r="Q249" s="3">
        <v>2286.41</v>
      </c>
      <c r="R249" s="3">
        <v>2286.41</v>
      </c>
      <c r="S249" s="3">
        <v>0.37</v>
      </c>
      <c r="T249" s="3">
        <v>-0.19</v>
      </c>
      <c r="U249" s="3">
        <v>-0.16</v>
      </c>
      <c r="V249" s="3">
        <v>-0.01</v>
      </c>
      <c r="W249" s="3">
        <v>0.21</v>
      </c>
      <c r="X249" s="3">
        <v>-0.17</v>
      </c>
      <c r="Y249" s="3">
        <v>-0.21</v>
      </c>
      <c r="Z249" s="3">
        <v>0.02</v>
      </c>
      <c r="AA249" s="4">
        <f t="shared" si="36"/>
        <v>0</v>
      </c>
      <c r="AB249" s="4">
        <f t="shared" si="38"/>
        <v>1.6</v>
      </c>
      <c r="AC249" s="3">
        <f t="shared" si="30"/>
        <v>0.59199999999999997</v>
      </c>
      <c r="AD249" s="4">
        <f t="shared" si="33"/>
        <v>0</v>
      </c>
      <c r="AE249" s="3">
        <f t="shared" si="31"/>
        <v>-0.30400000000000005</v>
      </c>
      <c r="AF249" s="4">
        <f t="shared" si="37"/>
        <v>0</v>
      </c>
      <c r="AG249" s="3">
        <f t="shared" si="34"/>
        <v>-0.25600000000000001</v>
      </c>
      <c r="AH249" s="4">
        <f t="shared" si="35"/>
        <v>0</v>
      </c>
      <c r="AI249" s="3">
        <f t="shared" si="32"/>
        <v>-0.01</v>
      </c>
      <c r="AJ249" s="14"/>
      <c r="AK249" s="14"/>
      <c r="AO249" s="12"/>
      <c r="AP249" s="7"/>
      <c r="AQ249" s="7"/>
      <c r="AR249" s="13"/>
    </row>
    <row r="250" spans="1:44">
      <c r="A250" s="3" t="s">
        <v>52</v>
      </c>
      <c r="B250" s="2">
        <v>0.55521990740740745</v>
      </c>
      <c r="C250" s="3">
        <v>229.8</v>
      </c>
      <c r="D250" s="3">
        <v>404.53</v>
      </c>
      <c r="E250" s="3">
        <v>494.92</v>
      </c>
      <c r="F250" s="3">
        <v>601.48</v>
      </c>
      <c r="G250" s="3">
        <v>441.89</v>
      </c>
      <c r="H250" s="3">
        <v>596.01</v>
      </c>
      <c r="I250" s="3">
        <v>269.83999999999997</v>
      </c>
      <c r="J250" s="3">
        <v>405.98</v>
      </c>
      <c r="K250" s="3">
        <v>415.96</v>
      </c>
      <c r="L250" s="3">
        <v>424.84</v>
      </c>
      <c r="M250" s="3">
        <v>675.27</v>
      </c>
      <c r="N250" s="3">
        <v>812.96</v>
      </c>
      <c r="O250" s="3">
        <v>709.74</v>
      </c>
      <c r="P250" s="3">
        <v>854.43</v>
      </c>
      <c r="Q250" s="3">
        <v>2286.38</v>
      </c>
      <c r="R250" s="3">
        <v>2286.38</v>
      </c>
      <c r="S250" s="3">
        <v>0.48</v>
      </c>
      <c r="T250" s="3">
        <v>-0.14000000000000001</v>
      </c>
      <c r="U250" s="3">
        <v>-0.12</v>
      </c>
      <c r="V250" s="3">
        <v>-0.02</v>
      </c>
      <c r="W250" s="3">
        <v>0.3</v>
      </c>
      <c r="X250" s="3">
        <v>-0.16</v>
      </c>
      <c r="Y250" s="3">
        <v>-0.19</v>
      </c>
      <c r="Z250" s="3">
        <v>0.02</v>
      </c>
      <c r="AA250" s="4">
        <f t="shared" si="36"/>
        <v>0</v>
      </c>
      <c r="AB250" s="4">
        <f t="shared" si="38"/>
        <v>1.6</v>
      </c>
      <c r="AC250" s="3">
        <f t="shared" si="30"/>
        <v>0.76800000000000002</v>
      </c>
      <c r="AD250" s="4">
        <f t="shared" si="33"/>
        <v>0</v>
      </c>
      <c r="AE250" s="3">
        <f t="shared" si="31"/>
        <v>-0.22400000000000003</v>
      </c>
      <c r="AF250" s="4">
        <f t="shared" si="37"/>
        <v>0</v>
      </c>
      <c r="AG250" s="3">
        <f t="shared" si="34"/>
        <v>-0.192</v>
      </c>
      <c r="AH250" s="4">
        <f t="shared" si="35"/>
        <v>0</v>
      </c>
      <c r="AI250" s="3">
        <f t="shared" si="32"/>
        <v>-0.02</v>
      </c>
      <c r="AJ250" s="14"/>
      <c r="AK250" s="14"/>
      <c r="AO250" s="12"/>
      <c r="AP250" s="7"/>
      <c r="AQ250" s="7"/>
      <c r="AR250" s="13"/>
    </row>
    <row r="251" spans="1:44">
      <c r="A251" s="3" t="s">
        <v>52</v>
      </c>
      <c r="B251" s="2">
        <v>0.55591435185185178</v>
      </c>
      <c r="C251" s="3">
        <v>228.84</v>
      </c>
      <c r="D251" s="3">
        <v>397.83</v>
      </c>
      <c r="E251" s="3">
        <v>495.44</v>
      </c>
      <c r="F251" s="3">
        <v>601.02</v>
      </c>
      <c r="G251" s="3">
        <v>444.57</v>
      </c>
      <c r="H251" s="3">
        <v>607.11</v>
      </c>
      <c r="I251" s="3">
        <v>271.39999999999998</v>
      </c>
      <c r="J251" s="3">
        <v>400.98</v>
      </c>
      <c r="K251" s="3">
        <v>408.11</v>
      </c>
      <c r="L251" s="3">
        <v>421.75</v>
      </c>
      <c r="M251" s="3">
        <v>677.2</v>
      </c>
      <c r="N251" s="3">
        <v>807.25</v>
      </c>
      <c r="O251" s="3">
        <v>709.82</v>
      </c>
      <c r="P251" s="3">
        <v>852.13</v>
      </c>
      <c r="Q251" s="3">
        <v>2286.35</v>
      </c>
      <c r="R251" s="3">
        <v>2286.35</v>
      </c>
      <c r="S251" s="3">
        <v>0.44</v>
      </c>
      <c r="T251" s="3">
        <v>-0.16</v>
      </c>
      <c r="U251" s="3">
        <v>5.69</v>
      </c>
      <c r="V251" s="3">
        <v>0.12</v>
      </c>
      <c r="W251" s="3">
        <v>0.28000000000000003</v>
      </c>
      <c r="X251" s="3">
        <v>-0.17</v>
      </c>
      <c r="Y251" s="3">
        <v>-0.17</v>
      </c>
      <c r="Z251" s="3">
        <v>0.03</v>
      </c>
      <c r="AA251" s="4">
        <f t="shared" si="36"/>
        <v>0</v>
      </c>
      <c r="AB251" s="4">
        <f t="shared" si="38"/>
        <v>1.6</v>
      </c>
      <c r="AC251" s="3">
        <f t="shared" si="30"/>
        <v>0.70400000000000007</v>
      </c>
      <c r="AD251" s="4">
        <f t="shared" si="33"/>
        <v>0</v>
      </c>
      <c r="AE251" s="3">
        <f t="shared" si="31"/>
        <v>-0.25600000000000001</v>
      </c>
      <c r="AF251" s="4">
        <f t="shared" si="37"/>
        <v>0</v>
      </c>
      <c r="AG251" s="3">
        <f t="shared" si="34"/>
        <v>9.104000000000001</v>
      </c>
      <c r="AH251" s="4">
        <f t="shared" si="35"/>
        <v>0</v>
      </c>
      <c r="AI251" s="3">
        <f t="shared" si="32"/>
        <v>0.12</v>
      </c>
      <c r="AJ251" s="14"/>
      <c r="AK251" s="14"/>
      <c r="AO251" s="12"/>
      <c r="AP251" s="7"/>
      <c r="AQ251" s="7"/>
      <c r="AR251" s="13"/>
    </row>
    <row r="252" spans="1:44">
      <c r="A252" s="3" t="s">
        <v>52</v>
      </c>
      <c r="B252" s="2">
        <v>0.55660879629629634</v>
      </c>
      <c r="C252" s="3">
        <v>229</v>
      </c>
      <c r="D252" s="3">
        <v>398.59</v>
      </c>
      <c r="E252" s="3">
        <v>495.9</v>
      </c>
      <c r="F252" s="3">
        <v>600.82000000000005</v>
      </c>
      <c r="G252" s="3">
        <v>448.27</v>
      </c>
      <c r="H252" s="3">
        <v>615.41999999999996</v>
      </c>
      <c r="I252" s="3">
        <v>268.55</v>
      </c>
      <c r="J252" s="3">
        <v>397.35</v>
      </c>
      <c r="K252" s="3">
        <v>403.98</v>
      </c>
      <c r="L252" s="3">
        <v>418.66</v>
      </c>
      <c r="M252" s="3">
        <v>676.28</v>
      </c>
      <c r="N252" s="3">
        <v>797.88</v>
      </c>
      <c r="O252" s="3">
        <v>710.37</v>
      </c>
      <c r="P252" s="3">
        <v>849.8</v>
      </c>
      <c r="Q252" s="3">
        <v>2286.3200000000002</v>
      </c>
      <c r="R252" s="3">
        <v>2286.3200000000002</v>
      </c>
      <c r="S252" s="3">
        <v>0.37</v>
      </c>
      <c r="T252" s="3">
        <v>-0.22</v>
      </c>
      <c r="U252" s="3">
        <v>24.84</v>
      </c>
      <c r="V252" s="3">
        <v>0.02</v>
      </c>
      <c r="W252" s="3">
        <v>7.0000000000000007E-2</v>
      </c>
      <c r="X252" s="3">
        <v>-0.02</v>
      </c>
      <c r="Y252" s="3">
        <v>-0.17</v>
      </c>
      <c r="Z252" s="3">
        <v>0.02</v>
      </c>
      <c r="AA252" s="4">
        <f t="shared" si="36"/>
        <v>0</v>
      </c>
      <c r="AB252" s="4">
        <f t="shared" si="38"/>
        <v>1.6</v>
      </c>
      <c r="AC252" s="3">
        <f t="shared" si="30"/>
        <v>0.59199999999999997</v>
      </c>
      <c r="AD252" s="4">
        <f t="shared" si="33"/>
        <v>0</v>
      </c>
      <c r="AE252" s="3">
        <f t="shared" si="31"/>
        <v>-0.35200000000000004</v>
      </c>
      <c r="AF252" s="4">
        <f t="shared" si="37"/>
        <v>0</v>
      </c>
      <c r="AG252" s="3">
        <f t="shared" si="34"/>
        <v>39.744</v>
      </c>
      <c r="AH252" s="4">
        <f t="shared" si="35"/>
        <v>0</v>
      </c>
      <c r="AI252" s="3">
        <f t="shared" si="32"/>
        <v>0.02</v>
      </c>
      <c r="AJ252" s="14"/>
      <c r="AK252" s="14"/>
      <c r="AO252" s="12"/>
      <c r="AP252" s="7"/>
      <c r="AQ252" s="7"/>
      <c r="AR252" s="13"/>
    </row>
    <row r="253" spans="1:44">
      <c r="A253" s="3" t="s">
        <v>52</v>
      </c>
      <c r="B253" s="2">
        <v>0.55730324074074067</v>
      </c>
      <c r="C253" s="3">
        <v>231.1</v>
      </c>
      <c r="D253" s="3">
        <v>409.05</v>
      </c>
      <c r="E253" s="3">
        <v>496.73</v>
      </c>
      <c r="F253" s="3">
        <v>601.53</v>
      </c>
      <c r="G253" s="3">
        <v>449.83</v>
      </c>
      <c r="H253" s="3">
        <v>611.24</v>
      </c>
      <c r="I253" s="3">
        <v>266.20999999999998</v>
      </c>
      <c r="J253" s="3">
        <v>403.23</v>
      </c>
      <c r="K253" s="3">
        <v>400.48</v>
      </c>
      <c r="L253" s="3">
        <v>415.52</v>
      </c>
      <c r="M253" s="3">
        <v>675.76</v>
      </c>
      <c r="N253" s="3">
        <v>797.39</v>
      </c>
      <c r="O253" s="3">
        <v>713.94</v>
      </c>
      <c r="P253" s="3">
        <v>855.13</v>
      </c>
      <c r="Q253" s="3">
        <v>2286.2800000000002</v>
      </c>
      <c r="R253" s="3">
        <v>2286.2800000000002</v>
      </c>
      <c r="S253" s="3">
        <v>0.56999999999999995</v>
      </c>
      <c r="T253" s="3">
        <v>-0.19</v>
      </c>
      <c r="U253" s="3">
        <v>25.38</v>
      </c>
      <c r="V253" s="3">
        <v>0.04</v>
      </c>
      <c r="W253" s="3">
        <v>0.06</v>
      </c>
      <c r="X253" s="3">
        <v>0.18</v>
      </c>
      <c r="Y253" s="3">
        <v>-0.15</v>
      </c>
      <c r="Z253" s="3">
        <v>0.01</v>
      </c>
      <c r="AA253" s="4">
        <f t="shared" si="36"/>
        <v>0</v>
      </c>
      <c r="AB253" s="4">
        <f t="shared" si="38"/>
        <v>1.6</v>
      </c>
      <c r="AC253" s="3">
        <f t="shared" si="30"/>
        <v>0.91199999999999992</v>
      </c>
      <c r="AD253" s="4">
        <f t="shared" si="33"/>
        <v>0</v>
      </c>
      <c r="AE253" s="3">
        <f t="shared" si="31"/>
        <v>-0.30400000000000005</v>
      </c>
      <c r="AF253" s="4">
        <f t="shared" si="37"/>
        <v>0</v>
      </c>
      <c r="AG253" s="3">
        <f t="shared" si="34"/>
        <v>40.608000000000004</v>
      </c>
      <c r="AH253" s="4">
        <f t="shared" si="35"/>
        <v>0</v>
      </c>
      <c r="AI253" s="3">
        <f t="shared" si="32"/>
        <v>0.04</v>
      </c>
      <c r="AJ253" s="14"/>
      <c r="AK253" s="14"/>
      <c r="AO253" s="12"/>
      <c r="AP253" s="7"/>
      <c r="AQ253" s="7"/>
      <c r="AR253" s="13"/>
    </row>
    <row r="254" spans="1:44">
      <c r="A254" s="3" t="s">
        <v>52</v>
      </c>
      <c r="B254" s="2">
        <v>0.55800925925925926</v>
      </c>
      <c r="C254" s="3">
        <v>232.48</v>
      </c>
      <c r="D254" s="3">
        <v>412.04</v>
      </c>
      <c r="E254" s="3">
        <v>497.13</v>
      </c>
      <c r="F254" s="3">
        <v>601.35</v>
      </c>
      <c r="G254" s="3">
        <v>449.39</v>
      </c>
      <c r="H254" s="3">
        <v>603.02</v>
      </c>
      <c r="I254" s="3">
        <v>264.5</v>
      </c>
      <c r="J254" s="3">
        <v>412.19</v>
      </c>
      <c r="K254" s="3">
        <v>397.97</v>
      </c>
      <c r="L254" s="3">
        <v>414.14</v>
      </c>
      <c r="M254" s="3">
        <v>677.67</v>
      </c>
      <c r="N254" s="3">
        <v>809.2</v>
      </c>
      <c r="O254" s="3">
        <v>727.97</v>
      </c>
      <c r="P254" s="3">
        <v>849.14</v>
      </c>
      <c r="Q254" s="3">
        <v>2286.25</v>
      </c>
      <c r="R254" s="3">
        <v>2286.25</v>
      </c>
      <c r="S254" s="3">
        <v>3.7</v>
      </c>
      <c r="T254" s="3">
        <v>-0.02</v>
      </c>
      <c r="U254" s="3">
        <v>18.100000000000001</v>
      </c>
      <c r="V254" s="3">
        <v>0.08</v>
      </c>
      <c r="W254" s="3">
        <v>0.1</v>
      </c>
      <c r="X254" s="3">
        <v>0.2</v>
      </c>
      <c r="Y254" s="3">
        <v>-0.14000000000000001</v>
      </c>
      <c r="Z254" s="3">
        <v>0.01</v>
      </c>
      <c r="AA254" s="4">
        <f t="shared" si="36"/>
        <v>0</v>
      </c>
      <c r="AB254" s="4">
        <f t="shared" si="38"/>
        <v>1.6</v>
      </c>
      <c r="AC254" s="3">
        <f t="shared" si="30"/>
        <v>5.9200000000000008</v>
      </c>
      <c r="AD254" s="4">
        <f t="shared" si="33"/>
        <v>0</v>
      </c>
      <c r="AE254" s="3">
        <f t="shared" si="31"/>
        <v>-3.2000000000000001E-2</v>
      </c>
      <c r="AF254" s="4">
        <f t="shared" si="37"/>
        <v>0</v>
      </c>
      <c r="AG254" s="3">
        <f t="shared" si="34"/>
        <v>28.960000000000004</v>
      </c>
      <c r="AH254" s="4">
        <f t="shared" si="35"/>
        <v>0</v>
      </c>
      <c r="AI254" s="3">
        <f t="shared" si="32"/>
        <v>0.08</v>
      </c>
      <c r="AJ254" s="14"/>
      <c r="AK254" s="14"/>
      <c r="AO254" s="12"/>
      <c r="AP254" s="7"/>
      <c r="AQ254" s="7"/>
      <c r="AR254" s="13"/>
    </row>
    <row r="255" spans="1:44">
      <c r="A255" s="3" t="s">
        <v>52</v>
      </c>
      <c r="B255" s="2">
        <v>0.5587037037037037</v>
      </c>
      <c r="C255" s="3">
        <v>232.34</v>
      </c>
      <c r="D255" s="3">
        <v>407.56</v>
      </c>
      <c r="E255" s="3">
        <v>497.46</v>
      </c>
      <c r="F255" s="3">
        <v>600.79999999999995</v>
      </c>
      <c r="G255" s="3">
        <v>448.04</v>
      </c>
      <c r="H255" s="3">
        <v>596.02</v>
      </c>
      <c r="I255" s="3">
        <v>262.93</v>
      </c>
      <c r="J255" s="3">
        <v>413.16</v>
      </c>
      <c r="K255" s="3">
        <v>396.97</v>
      </c>
      <c r="L255" s="3">
        <v>420.77</v>
      </c>
      <c r="M255" s="3">
        <v>678.9</v>
      </c>
      <c r="N255" s="3">
        <v>809.38</v>
      </c>
      <c r="O255" s="3">
        <v>748.69</v>
      </c>
      <c r="P255" s="3">
        <v>853.76</v>
      </c>
      <c r="Q255" s="3">
        <v>2286.21</v>
      </c>
      <c r="R255" s="3">
        <v>2286.21</v>
      </c>
      <c r="S255" s="3">
        <v>11.56</v>
      </c>
      <c r="T255" s="3">
        <v>0.28000000000000003</v>
      </c>
      <c r="U255" s="3">
        <v>5.72</v>
      </c>
      <c r="V255" s="3">
        <v>0.21</v>
      </c>
      <c r="W255" s="3">
        <v>0.55000000000000004</v>
      </c>
      <c r="X255" s="3">
        <v>7.0000000000000007E-2</v>
      </c>
      <c r="Y255" s="3">
        <v>-0.08</v>
      </c>
      <c r="Z255" s="3">
        <v>0.03</v>
      </c>
      <c r="AA255" s="4">
        <f t="shared" si="36"/>
        <v>0</v>
      </c>
      <c r="AB255" s="4">
        <f t="shared" si="38"/>
        <v>1.6</v>
      </c>
      <c r="AC255" s="3">
        <f t="shared" si="30"/>
        <v>18.496000000000002</v>
      </c>
      <c r="AD255" s="4">
        <f t="shared" si="33"/>
        <v>0</v>
      </c>
      <c r="AE255" s="3">
        <f t="shared" si="31"/>
        <v>0.44800000000000006</v>
      </c>
      <c r="AF255" s="4">
        <f t="shared" si="37"/>
        <v>0</v>
      </c>
      <c r="AG255" s="3">
        <f t="shared" si="34"/>
        <v>9.1519999999999992</v>
      </c>
      <c r="AH255" s="4">
        <f t="shared" si="35"/>
        <v>0</v>
      </c>
      <c r="AI255" s="3">
        <f t="shared" si="32"/>
        <v>0.21</v>
      </c>
      <c r="AJ255" s="14"/>
      <c r="AK255" s="14"/>
      <c r="AO255" s="12"/>
      <c r="AP255" s="7"/>
      <c r="AQ255" s="7"/>
      <c r="AR255" s="13"/>
    </row>
    <row r="256" spans="1:44">
      <c r="A256" s="3" t="s">
        <v>52</v>
      </c>
      <c r="B256" s="2">
        <v>0.55939814814814814</v>
      </c>
      <c r="C256" s="3">
        <v>231.21</v>
      </c>
      <c r="D256" s="3">
        <v>400.91</v>
      </c>
      <c r="E256" s="3">
        <v>497.77</v>
      </c>
      <c r="F256" s="3">
        <v>601.26</v>
      </c>
      <c r="G256" s="3">
        <v>449.59</v>
      </c>
      <c r="H256" s="3">
        <v>604.16999999999996</v>
      </c>
      <c r="I256" s="3">
        <v>261.04000000000002</v>
      </c>
      <c r="J256" s="3">
        <v>409.45</v>
      </c>
      <c r="K256" s="3">
        <v>396.9</v>
      </c>
      <c r="L256" s="3">
        <v>425.14</v>
      </c>
      <c r="M256" s="3">
        <v>679.37</v>
      </c>
      <c r="N256" s="3">
        <v>800.08</v>
      </c>
      <c r="O256" s="3">
        <v>766.32</v>
      </c>
      <c r="P256" s="3">
        <v>854.21</v>
      </c>
      <c r="Q256" s="3">
        <v>2286.1799999999998</v>
      </c>
      <c r="R256" s="3">
        <v>2286.1799999999998</v>
      </c>
      <c r="S256" s="3">
        <v>15.41</v>
      </c>
      <c r="T256" s="3">
        <v>0.39</v>
      </c>
      <c r="U256" s="3">
        <v>3.33</v>
      </c>
      <c r="V256" s="3">
        <v>0.22</v>
      </c>
      <c r="W256" s="3">
        <v>0.77</v>
      </c>
      <c r="X256" s="3">
        <v>-0.03</v>
      </c>
      <c r="Y256" s="3">
        <v>0.01</v>
      </c>
      <c r="Z256" s="3">
        <v>0.04</v>
      </c>
      <c r="AA256" s="4">
        <f t="shared" si="36"/>
        <v>0</v>
      </c>
      <c r="AB256" s="4">
        <f t="shared" si="38"/>
        <v>1.6</v>
      </c>
      <c r="AC256" s="3">
        <f t="shared" si="30"/>
        <v>24.656000000000002</v>
      </c>
      <c r="AD256" s="4">
        <f t="shared" si="33"/>
        <v>0</v>
      </c>
      <c r="AE256" s="3">
        <f t="shared" si="31"/>
        <v>0.62400000000000011</v>
      </c>
      <c r="AF256" s="4">
        <f t="shared" si="37"/>
        <v>0</v>
      </c>
      <c r="AG256" s="3">
        <f t="shared" si="34"/>
        <v>5.3280000000000003</v>
      </c>
      <c r="AH256" s="4">
        <f t="shared" si="35"/>
        <v>0</v>
      </c>
      <c r="AI256" s="3">
        <f t="shared" si="32"/>
        <v>0.22</v>
      </c>
      <c r="AJ256" s="14"/>
      <c r="AK256" s="14"/>
      <c r="AO256" s="12"/>
      <c r="AP256" s="7"/>
      <c r="AQ256" s="7"/>
      <c r="AR256" s="13"/>
    </row>
    <row r="257" spans="1:44">
      <c r="A257" s="3" t="s">
        <v>52</v>
      </c>
      <c r="B257" s="2">
        <v>0.56009259259259259</v>
      </c>
      <c r="C257" s="3">
        <v>230.08</v>
      </c>
      <c r="D257" s="3">
        <v>396.49</v>
      </c>
      <c r="E257" s="3">
        <v>498.23</v>
      </c>
      <c r="F257" s="3">
        <v>601.64</v>
      </c>
      <c r="G257" s="3">
        <v>453.1</v>
      </c>
      <c r="H257" s="3">
        <v>615.21</v>
      </c>
      <c r="I257" s="3">
        <v>258.72000000000003</v>
      </c>
      <c r="J257" s="3">
        <v>404.1</v>
      </c>
      <c r="K257" s="3">
        <v>395.61</v>
      </c>
      <c r="L257" s="3">
        <v>424.01</v>
      </c>
      <c r="M257" s="3">
        <v>678.63</v>
      </c>
      <c r="N257" s="3">
        <v>788.78</v>
      </c>
      <c r="O257" s="3">
        <v>781.03</v>
      </c>
      <c r="P257" s="3">
        <v>849.21</v>
      </c>
      <c r="Q257" s="3">
        <v>2286.13</v>
      </c>
      <c r="R257" s="3">
        <v>2286.13</v>
      </c>
      <c r="S257" s="3">
        <v>18.29</v>
      </c>
      <c r="T257" s="3">
        <v>0.37</v>
      </c>
      <c r="U257" s="3">
        <v>3.31</v>
      </c>
      <c r="V257" s="3">
        <v>0.19</v>
      </c>
      <c r="W257" s="3">
        <v>0.8</v>
      </c>
      <c r="X257" s="3">
        <v>-0.06</v>
      </c>
      <c r="Y257" s="3">
        <v>0.06</v>
      </c>
      <c r="Z257" s="3">
        <v>0.03</v>
      </c>
      <c r="AA257" s="4">
        <f t="shared" si="36"/>
        <v>0</v>
      </c>
      <c r="AB257" s="4">
        <f t="shared" si="38"/>
        <v>1.6</v>
      </c>
      <c r="AC257" s="3">
        <f t="shared" si="30"/>
        <v>29.263999999999999</v>
      </c>
      <c r="AD257" s="4">
        <f t="shared" si="33"/>
        <v>0</v>
      </c>
      <c r="AE257" s="3">
        <f t="shared" si="31"/>
        <v>0.59199999999999997</v>
      </c>
      <c r="AF257" s="4">
        <f t="shared" si="37"/>
        <v>0</v>
      </c>
      <c r="AG257" s="3">
        <f t="shared" si="34"/>
        <v>5.2960000000000003</v>
      </c>
      <c r="AH257" s="4">
        <f t="shared" si="35"/>
        <v>0</v>
      </c>
      <c r="AI257" s="3">
        <f t="shared" si="32"/>
        <v>0.19</v>
      </c>
      <c r="AJ257" s="14"/>
      <c r="AK257" s="14"/>
      <c r="AO257" s="12"/>
      <c r="AP257" s="7"/>
      <c r="AQ257" s="7"/>
      <c r="AR257" s="13"/>
    </row>
    <row r="258" spans="1:44">
      <c r="A258" s="3" t="s">
        <v>52</v>
      </c>
      <c r="B258" s="2">
        <v>0.56078703703703703</v>
      </c>
      <c r="C258" s="3">
        <v>231.15</v>
      </c>
      <c r="D258" s="3">
        <v>404.11</v>
      </c>
      <c r="E258" s="3">
        <v>498.64</v>
      </c>
      <c r="F258" s="3">
        <v>601.16</v>
      </c>
      <c r="G258" s="3">
        <v>454.82</v>
      </c>
      <c r="H258" s="3">
        <v>612.79999999999995</v>
      </c>
      <c r="I258" s="3">
        <v>256.13</v>
      </c>
      <c r="J258" s="3">
        <v>398.31</v>
      </c>
      <c r="K258" s="3">
        <v>393.57</v>
      </c>
      <c r="L258" s="3">
        <v>420.94</v>
      </c>
      <c r="M258" s="3">
        <v>677.64</v>
      </c>
      <c r="N258" s="3">
        <v>777.62</v>
      </c>
      <c r="O258" s="3">
        <v>790.36</v>
      </c>
      <c r="P258" s="3">
        <v>855.75</v>
      </c>
      <c r="Q258" s="3">
        <v>2286.1</v>
      </c>
      <c r="R258" s="3">
        <v>2286.1</v>
      </c>
      <c r="S258" s="3">
        <v>20.09</v>
      </c>
      <c r="T258" s="3">
        <v>0.4</v>
      </c>
      <c r="U258" s="3">
        <v>3.2</v>
      </c>
      <c r="V258" s="3">
        <v>0.27</v>
      </c>
      <c r="W258" s="3">
        <v>1.02</v>
      </c>
      <c r="X258" s="3">
        <v>-0.03</v>
      </c>
      <c r="Y258" s="3">
        <v>0.1</v>
      </c>
      <c r="Z258" s="3">
        <v>0.04</v>
      </c>
      <c r="AA258" s="4">
        <f t="shared" si="36"/>
        <v>0</v>
      </c>
      <c r="AB258" s="4">
        <f t="shared" si="38"/>
        <v>1.6</v>
      </c>
      <c r="AC258" s="3">
        <f t="shared" si="30"/>
        <v>32.143999999999998</v>
      </c>
      <c r="AD258" s="4">
        <f t="shared" si="33"/>
        <v>0</v>
      </c>
      <c r="AE258" s="3">
        <f t="shared" si="31"/>
        <v>0.64000000000000012</v>
      </c>
      <c r="AF258" s="4">
        <f t="shared" si="37"/>
        <v>0</v>
      </c>
      <c r="AG258" s="3">
        <f t="shared" si="34"/>
        <v>5.120000000000001</v>
      </c>
      <c r="AH258" s="4">
        <f t="shared" si="35"/>
        <v>0</v>
      </c>
      <c r="AI258" s="3">
        <f t="shared" si="32"/>
        <v>0.27</v>
      </c>
      <c r="AJ258" s="14"/>
      <c r="AK258" s="14"/>
      <c r="AO258" s="12"/>
      <c r="AP258" s="7"/>
      <c r="AQ258" s="7"/>
      <c r="AR258" s="13"/>
    </row>
    <row r="259" spans="1:44">
      <c r="A259" s="3" t="s">
        <v>52</v>
      </c>
      <c r="B259" s="2">
        <v>0.56148148148148147</v>
      </c>
      <c r="C259" s="3">
        <v>232.9</v>
      </c>
      <c r="D259" s="3">
        <v>412.08</v>
      </c>
      <c r="E259" s="3">
        <v>499.09</v>
      </c>
      <c r="F259" s="3">
        <v>600.82000000000005</v>
      </c>
      <c r="G259" s="3">
        <v>454.47</v>
      </c>
      <c r="H259" s="3">
        <v>604.98</v>
      </c>
      <c r="I259" s="3">
        <v>253.09</v>
      </c>
      <c r="J259" s="3">
        <v>392.45</v>
      </c>
      <c r="K259" s="3">
        <v>391.11</v>
      </c>
      <c r="L259" s="3">
        <v>417.36</v>
      </c>
      <c r="M259" s="3">
        <v>675.88</v>
      </c>
      <c r="N259" s="3">
        <v>766.75</v>
      </c>
      <c r="O259" s="3">
        <v>737.16</v>
      </c>
      <c r="P259" s="3">
        <v>853.15</v>
      </c>
      <c r="Q259" s="3">
        <v>2286.0500000000002</v>
      </c>
      <c r="R259" s="3">
        <v>2286.0500000000002</v>
      </c>
      <c r="S259" s="3">
        <v>20.43</v>
      </c>
      <c r="T259" s="3">
        <v>0.52</v>
      </c>
      <c r="U259" s="3">
        <v>3.38</v>
      </c>
      <c r="V259" s="3">
        <v>0.31</v>
      </c>
      <c r="W259" s="3">
        <v>1.17</v>
      </c>
      <c r="X259" s="3">
        <v>-0.02</v>
      </c>
      <c r="Y259" s="3">
        <v>0.13</v>
      </c>
      <c r="Z259" s="3">
        <v>0.05</v>
      </c>
      <c r="AA259" s="4">
        <f t="shared" si="36"/>
        <v>0</v>
      </c>
      <c r="AB259" s="4">
        <f t="shared" si="38"/>
        <v>1.6</v>
      </c>
      <c r="AC259" s="3">
        <f t="shared" ref="AC259:AC291" si="39">S259*AB259+AA259</f>
        <v>32.688000000000002</v>
      </c>
      <c r="AD259" s="4">
        <f t="shared" si="33"/>
        <v>0</v>
      </c>
      <c r="AE259" s="3">
        <f t="shared" ref="AE259:AE291" si="40">T259*AB259+AD259</f>
        <v>0.83200000000000007</v>
      </c>
      <c r="AF259" s="4">
        <f t="shared" si="37"/>
        <v>0</v>
      </c>
      <c r="AG259" s="3">
        <f t="shared" si="34"/>
        <v>5.4080000000000004</v>
      </c>
      <c r="AH259" s="4">
        <f t="shared" si="35"/>
        <v>0</v>
      </c>
      <c r="AI259" s="3">
        <f t="shared" ref="AI259:AI291" si="41">AH259*AB259+V259</f>
        <v>0.31</v>
      </c>
      <c r="AJ259" s="14"/>
      <c r="AK259" s="14"/>
      <c r="AO259" s="12"/>
      <c r="AP259" s="7"/>
      <c r="AQ259" s="7"/>
      <c r="AR259" s="13"/>
    </row>
    <row r="260" spans="1:44">
      <c r="A260" s="3" t="s">
        <v>52</v>
      </c>
      <c r="B260" s="2">
        <v>0.56217592592592591</v>
      </c>
      <c r="C260" s="3">
        <v>233.21</v>
      </c>
      <c r="D260" s="3">
        <v>410.21</v>
      </c>
      <c r="E260" s="3">
        <v>499.11</v>
      </c>
      <c r="F260" s="3">
        <v>601.4</v>
      </c>
      <c r="G260" s="3">
        <v>452.8</v>
      </c>
      <c r="H260" s="3">
        <v>596.80999999999995</v>
      </c>
      <c r="I260" s="3">
        <v>249.75</v>
      </c>
      <c r="J260" s="3">
        <v>386.67</v>
      </c>
      <c r="K260" s="3">
        <v>388.38</v>
      </c>
      <c r="L260" s="3">
        <v>413.68</v>
      </c>
      <c r="M260" s="3">
        <v>672.49</v>
      </c>
      <c r="N260" s="3">
        <v>756.41</v>
      </c>
      <c r="O260" s="3">
        <v>750.91</v>
      </c>
      <c r="P260" s="3">
        <v>849.35</v>
      </c>
      <c r="Q260" s="3">
        <v>2286.02</v>
      </c>
      <c r="R260" s="3">
        <v>2286.02</v>
      </c>
      <c r="S260" s="3">
        <v>14.96</v>
      </c>
      <c r="T260" s="3">
        <v>0.62</v>
      </c>
      <c r="U260" s="3">
        <v>5.07</v>
      </c>
      <c r="V260" s="3">
        <v>0.31</v>
      </c>
      <c r="W260" s="3">
        <v>0.64</v>
      </c>
      <c r="X260" s="3">
        <v>-0.02</v>
      </c>
      <c r="Y260" s="3">
        <v>0.14000000000000001</v>
      </c>
      <c r="Z260" s="3">
        <v>0.02</v>
      </c>
      <c r="AA260" s="4">
        <f t="shared" si="36"/>
        <v>0</v>
      </c>
      <c r="AB260" s="4">
        <f t="shared" si="38"/>
        <v>1.6</v>
      </c>
      <c r="AC260" s="3">
        <f t="shared" si="39"/>
        <v>23.936000000000003</v>
      </c>
      <c r="AD260" s="4">
        <f t="shared" ref="AD260:AD323" si="42">AD259</f>
        <v>0</v>
      </c>
      <c r="AE260" s="3">
        <f t="shared" si="40"/>
        <v>0.99199999999999999</v>
      </c>
      <c r="AF260" s="4">
        <f t="shared" si="37"/>
        <v>0</v>
      </c>
      <c r="AG260" s="3">
        <f t="shared" ref="AG260:AG323" si="43">U260*AB260+AF260</f>
        <v>8.1120000000000001</v>
      </c>
      <c r="AH260" s="4">
        <f t="shared" ref="AH260:AH323" si="44">AH259</f>
        <v>0</v>
      </c>
      <c r="AI260" s="3">
        <f t="shared" si="41"/>
        <v>0.31</v>
      </c>
      <c r="AJ260" s="14"/>
      <c r="AK260" s="14"/>
      <c r="AO260" s="12"/>
      <c r="AP260" s="7"/>
      <c r="AQ260" s="7"/>
      <c r="AR260" s="13"/>
    </row>
    <row r="261" spans="1:44">
      <c r="A261" s="3" t="s">
        <v>52</v>
      </c>
      <c r="B261" s="2">
        <v>0.56287037037037035</v>
      </c>
      <c r="C261" s="3">
        <v>232.32</v>
      </c>
      <c r="D261" s="3">
        <v>404.21</v>
      </c>
      <c r="E261" s="3">
        <v>499.39</v>
      </c>
      <c r="F261" s="3">
        <v>601.5</v>
      </c>
      <c r="G261" s="3">
        <v>453.29</v>
      </c>
      <c r="H261" s="3">
        <v>600.99</v>
      </c>
      <c r="I261" s="3">
        <v>246.27</v>
      </c>
      <c r="J261" s="3">
        <v>381.02</v>
      </c>
      <c r="K261" s="3">
        <v>385.26</v>
      </c>
      <c r="L261" s="3">
        <v>410.07</v>
      </c>
      <c r="M261" s="3">
        <v>669.65</v>
      </c>
      <c r="N261" s="3">
        <v>746.49</v>
      </c>
      <c r="O261" s="3">
        <v>758.32</v>
      </c>
      <c r="P261" s="3">
        <v>856.12</v>
      </c>
      <c r="Q261" s="3">
        <v>2285.9699999999998</v>
      </c>
      <c r="R261" s="3">
        <v>2285.9699999999998</v>
      </c>
      <c r="S261" s="3">
        <v>15.81</v>
      </c>
      <c r="T261" s="3">
        <v>0.26</v>
      </c>
      <c r="U261" s="3">
        <v>6.46</v>
      </c>
      <c r="V261" s="3">
        <v>0.16</v>
      </c>
      <c r="W261" s="3">
        <v>0.7</v>
      </c>
      <c r="X261" s="3">
        <v>0.05</v>
      </c>
      <c r="Y261" s="3">
        <v>0.14000000000000001</v>
      </c>
      <c r="Z261" s="3">
        <v>0.02</v>
      </c>
      <c r="AA261" s="4">
        <f t="shared" ref="AA261:AA324" si="45">AA260</f>
        <v>0</v>
      </c>
      <c r="AB261" s="4">
        <f t="shared" si="38"/>
        <v>1.6</v>
      </c>
      <c r="AC261" s="3">
        <f t="shared" si="39"/>
        <v>25.296000000000003</v>
      </c>
      <c r="AD261" s="4">
        <f t="shared" si="42"/>
        <v>0</v>
      </c>
      <c r="AE261" s="3">
        <f t="shared" si="40"/>
        <v>0.41600000000000004</v>
      </c>
      <c r="AF261" s="4">
        <f t="shared" ref="AF261:AF324" si="46">AF260</f>
        <v>0</v>
      </c>
      <c r="AG261" s="3">
        <f t="shared" si="43"/>
        <v>10.336</v>
      </c>
      <c r="AH261" s="4">
        <f t="shared" si="44"/>
        <v>0</v>
      </c>
      <c r="AI261" s="3">
        <f t="shared" si="41"/>
        <v>0.16</v>
      </c>
      <c r="AJ261" s="14"/>
      <c r="AK261" s="14"/>
      <c r="AO261" s="12"/>
      <c r="AP261" s="7"/>
      <c r="AQ261" s="7"/>
      <c r="AR261" s="13"/>
    </row>
    <row r="262" spans="1:44">
      <c r="A262" s="3" t="s">
        <v>52</v>
      </c>
      <c r="B262" s="2">
        <v>0.56357638888888884</v>
      </c>
      <c r="C262" s="3">
        <v>211.24</v>
      </c>
      <c r="D262" s="3">
        <v>397.6</v>
      </c>
      <c r="E262" s="3">
        <v>506.93</v>
      </c>
      <c r="F262" s="3">
        <v>595.66</v>
      </c>
      <c r="G262" s="3">
        <v>439.66</v>
      </c>
      <c r="H262" s="3">
        <v>614</v>
      </c>
      <c r="I262" s="3">
        <v>242.8</v>
      </c>
      <c r="J262" s="3">
        <v>375.56</v>
      </c>
      <c r="K262" s="3">
        <v>383.3</v>
      </c>
      <c r="L262" s="3">
        <v>406.53</v>
      </c>
      <c r="M262" s="3">
        <v>667.48</v>
      </c>
      <c r="N262" s="3">
        <v>736.92</v>
      </c>
      <c r="O262" s="3">
        <v>755.96</v>
      </c>
      <c r="P262" s="3">
        <v>851.53</v>
      </c>
      <c r="Q262" s="3">
        <v>2285.9299999999998</v>
      </c>
      <c r="R262" s="3">
        <v>2285.9299999999998</v>
      </c>
      <c r="S262" s="3">
        <v>15.54</v>
      </c>
      <c r="T262" s="3">
        <v>0.22</v>
      </c>
      <c r="U262" s="3">
        <v>6.62</v>
      </c>
      <c r="V262" s="3">
        <v>0.2</v>
      </c>
      <c r="W262" s="3">
        <v>0.68</v>
      </c>
      <c r="X262" s="3">
        <v>0.12</v>
      </c>
      <c r="Y262" s="3">
        <v>0.16</v>
      </c>
      <c r="Z262" s="3">
        <v>0.02</v>
      </c>
      <c r="AA262" s="4">
        <f t="shared" si="45"/>
        <v>0</v>
      </c>
      <c r="AB262" s="4">
        <f t="shared" si="38"/>
        <v>1.6</v>
      </c>
      <c r="AC262" s="3">
        <f t="shared" si="39"/>
        <v>24.864000000000001</v>
      </c>
      <c r="AD262" s="4">
        <f t="shared" si="42"/>
        <v>0</v>
      </c>
      <c r="AE262" s="3">
        <f t="shared" si="40"/>
        <v>0.35200000000000004</v>
      </c>
      <c r="AF262" s="4">
        <f t="shared" si="46"/>
        <v>0</v>
      </c>
      <c r="AG262" s="3">
        <f t="shared" si="43"/>
        <v>10.592000000000001</v>
      </c>
      <c r="AH262" s="4">
        <f t="shared" si="44"/>
        <v>0</v>
      </c>
      <c r="AI262" s="3">
        <f t="shared" si="41"/>
        <v>0.2</v>
      </c>
      <c r="AJ262" s="14"/>
      <c r="AK262" s="14"/>
      <c r="AO262" s="12"/>
      <c r="AP262" s="7"/>
      <c r="AQ262" s="7"/>
      <c r="AR262" s="13"/>
    </row>
    <row r="263" spans="1:44">
      <c r="A263" s="3" t="s">
        <v>52</v>
      </c>
      <c r="B263" s="2">
        <v>0.56427083333333339</v>
      </c>
      <c r="C263" s="3">
        <v>187.84</v>
      </c>
      <c r="D263" s="3">
        <v>398.83</v>
      </c>
      <c r="E263" s="3">
        <v>505.91</v>
      </c>
      <c r="F263" s="3">
        <v>577.53</v>
      </c>
      <c r="G263" s="3">
        <v>415.56</v>
      </c>
      <c r="H263" s="3">
        <v>612.9</v>
      </c>
      <c r="I263" s="3">
        <v>239.74</v>
      </c>
      <c r="J263" s="3">
        <v>370.3</v>
      </c>
      <c r="K263" s="3">
        <v>381.31</v>
      </c>
      <c r="L263" s="3">
        <v>403.1</v>
      </c>
      <c r="M263" s="3">
        <v>665.34</v>
      </c>
      <c r="N263" s="3">
        <v>727.81</v>
      </c>
      <c r="O263" s="3">
        <v>766.02</v>
      </c>
      <c r="P263" s="3">
        <v>851.11</v>
      </c>
      <c r="Q263" s="3">
        <v>2285.9</v>
      </c>
      <c r="R263" s="3">
        <v>2285.9</v>
      </c>
      <c r="S263" s="3">
        <v>9.32</v>
      </c>
      <c r="T263" s="3">
        <v>0.2</v>
      </c>
      <c r="U263" s="3">
        <v>5.2</v>
      </c>
      <c r="V263" s="3">
        <v>0.2</v>
      </c>
      <c r="W263" s="3">
        <v>0.22</v>
      </c>
      <c r="X263" s="3">
        <v>-7.0000000000000007E-2</v>
      </c>
      <c r="Y263" s="3">
        <v>0.15</v>
      </c>
      <c r="Z263" s="3">
        <v>-0.03</v>
      </c>
      <c r="AA263" s="4">
        <f t="shared" si="45"/>
        <v>0</v>
      </c>
      <c r="AB263" s="4">
        <f t="shared" si="38"/>
        <v>1.6</v>
      </c>
      <c r="AC263" s="3">
        <f t="shared" si="39"/>
        <v>14.912000000000001</v>
      </c>
      <c r="AD263" s="4">
        <f t="shared" si="42"/>
        <v>0</v>
      </c>
      <c r="AE263" s="3">
        <f t="shared" si="40"/>
        <v>0.32000000000000006</v>
      </c>
      <c r="AF263" s="4">
        <f t="shared" si="46"/>
        <v>0</v>
      </c>
      <c r="AG263" s="3">
        <f t="shared" si="43"/>
        <v>8.32</v>
      </c>
      <c r="AH263" s="4">
        <f t="shared" si="44"/>
        <v>0</v>
      </c>
      <c r="AI263" s="3">
        <f t="shared" si="41"/>
        <v>0.2</v>
      </c>
      <c r="AJ263" s="14"/>
      <c r="AK263" s="14"/>
      <c r="AO263" s="12"/>
      <c r="AP263" s="7"/>
      <c r="AQ263" s="7"/>
      <c r="AR263" s="13"/>
    </row>
    <row r="264" spans="1:44">
      <c r="A264" s="3" t="s">
        <v>52</v>
      </c>
      <c r="B264" s="2">
        <v>0.56496527777777772</v>
      </c>
      <c r="C264" s="3">
        <v>175.16</v>
      </c>
      <c r="D264" s="3">
        <v>408.88</v>
      </c>
      <c r="E264" s="3">
        <v>498.23</v>
      </c>
      <c r="F264" s="3">
        <v>565.67999999999995</v>
      </c>
      <c r="G264" s="3">
        <v>396.18</v>
      </c>
      <c r="H264" s="3">
        <v>603.28</v>
      </c>
      <c r="I264" s="3">
        <v>236.7</v>
      </c>
      <c r="J264" s="3">
        <v>365.26</v>
      </c>
      <c r="K264" s="3">
        <v>378.45</v>
      </c>
      <c r="L264" s="3">
        <v>399.78</v>
      </c>
      <c r="M264" s="3">
        <v>663.04</v>
      </c>
      <c r="N264" s="3">
        <v>719.14</v>
      </c>
      <c r="O264" s="3">
        <v>771.92</v>
      </c>
      <c r="P264" s="3">
        <v>855.84</v>
      </c>
      <c r="Q264" s="3">
        <v>2285.89</v>
      </c>
      <c r="R264" s="3">
        <v>2285.89</v>
      </c>
      <c r="S264" s="3">
        <v>6.47</v>
      </c>
      <c r="T264" s="3">
        <v>0.18</v>
      </c>
      <c r="U264" s="3">
        <v>5.0599999999999996</v>
      </c>
      <c r="V264" s="3">
        <v>0.15</v>
      </c>
      <c r="W264" s="3">
        <v>0.01</v>
      </c>
      <c r="X264" s="3">
        <v>-0.18</v>
      </c>
      <c r="Y264" s="3">
        <v>0.15</v>
      </c>
      <c r="Z264" s="3">
        <v>-0.11</v>
      </c>
      <c r="AA264" s="4">
        <f t="shared" si="45"/>
        <v>0</v>
      </c>
      <c r="AB264" s="4">
        <f t="shared" si="38"/>
        <v>1.6</v>
      </c>
      <c r="AC264" s="3">
        <f t="shared" si="39"/>
        <v>10.352</v>
      </c>
      <c r="AD264" s="4">
        <f t="shared" si="42"/>
        <v>0</v>
      </c>
      <c r="AE264" s="3">
        <f t="shared" si="40"/>
        <v>0.28799999999999998</v>
      </c>
      <c r="AF264" s="4">
        <f t="shared" si="46"/>
        <v>0</v>
      </c>
      <c r="AG264" s="3">
        <f t="shared" si="43"/>
        <v>8.0960000000000001</v>
      </c>
      <c r="AH264" s="4">
        <f t="shared" si="44"/>
        <v>0</v>
      </c>
      <c r="AI264" s="3">
        <f t="shared" si="41"/>
        <v>0.15</v>
      </c>
      <c r="AJ264" s="14"/>
      <c r="AK264" s="14"/>
      <c r="AO264" s="12"/>
      <c r="AP264" s="7"/>
      <c r="AQ264" s="7"/>
      <c r="AR264" s="13"/>
    </row>
    <row r="265" spans="1:44">
      <c r="A265" s="3" t="s">
        <v>52</v>
      </c>
      <c r="B265" s="2">
        <v>0.56565972222222227</v>
      </c>
      <c r="C265" s="3">
        <v>164.54</v>
      </c>
      <c r="D265" s="3">
        <v>410.58</v>
      </c>
      <c r="E265" s="3">
        <v>491.91</v>
      </c>
      <c r="F265" s="3">
        <v>592.64</v>
      </c>
      <c r="G265" s="3">
        <v>378.72</v>
      </c>
      <c r="H265" s="3">
        <v>593.45000000000005</v>
      </c>
      <c r="I265" s="3">
        <v>233.62</v>
      </c>
      <c r="J265" s="3">
        <v>360.44</v>
      </c>
      <c r="K265" s="3">
        <v>375.72</v>
      </c>
      <c r="L265" s="3">
        <v>396.57</v>
      </c>
      <c r="M265" s="3">
        <v>660.8</v>
      </c>
      <c r="N265" s="3">
        <v>710.79</v>
      </c>
      <c r="O265" s="3">
        <v>779.44</v>
      </c>
      <c r="P265" s="3">
        <v>850.24</v>
      </c>
      <c r="Q265" s="3">
        <v>2285.87</v>
      </c>
      <c r="R265" s="3">
        <v>2285.87</v>
      </c>
      <c r="S265" s="3">
        <v>6.89</v>
      </c>
      <c r="T265" s="3">
        <v>0.26</v>
      </c>
      <c r="U265" s="3">
        <v>4.41</v>
      </c>
      <c r="V265" s="3">
        <v>0.18</v>
      </c>
      <c r="W265" s="3">
        <v>0.02</v>
      </c>
      <c r="X265" s="3">
        <v>-0.19</v>
      </c>
      <c r="Y265" s="3">
        <v>0.17</v>
      </c>
      <c r="Z265" s="3">
        <v>-0.05</v>
      </c>
      <c r="AA265" s="4">
        <f t="shared" si="45"/>
        <v>0</v>
      </c>
      <c r="AB265" s="4">
        <f t="shared" si="38"/>
        <v>1.6</v>
      </c>
      <c r="AC265" s="3">
        <f t="shared" si="39"/>
        <v>11.024000000000001</v>
      </c>
      <c r="AD265" s="4">
        <f t="shared" si="42"/>
        <v>0</v>
      </c>
      <c r="AE265" s="3">
        <f t="shared" si="40"/>
        <v>0.41600000000000004</v>
      </c>
      <c r="AF265" s="4">
        <f t="shared" si="46"/>
        <v>0</v>
      </c>
      <c r="AG265" s="3">
        <f t="shared" si="43"/>
        <v>7.0560000000000009</v>
      </c>
      <c r="AH265" s="4">
        <f t="shared" si="44"/>
        <v>0</v>
      </c>
      <c r="AI265" s="3">
        <f t="shared" si="41"/>
        <v>0.18</v>
      </c>
      <c r="AJ265" s="14"/>
      <c r="AK265" s="14"/>
      <c r="AO265" s="12"/>
      <c r="AP265" s="7"/>
      <c r="AQ265" s="7"/>
      <c r="AR265" s="13"/>
    </row>
    <row r="266" spans="1:44">
      <c r="A266" s="3" t="s">
        <v>52</v>
      </c>
      <c r="B266" s="2">
        <v>0.5663541666666666</v>
      </c>
      <c r="C266" s="3">
        <v>155.03</v>
      </c>
      <c r="D266" s="3">
        <v>404.68</v>
      </c>
      <c r="E266" s="3">
        <v>488.49</v>
      </c>
      <c r="F266" s="3">
        <v>599.04999999999995</v>
      </c>
      <c r="G266" s="3">
        <v>366.95</v>
      </c>
      <c r="H266" s="3">
        <v>598.74</v>
      </c>
      <c r="I266" s="3">
        <v>230.46</v>
      </c>
      <c r="J266" s="3">
        <v>355.81</v>
      </c>
      <c r="K266" s="3">
        <v>372.98</v>
      </c>
      <c r="L266" s="3">
        <v>393.46</v>
      </c>
      <c r="M266" s="3">
        <v>658.7</v>
      </c>
      <c r="N266" s="3">
        <v>702.85</v>
      </c>
      <c r="O266" s="3">
        <v>786.16</v>
      </c>
      <c r="P266" s="3">
        <v>853.07</v>
      </c>
      <c r="Q266" s="3">
        <v>2285.88</v>
      </c>
      <c r="R266" s="3">
        <v>2285.88</v>
      </c>
      <c r="S266" s="3">
        <v>7.92</v>
      </c>
      <c r="T266" s="3">
        <v>0.4</v>
      </c>
      <c r="U266" s="3">
        <v>3.5</v>
      </c>
      <c r="V266" s="3">
        <v>0.27</v>
      </c>
      <c r="W266" s="3">
        <v>0.02</v>
      </c>
      <c r="X266" s="3">
        <v>-0.19</v>
      </c>
      <c r="Y266" s="3">
        <v>0.18</v>
      </c>
      <c r="Z266" s="3">
        <v>-0.02</v>
      </c>
      <c r="AA266" s="4">
        <f t="shared" si="45"/>
        <v>0</v>
      </c>
      <c r="AB266" s="4">
        <f t="shared" si="38"/>
        <v>1.6</v>
      </c>
      <c r="AC266" s="3">
        <f t="shared" si="39"/>
        <v>12.672000000000001</v>
      </c>
      <c r="AD266" s="4">
        <f t="shared" si="42"/>
        <v>0</v>
      </c>
      <c r="AE266" s="3">
        <f t="shared" si="40"/>
        <v>0.64000000000000012</v>
      </c>
      <c r="AF266" s="4">
        <f t="shared" si="46"/>
        <v>0</v>
      </c>
      <c r="AG266" s="3">
        <f t="shared" si="43"/>
        <v>5.6000000000000005</v>
      </c>
      <c r="AH266" s="4">
        <f t="shared" si="44"/>
        <v>0</v>
      </c>
      <c r="AI266" s="3">
        <f t="shared" si="41"/>
        <v>0.27</v>
      </c>
      <c r="AJ266" s="14"/>
      <c r="AK266" s="14"/>
      <c r="AO266" s="12"/>
      <c r="AP266" s="7"/>
      <c r="AQ266" s="7"/>
      <c r="AR266" s="13"/>
    </row>
    <row r="267" spans="1:44">
      <c r="A267" s="3" t="s">
        <v>52</v>
      </c>
      <c r="B267" s="2">
        <v>0.56704861111111116</v>
      </c>
      <c r="C267" s="3">
        <v>146.65</v>
      </c>
      <c r="D267" s="3">
        <v>396.88</v>
      </c>
      <c r="E267" s="3">
        <v>485.51</v>
      </c>
      <c r="F267" s="3">
        <v>599.71</v>
      </c>
      <c r="G267" s="3">
        <v>359.77</v>
      </c>
      <c r="H267" s="3">
        <v>611.48</v>
      </c>
      <c r="I267" s="3">
        <v>227.43</v>
      </c>
      <c r="J267" s="3">
        <v>351.37</v>
      </c>
      <c r="K267" s="3">
        <v>370.12</v>
      </c>
      <c r="L267" s="3">
        <v>390.44</v>
      </c>
      <c r="M267" s="3">
        <v>656.73</v>
      </c>
      <c r="N267" s="3">
        <v>695.26</v>
      </c>
      <c r="O267" s="3">
        <v>790.82</v>
      </c>
      <c r="P267" s="3">
        <v>855.75</v>
      </c>
      <c r="Q267" s="3">
        <v>2285.91</v>
      </c>
      <c r="R267" s="3">
        <v>2285.91</v>
      </c>
      <c r="S267" s="3">
        <v>8.42</v>
      </c>
      <c r="T267" s="3">
        <v>0.4</v>
      </c>
      <c r="U267" s="3">
        <v>3.42</v>
      </c>
      <c r="V267" s="3">
        <v>0.25</v>
      </c>
      <c r="W267" s="3">
        <v>0.03</v>
      </c>
      <c r="X267" s="3">
        <v>-0.19</v>
      </c>
      <c r="Y267" s="3">
        <v>0.18</v>
      </c>
      <c r="Z267" s="3">
        <v>-0.02</v>
      </c>
      <c r="AA267" s="4">
        <f t="shared" si="45"/>
        <v>0</v>
      </c>
      <c r="AB267" s="4">
        <f t="shared" si="38"/>
        <v>1.6</v>
      </c>
      <c r="AC267" s="3">
        <f t="shared" si="39"/>
        <v>13.472000000000001</v>
      </c>
      <c r="AD267" s="4">
        <f t="shared" si="42"/>
        <v>0</v>
      </c>
      <c r="AE267" s="3">
        <f t="shared" si="40"/>
        <v>0.64000000000000012</v>
      </c>
      <c r="AF267" s="4">
        <f t="shared" si="46"/>
        <v>0</v>
      </c>
      <c r="AG267" s="3">
        <f t="shared" si="43"/>
        <v>5.4720000000000004</v>
      </c>
      <c r="AH267" s="4">
        <f t="shared" si="44"/>
        <v>0</v>
      </c>
      <c r="AI267" s="3">
        <f t="shared" si="41"/>
        <v>0.25</v>
      </c>
      <c r="AJ267" s="14"/>
      <c r="AK267" s="14"/>
      <c r="AO267" s="12"/>
      <c r="AP267" s="7"/>
      <c r="AQ267" s="7"/>
      <c r="AR267" s="13"/>
    </row>
    <row r="268" spans="1:44">
      <c r="A268" s="3" t="s">
        <v>52</v>
      </c>
      <c r="B268" s="2">
        <v>0.56774305555555549</v>
      </c>
      <c r="C268" s="3">
        <v>140.75</v>
      </c>
      <c r="D268" s="3">
        <v>396.83</v>
      </c>
      <c r="E268" s="3">
        <v>482.58</v>
      </c>
      <c r="F268" s="3">
        <v>599.38</v>
      </c>
      <c r="G268" s="3">
        <v>351.69</v>
      </c>
      <c r="H268" s="3">
        <v>609.55999999999995</v>
      </c>
      <c r="I268" s="3">
        <v>224.41</v>
      </c>
      <c r="J268" s="3">
        <v>347.08</v>
      </c>
      <c r="K268" s="3">
        <v>367.25</v>
      </c>
      <c r="L268" s="3">
        <v>387.5</v>
      </c>
      <c r="M268" s="3">
        <v>654.9</v>
      </c>
      <c r="N268" s="3">
        <v>687.9</v>
      </c>
      <c r="O268" s="3">
        <v>795.41</v>
      </c>
      <c r="P268" s="3">
        <v>850.07</v>
      </c>
      <c r="Q268" s="3">
        <v>2285.94</v>
      </c>
      <c r="R268" s="3">
        <v>2285.94</v>
      </c>
      <c r="S268" s="3">
        <v>8.9600000000000009</v>
      </c>
      <c r="T268" s="3">
        <v>0.37</v>
      </c>
      <c r="U268" s="3">
        <v>3.41</v>
      </c>
      <c r="V268" s="3">
        <v>0.24</v>
      </c>
      <c r="W268" s="3">
        <v>0.03</v>
      </c>
      <c r="X268" s="3">
        <v>-0.19</v>
      </c>
      <c r="Y268" s="3">
        <v>0.18</v>
      </c>
      <c r="Z268" s="3">
        <v>-0.02</v>
      </c>
      <c r="AA268" s="4">
        <f t="shared" si="45"/>
        <v>0</v>
      </c>
      <c r="AB268" s="4">
        <f t="shared" si="38"/>
        <v>1.6</v>
      </c>
      <c r="AC268" s="3">
        <f t="shared" si="39"/>
        <v>14.336000000000002</v>
      </c>
      <c r="AD268" s="4">
        <f t="shared" si="42"/>
        <v>0</v>
      </c>
      <c r="AE268" s="3">
        <f t="shared" si="40"/>
        <v>0.59199999999999997</v>
      </c>
      <c r="AF268" s="4">
        <f t="shared" si="46"/>
        <v>0</v>
      </c>
      <c r="AG268" s="3">
        <f t="shared" si="43"/>
        <v>5.4560000000000004</v>
      </c>
      <c r="AH268" s="4">
        <f t="shared" si="44"/>
        <v>0</v>
      </c>
      <c r="AI268" s="3">
        <f t="shared" si="41"/>
        <v>0.24</v>
      </c>
      <c r="AJ268" s="14"/>
      <c r="AK268" s="14"/>
      <c r="AO268" s="12"/>
      <c r="AP268" s="7"/>
      <c r="AQ268" s="7"/>
      <c r="AR268" s="13"/>
    </row>
    <row r="269" spans="1:44">
      <c r="A269" s="3" t="s">
        <v>52</v>
      </c>
      <c r="B269" s="2">
        <v>0.56844907407407408</v>
      </c>
      <c r="C269" s="3">
        <v>137.76</v>
      </c>
      <c r="D269" s="3">
        <v>407.07</v>
      </c>
      <c r="E269" s="3">
        <v>479.44</v>
      </c>
      <c r="F269" s="3">
        <v>599.30999999999995</v>
      </c>
      <c r="G269" s="3">
        <v>342.32</v>
      </c>
      <c r="H269" s="3">
        <v>598.45000000000005</v>
      </c>
      <c r="I269" s="3">
        <v>221.34</v>
      </c>
      <c r="J269" s="3">
        <v>342.96</v>
      </c>
      <c r="K269" s="3">
        <v>364.4</v>
      </c>
      <c r="L269" s="3">
        <v>384.61</v>
      </c>
      <c r="M269" s="3">
        <v>653.04</v>
      </c>
      <c r="N269" s="3">
        <v>680.82</v>
      </c>
      <c r="O269" s="3">
        <v>797.41</v>
      </c>
      <c r="P269" s="3">
        <v>853.73</v>
      </c>
      <c r="Q269" s="3">
        <v>2285.98</v>
      </c>
      <c r="R269" s="3">
        <v>2285.98</v>
      </c>
      <c r="S269" s="3">
        <v>9.27</v>
      </c>
      <c r="T269" s="3">
        <v>0.38</v>
      </c>
      <c r="U269" s="3">
        <v>3.4</v>
      </c>
      <c r="V269" s="3">
        <v>0.22</v>
      </c>
      <c r="W269" s="3">
        <v>0</v>
      </c>
      <c r="X269" s="3">
        <v>-0.21</v>
      </c>
      <c r="Y269" s="3">
        <v>0.16</v>
      </c>
      <c r="Z269" s="3">
        <v>-0.01</v>
      </c>
      <c r="AA269" s="4">
        <f t="shared" si="45"/>
        <v>0</v>
      </c>
      <c r="AB269" s="4">
        <f t="shared" si="38"/>
        <v>1.6</v>
      </c>
      <c r="AC269" s="3">
        <f t="shared" si="39"/>
        <v>14.832000000000001</v>
      </c>
      <c r="AD269" s="4">
        <f t="shared" si="42"/>
        <v>0</v>
      </c>
      <c r="AE269" s="3">
        <f t="shared" si="40"/>
        <v>0.6080000000000001</v>
      </c>
      <c r="AF269" s="4">
        <f t="shared" si="46"/>
        <v>0</v>
      </c>
      <c r="AG269" s="3">
        <f t="shared" si="43"/>
        <v>5.44</v>
      </c>
      <c r="AH269" s="4">
        <f t="shared" si="44"/>
        <v>0</v>
      </c>
      <c r="AI269" s="3">
        <f t="shared" si="41"/>
        <v>0.22</v>
      </c>
      <c r="AJ269" s="14"/>
      <c r="AK269" s="14"/>
      <c r="AO269" s="12"/>
      <c r="AP269" s="7"/>
      <c r="AQ269" s="7"/>
      <c r="AR269" s="13"/>
    </row>
    <row r="270" spans="1:44">
      <c r="A270" s="3" t="s">
        <v>52</v>
      </c>
      <c r="B270" s="2">
        <v>0.56914351851851852</v>
      </c>
      <c r="C270" s="3">
        <v>134.87</v>
      </c>
      <c r="D270" s="3">
        <v>410.9</v>
      </c>
      <c r="E270" s="3">
        <v>476.2</v>
      </c>
      <c r="F270" s="3">
        <v>599.48</v>
      </c>
      <c r="G270" s="3">
        <v>333.66</v>
      </c>
      <c r="H270" s="3">
        <v>592.37</v>
      </c>
      <c r="I270" s="3">
        <v>218.32</v>
      </c>
      <c r="J270" s="3">
        <v>338.97</v>
      </c>
      <c r="K270" s="3">
        <v>361.15</v>
      </c>
      <c r="L270" s="3">
        <v>381.8</v>
      </c>
      <c r="M270" s="3">
        <v>651.08000000000004</v>
      </c>
      <c r="N270" s="3">
        <v>673.96</v>
      </c>
      <c r="O270" s="3">
        <v>801.03</v>
      </c>
      <c r="P270" s="3">
        <v>855.33</v>
      </c>
      <c r="Q270" s="3">
        <v>2286.0300000000002</v>
      </c>
      <c r="R270" s="3">
        <v>2286.0300000000002</v>
      </c>
      <c r="S270" s="3">
        <v>9.65</v>
      </c>
      <c r="T270" s="3">
        <v>0.34</v>
      </c>
      <c r="U270" s="3">
        <v>3.44</v>
      </c>
      <c r="V270" s="3">
        <v>0.21</v>
      </c>
      <c r="W270" s="3">
        <v>0</v>
      </c>
      <c r="X270" s="3">
        <v>-0.19</v>
      </c>
      <c r="Y270" s="3">
        <v>0.1</v>
      </c>
      <c r="Z270" s="3">
        <v>-0.01</v>
      </c>
      <c r="AA270" s="4">
        <f t="shared" si="45"/>
        <v>0</v>
      </c>
      <c r="AB270" s="4">
        <f t="shared" si="38"/>
        <v>1.6</v>
      </c>
      <c r="AC270" s="3">
        <f t="shared" si="39"/>
        <v>15.440000000000001</v>
      </c>
      <c r="AD270" s="4">
        <f t="shared" si="42"/>
        <v>0</v>
      </c>
      <c r="AE270" s="3">
        <f t="shared" si="40"/>
        <v>0.54400000000000004</v>
      </c>
      <c r="AF270" s="4">
        <f t="shared" si="46"/>
        <v>0</v>
      </c>
      <c r="AG270" s="3">
        <f t="shared" si="43"/>
        <v>5.5040000000000004</v>
      </c>
      <c r="AH270" s="4">
        <f t="shared" si="44"/>
        <v>0</v>
      </c>
      <c r="AI270" s="3">
        <f t="shared" si="41"/>
        <v>0.21</v>
      </c>
      <c r="AJ270" s="14"/>
      <c r="AK270" s="14"/>
      <c r="AO270" s="12"/>
      <c r="AP270" s="7"/>
      <c r="AQ270" s="7"/>
      <c r="AR270" s="13"/>
    </row>
    <row r="271" spans="1:44">
      <c r="A271" s="3" t="s">
        <v>52</v>
      </c>
      <c r="B271" s="2">
        <v>0.56983796296296296</v>
      </c>
      <c r="C271" s="3">
        <v>131.31</v>
      </c>
      <c r="D271" s="3">
        <v>405.6</v>
      </c>
      <c r="E271" s="3">
        <v>473.06</v>
      </c>
      <c r="F271" s="3">
        <v>599.1</v>
      </c>
      <c r="G271" s="3">
        <v>329.74</v>
      </c>
      <c r="H271" s="3">
        <v>603.11</v>
      </c>
      <c r="I271" s="3">
        <v>215.45</v>
      </c>
      <c r="J271" s="3">
        <v>335.11</v>
      </c>
      <c r="K271" s="3">
        <v>358.12</v>
      </c>
      <c r="L271" s="3">
        <v>379.03</v>
      </c>
      <c r="M271" s="3">
        <v>649.22</v>
      </c>
      <c r="N271" s="3">
        <v>667.27</v>
      </c>
      <c r="O271" s="3">
        <v>806.86</v>
      </c>
      <c r="P271" s="3">
        <v>849.85</v>
      </c>
      <c r="Q271" s="3">
        <v>2286.09</v>
      </c>
      <c r="R271" s="3">
        <v>2286.09</v>
      </c>
      <c r="S271" s="3">
        <v>9.08</v>
      </c>
      <c r="T271" s="3">
        <v>0.09</v>
      </c>
      <c r="U271" s="3">
        <v>17.940000000000001</v>
      </c>
      <c r="V271" s="3">
        <v>7.0000000000000007E-2</v>
      </c>
      <c r="W271" s="3">
        <v>-0.18</v>
      </c>
      <c r="X271" s="3">
        <v>-0.2</v>
      </c>
      <c r="Y271" s="3">
        <v>0.05</v>
      </c>
      <c r="Z271" s="3">
        <v>-0.01</v>
      </c>
      <c r="AA271" s="4">
        <f t="shared" si="45"/>
        <v>0</v>
      </c>
      <c r="AB271" s="4">
        <f t="shared" si="38"/>
        <v>1.6</v>
      </c>
      <c r="AC271" s="3">
        <f t="shared" si="39"/>
        <v>14.528</v>
      </c>
      <c r="AD271" s="4">
        <f t="shared" si="42"/>
        <v>0</v>
      </c>
      <c r="AE271" s="3">
        <f t="shared" si="40"/>
        <v>0.14399999999999999</v>
      </c>
      <c r="AF271" s="4">
        <f t="shared" si="46"/>
        <v>0</v>
      </c>
      <c r="AG271" s="3">
        <f t="shared" si="43"/>
        <v>28.704000000000004</v>
      </c>
      <c r="AH271" s="4">
        <f t="shared" si="44"/>
        <v>0</v>
      </c>
      <c r="AI271" s="3">
        <f t="shared" si="41"/>
        <v>7.0000000000000007E-2</v>
      </c>
      <c r="AJ271" s="14"/>
      <c r="AK271" s="14"/>
      <c r="AO271" s="12"/>
      <c r="AP271" s="7"/>
      <c r="AQ271" s="7"/>
      <c r="AR271" s="13"/>
    </row>
    <row r="272" spans="1:44">
      <c r="A272" s="3" t="s">
        <v>52</v>
      </c>
      <c r="B272" s="2">
        <v>0.5705324074074074</v>
      </c>
      <c r="C272" s="3">
        <v>127.55</v>
      </c>
      <c r="D272" s="3">
        <v>397.55</v>
      </c>
      <c r="E272" s="3">
        <v>470.52</v>
      </c>
      <c r="F272" s="3">
        <v>599.5</v>
      </c>
      <c r="G272" s="3">
        <v>327.48</v>
      </c>
      <c r="H272" s="3">
        <v>612.22</v>
      </c>
      <c r="I272" s="3">
        <v>212.39</v>
      </c>
      <c r="J272" s="3">
        <v>331.38</v>
      </c>
      <c r="K272" s="3">
        <v>355.09</v>
      </c>
      <c r="L272" s="3">
        <v>376.31</v>
      </c>
      <c r="M272" s="3">
        <v>647.52</v>
      </c>
      <c r="N272" s="3">
        <v>660.7</v>
      </c>
      <c r="O272" s="3">
        <v>813.07</v>
      </c>
      <c r="P272" s="3">
        <v>854.45</v>
      </c>
      <c r="Q272" s="3">
        <v>2286.15</v>
      </c>
      <c r="R272" s="3">
        <v>2286.15</v>
      </c>
      <c r="S272" s="3">
        <v>9.5399999999999991</v>
      </c>
      <c r="T272" s="3">
        <v>-0.01</v>
      </c>
      <c r="U272" s="3">
        <v>25.47</v>
      </c>
      <c r="V272" s="3">
        <v>0</v>
      </c>
      <c r="W272" s="3">
        <v>-0.24</v>
      </c>
      <c r="X272" s="3">
        <v>-0.2</v>
      </c>
      <c r="Y272" s="3">
        <v>0.02</v>
      </c>
      <c r="Z272" s="3">
        <v>-0.02</v>
      </c>
      <c r="AA272" s="4">
        <f t="shared" si="45"/>
        <v>0</v>
      </c>
      <c r="AB272" s="4">
        <f t="shared" si="38"/>
        <v>1.6</v>
      </c>
      <c r="AC272" s="3">
        <f t="shared" si="39"/>
        <v>15.263999999999999</v>
      </c>
      <c r="AD272" s="4">
        <f t="shared" si="42"/>
        <v>0</v>
      </c>
      <c r="AE272" s="3">
        <f t="shared" si="40"/>
        <v>-1.6E-2</v>
      </c>
      <c r="AF272" s="4">
        <f t="shared" si="46"/>
        <v>0</v>
      </c>
      <c r="AG272" s="3">
        <f t="shared" si="43"/>
        <v>40.752000000000002</v>
      </c>
      <c r="AH272" s="4">
        <f t="shared" si="44"/>
        <v>0</v>
      </c>
      <c r="AI272" s="3">
        <f t="shared" si="41"/>
        <v>0</v>
      </c>
      <c r="AJ272" s="14"/>
      <c r="AK272" s="14"/>
      <c r="AO272" s="12"/>
      <c r="AP272" s="7"/>
      <c r="AQ272" s="7"/>
      <c r="AR272" s="13"/>
    </row>
    <row r="273" spans="1:44">
      <c r="A273" s="3" t="s">
        <v>52</v>
      </c>
      <c r="B273" s="2">
        <v>0.57122685185185185</v>
      </c>
      <c r="C273" s="3">
        <v>124.73</v>
      </c>
      <c r="D273" s="3">
        <v>396.03</v>
      </c>
      <c r="E273" s="3">
        <v>468.14</v>
      </c>
      <c r="F273" s="3">
        <v>598.69000000000005</v>
      </c>
      <c r="G273" s="3">
        <v>322.58999999999997</v>
      </c>
      <c r="H273" s="3">
        <v>605.74</v>
      </c>
      <c r="I273" s="3">
        <v>209.45</v>
      </c>
      <c r="J273" s="3">
        <v>327.75</v>
      </c>
      <c r="K273" s="3">
        <v>352.21</v>
      </c>
      <c r="L273" s="3">
        <v>373.62</v>
      </c>
      <c r="M273" s="3">
        <v>645.95000000000005</v>
      </c>
      <c r="N273" s="3">
        <v>654.35</v>
      </c>
      <c r="O273" s="3">
        <v>831.35</v>
      </c>
      <c r="P273" s="3">
        <v>855.7</v>
      </c>
      <c r="Q273" s="3">
        <v>2286.2199999999998</v>
      </c>
      <c r="R273" s="3">
        <v>2286.2199999999998</v>
      </c>
      <c r="S273" s="3">
        <v>15.12</v>
      </c>
      <c r="T273" s="3">
        <v>0.06</v>
      </c>
      <c r="U273" s="3">
        <v>19.190000000000001</v>
      </c>
      <c r="V273" s="3">
        <v>0.04</v>
      </c>
      <c r="W273" s="3">
        <v>-0.26</v>
      </c>
      <c r="X273" s="3">
        <v>-0.2</v>
      </c>
      <c r="Y273" s="3">
        <v>0</v>
      </c>
      <c r="Z273" s="3">
        <v>-0.02</v>
      </c>
      <c r="AA273" s="4">
        <f t="shared" si="45"/>
        <v>0</v>
      </c>
      <c r="AB273" s="4">
        <f t="shared" si="38"/>
        <v>1.6</v>
      </c>
      <c r="AC273" s="3">
        <f t="shared" si="39"/>
        <v>24.192</v>
      </c>
      <c r="AD273" s="4">
        <f t="shared" si="42"/>
        <v>0</v>
      </c>
      <c r="AE273" s="3">
        <f t="shared" si="40"/>
        <v>9.6000000000000002E-2</v>
      </c>
      <c r="AF273" s="4">
        <f t="shared" si="46"/>
        <v>0</v>
      </c>
      <c r="AG273" s="3">
        <f t="shared" si="43"/>
        <v>30.704000000000004</v>
      </c>
      <c r="AH273" s="4">
        <f t="shared" si="44"/>
        <v>0</v>
      </c>
      <c r="AI273" s="3">
        <f t="shared" si="41"/>
        <v>0.04</v>
      </c>
      <c r="AJ273" s="14"/>
      <c r="AK273" s="14"/>
      <c r="AO273" s="12"/>
      <c r="AP273" s="7"/>
      <c r="AQ273" s="7"/>
      <c r="AR273" s="13"/>
    </row>
    <row r="274" spans="1:44">
      <c r="A274" s="3" t="s">
        <v>52</v>
      </c>
      <c r="B274" s="2">
        <v>0.57192129629629629</v>
      </c>
      <c r="C274" s="3">
        <v>124.45</v>
      </c>
      <c r="D274" s="3">
        <v>405.89</v>
      </c>
      <c r="E274" s="3">
        <v>465.75</v>
      </c>
      <c r="F274" s="3">
        <v>599.59</v>
      </c>
      <c r="G274" s="3">
        <v>316.33999999999997</v>
      </c>
      <c r="H274" s="3">
        <v>594.03</v>
      </c>
      <c r="I274" s="3">
        <v>206.46</v>
      </c>
      <c r="J274" s="3">
        <v>324.2</v>
      </c>
      <c r="K274" s="3">
        <v>349.32</v>
      </c>
      <c r="L274" s="3">
        <v>370.97</v>
      </c>
      <c r="M274" s="3">
        <v>644.86</v>
      </c>
      <c r="N274" s="3">
        <v>648.02</v>
      </c>
      <c r="O274" s="3">
        <v>842.88</v>
      </c>
      <c r="P274" s="3">
        <v>850.74</v>
      </c>
      <c r="Q274" s="3">
        <v>2286.2600000000002</v>
      </c>
      <c r="R274" s="3">
        <v>2286.2600000000002</v>
      </c>
      <c r="S274" s="3">
        <v>24.1</v>
      </c>
      <c r="T274" s="3">
        <v>0.12</v>
      </c>
      <c r="U274" s="3">
        <v>14.12</v>
      </c>
      <c r="V274" s="3">
        <v>0.05</v>
      </c>
      <c r="W274" s="3">
        <v>-0.27</v>
      </c>
      <c r="X274" s="3">
        <v>-0.22</v>
      </c>
      <c r="Y274" s="3">
        <v>-0.03</v>
      </c>
      <c r="Z274" s="3">
        <v>0</v>
      </c>
      <c r="AA274" s="4">
        <f t="shared" si="45"/>
        <v>0</v>
      </c>
      <c r="AB274" s="4">
        <f t="shared" si="38"/>
        <v>1.6</v>
      </c>
      <c r="AC274" s="3">
        <f t="shared" si="39"/>
        <v>38.56</v>
      </c>
      <c r="AD274" s="4">
        <f t="shared" si="42"/>
        <v>0</v>
      </c>
      <c r="AE274" s="3">
        <f t="shared" si="40"/>
        <v>0.192</v>
      </c>
      <c r="AF274" s="4">
        <f t="shared" si="46"/>
        <v>0</v>
      </c>
      <c r="AG274" s="3">
        <f t="shared" si="43"/>
        <v>22.591999999999999</v>
      </c>
      <c r="AH274" s="4">
        <f t="shared" si="44"/>
        <v>0</v>
      </c>
      <c r="AI274" s="3">
        <f t="shared" si="41"/>
        <v>0.05</v>
      </c>
      <c r="AJ274" s="14"/>
      <c r="AK274" s="14"/>
      <c r="AO274" s="12"/>
      <c r="AP274" s="7"/>
      <c r="AQ274" s="7"/>
      <c r="AR274" s="13"/>
    </row>
    <row r="275" spans="1:44">
      <c r="A275" s="3" t="s">
        <v>52</v>
      </c>
      <c r="B275" s="2">
        <v>0.57261574074074073</v>
      </c>
      <c r="C275" s="3">
        <v>124.62</v>
      </c>
      <c r="D275" s="3">
        <v>411.06</v>
      </c>
      <c r="E275" s="3">
        <v>463.68</v>
      </c>
      <c r="F275" s="3">
        <v>598.62</v>
      </c>
      <c r="G275" s="3">
        <v>313.06</v>
      </c>
      <c r="H275" s="3">
        <v>594.4</v>
      </c>
      <c r="I275" s="3">
        <v>203.55</v>
      </c>
      <c r="J275" s="3">
        <v>320.77</v>
      </c>
      <c r="K275" s="3">
        <v>346.5</v>
      </c>
      <c r="L275" s="3">
        <v>368.36</v>
      </c>
      <c r="M275" s="3">
        <v>643.97</v>
      </c>
      <c r="N275" s="3">
        <v>641.99</v>
      </c>
      <c r="O275" s="3">
        <v>849.85</v>
      </c>
      <c r="P275" s="3">
        <v>853.39</v>
      </c>
      <c r="Q275" s="3">
        <v>2286.3200000000002</v>
      </c>
      <c r="R275" s="3">
        <v>2286.3200000000002</v>
      </c>
      <c r="S275" s="3">
        <v>28.78</v>
      </c>
      <c r="T275" s="3">
        <v>0.13</v>
      </c>
      <c r="U275" s="3">
        <v>12.68</v>
      </c>
      <c r="V275" s="3">
        <v>7.0000000000000007E-2</v>
      </c>
      <c r="W275" s="3">
        <v>-0.26</v>
      </c>
      <c r="X275" s="3">
        <v>-0.2</v>
      </c>
      <c r="Y275" s="3">
        <v>-7.0000000000000007E-2</v>
      </c>
      <c r="Z275" s="3">
        <v>-0.01</v>
      </c>
      <c r="AA275" s="4">
        <f t="shared" si="45"/>
        <v>0</v>
      </c>
      <c r="AB275" s="4">
        <f t="shared" si="38"/>
        <v>1.6</v>
      </c>
      <c r="AC275" s="3">
        <f t="shared" si="39"/>
        <v>46.048000000000002</v>
      </c>
      <c r="AD275" s="4">
        <f t="shared" si="42"/>
        <v>0</v>
      </c>
      <c r="AE275" s="3">
        <f t="shared" si="40"/>
        <v>0.20800000000000002</v>
      </c>
      <c r="AF275" s="4">
        <f t="shared" si="46"/>
        <v>0</v>
      </c>
      <c r="AG275" s="3">
        <f t="shared" si="43"/>
        <v>20.288</v>
      </c>
      <c r="AH275" s="4">
        <f t="shared" si="44"/>
        <v>0</v>
      </c>
      <c r="AI275" s="3">
        <f t="shared" si="41"/>
        <v>7.0000000000000007E-2</v>
      </c>
      <c r="AJ275" s="14"/>
      <c r="AK275" s="14"/>
      <c r="AO275" s="12"/>
      <c r="AP275" s="7"/>
      <c r="AQ275" s="7"/>
      <c r="AR275" s="13"/>
    </row>
    <row r="276" spans="1:44">
      <c r="A276" s="3" t="s">
        <v>52</v>
      </c>
      <c r="B276" s="2">
        <v>0.57331018518518517</v>
      </c>
      <c r="C276" s="3">
        <v>123.94</v>
      </c>
      <c r="D276" s="3">
        <v>406.42</v>
      </c>
      <c r="E276" s="3">
        <v>462.23</v>
      </c>
      <c r="F276" s="3">
        <v>599.4</v>
      </c>
      <c r="G276" s="3">
        <v>313.95999999999998</v>
      </c>
      <c r="H276" s="3">
        <v>607.91999999999996</v>
      </c>
      <c r="I276" s="3">
        <v>200.6</v>
      </c>
      <c r="J276" s="3">
        <v>317.42</v>
      </c>
      <c r="K276" s="3">
        <v>343.65</v>
      </c>
      <c r="L276" s="3">
        <v>365.79</v>
      </c>
      <c r="M276" s="3">
        <v>643.02</v>
      </c>
      <c r="N276" s="3">
        <v>636.19000000000005</v>
      </c>
      <c r="O276" s="3">
        <v>854.68</v>
      </c>
      <c r="P276" s="3">
        <v>856.76</v>
      </c>
      <c r="Q276" s="3">
        <v>2286.35</v>
      </c>
      <c r="R276" s="3">
        <v>2286.35</v>
      </c>
      <c r="S276" s="3">
        <v>33.49</v>
      </c>
      <c r="T276" s="3">
        <v>0.17</v>
      </c>
      <c r="U276" s="3">
        <v>11.03</v>
      </c>
      <c r="V276" s="3">
        <v>0.12</v>
      </c>
      <c r="W276" s="3">
        <v>-0.28000000000000003</v>
      </c>
      <c r="X276" s="3">
        <v>-0.21</v>
      </c>
      <c r="Y276" s="3">
        <v>-0.11</v>
      </c>
      <c r="Z276" s="3">
        <v>-0.02</v>
      </c>
      <c r="AA276" s="4">
        <f t="shared" si="45"/>
        <v>0</v>
      </c>
      <c r="AB276" s="4">
        <f t="shared" si="38"/>
        <v>1.6</v>
      </c>
      <c r="AC276" s="3">
        <f t="shared" si="39"/>
        <v>53.584000000000003</v>
      </c>
      <c r="AD276" s="4">
        <f t="shared" si="42"/>
        <v>0</v>
      </c>
      <c r="AE276" s="3">
        <f t="shared" si="40"/>
        <v>0.27200000000000002</v>
      </c>
      <c r="AF276" s="4">
        <f t="shared" si="46"/>
        <v>0</v>
      </c>
      <c r="AG276" s="3">
        <f t="shared" si="43"/>
        <v>17.648</v>
      </c>
      <c r="AH276" s="4">
        <f t="shared" si="44"/>
        <v>0</v>
      </c>
      <c r="AI276" s="3">
        <f t="shared" si="41"/>
        <v>0.12</v>
      </c>
      <c r="AJ276" s="14"/>
      <c r="AK276" s="14"/>
      <c r="AO276" s="12"/>
      <c r="AP276" s="7"/>
      <c r="AQ276" s="7"/>
      <c r="AR276" s="13"/>
    </row>
    <row r="277" spans="1:44">
      <c r="A277" s="3" t="s">
        <v>52</v>
      </c>
      <c r="B277" s="2">
        <v>0.57401620370370365</v>
      </c>
      <c r="C277" s="3">
        <v>121.87</v>
      </c>
      <c r="D277" s="3">
        <v>398.44</v>
      </c>
      <c r="E277" s="3">
        <v>461.11</v>
      </c>
      <c r="F277" s="3">
        <v>598.85</v>
      </c>
      <c r="G277" s="3">
        <v>313.54000000000002</v>
      </c>
      <c r="H277" s="3">
        <v>611.4</v>
      </c>
      <c r="I277" s="3">
        <v>197.67</v>
      </c>
      <c r="J277" s="3">
        <v>314.14999999999998</v>
      </c>
      <c r="K277" s="3">
        <v>340.85</v>
      </c>
      <c r="L277" s="3">
        <v>363.24</v>
      </c>
      <c r="M277" s="3">
        <v>642.13</v>
      </c>
      <c r="N277" s="3">
        <v>630.45000000000005</v>
      </c>
      <c r="O277" s="3">
        <v>858.89</v>
      </c>
      <c r="P277" s="3">
        <v>853.13</v>
      </c>
      <c r="Q277" s="3">
        <v>2286.37</v>
      </c>
      <c r="R277" s="3">
        <v>2286.37</v>
      </c>
      <c r="S277" s="3">
        <v>37.69</v>
      </c>
      <c r="T277" s="3">
        <v>0.33</v>
      </c>
      <c r="U277" s="3">
        <v>8.69</v>
      </c>
      <c r="V277" s="3">
        <v>0.26</v>
      </c>
      <c r="W277" s="3">
        <v>-0.28999999999999998</v>
      </c>
      <c r="X277" s="3">
        <v>-0.2</v>
      </c>
      <c r="Y277" s="3">
        <v>-0.14000000000000001</v>
      </c>
      <c r="Z277" s="3">
        <v>-0.01</v>
      </c>
      <c r="AA277" s="4">
        <f t="shared" si="45"/>
        <v>0</v>
      </c>
      <c r="AB277" s="4">
        <f t="shared" si="38"/>
        <v>1.6</v>
      </c>
      <c r="AC277" s="3">
        <f t="shared" si="39"/>
        <v>60.304000000000002</v>
      </c>
      <c r="AD277" s="4">
        <f t="shared" si="42"/>
        <v>0</v>
      </c>
      <c r="AE277" s="3">
        <f t="shared" si="40"/>
        <v>0.52800000000000002</v>
      </c>
      <c r="AF277" s="4">
        <f t="shared" si="46"/>
        <v>0</v>
      </c>
      <c r="AG277" s="3">
        <f t="shared" si="43"/>
        <v>13.904</v>
      </c>
      <c r="AH277" s="4">
        <f t="shared" si="44"/>
        <v>0</v>
      </c>
      <c r="AI277" s="3">
        <f t="shared" si="41"/>
        <v>0.26</v>
      </c>
      <c r="AJ277" s="14"/>
      <c r="AK277" s="14"/>
      <c r="AO277" s="12"/>
      <c r="AP277" s="7"/>
      <c r="AQ277" s="7"/>
      <c r="AR277" s="13"/>
    </row>
    <row r="278" spans="1:44">
      <c r="A278" s="3" t="s">
        <v>52</v>
      </c>
      <c r="B278" s="2">
        <v>0.57471064814814821</v>
      </c>
      <c r="C278" s="3">
        <v>120.01</v>
      </c>
      <c r="D278" s="3">
        <v>395.53</v>
      </c>
      <c r="E278" s="3">
        <v>459.88</v>
      </c>
      <c r="F278" s="3">
        <v>598.94000000000005</v>
      </c>
      <c r="G278" s="3">
        <v>309.73</v>
      </c>
      <c r="H278" s="3">
        <v>601.71</v>
      </c>
      <c r="I278" s="3">
        <v>194.88</v>
      </c>
      <c r="J278" s="3">
        <v>310.97000000000003</v>
      </c>
      <c r="K278" s="3">
        <v>338.12</v>
      </c>
      <c r="L278" s="3">
        <v>360.74</v>
      </c>
      <c r="M278" s="3">
        <v>641.37</v>
      </c>
      <c r="N278" s="3">
        <v>624.94000000000005</v>
      </c>
      <c r="O278" s="3">
        <v>861.19</v>
      </c>
      <c r="P278" s="3">
        <v>850.28</v>
      </c>
      <c r="Q278" s="3">
        <v>2286.39</v>
      </c>
      <c r="R278" s="3">
        <v>2286.39</v>
      </c>
      <c r="S278" s="3">
        <v>40.65</v>
      </c>
      <c r="T278" s="3">
        <v>0.41</v>
      </c>
      <c r="U278" s="3">
        <v>7.74</v>
      </c>
      <c r="V278" s="3">
        <v>0.33</v>
      </c>
      <c r="W278" s="3">
        <v>-0.3</v>
      </c>
      <c r="X278" s="3">
        <v>-0.2</v>
      </c>
      <c r="Y278" s="3">
        <v>-0.15</v>
      </c>
      <c r="Z278" s="3">
        <v>-0.01</v>
      </c>
      <c r="AA278" s="4">
        <f t="shared" si="45"/>
        <v>0</v>
      </c>
      <c r="AB278" s="4">
        <f t="shared" si="38"/>
        <v>1.6</v>
      </c>
      <c r="AC278" s="3">
        <f t="shared" si="39"/>
        <v>65.040000000000006</v>
      </c>
      <c r="AD278" s="4">
        <f t="shared" si="42"/>
        <v>0</v>
      </c>
      <c r="AE278" s="3">
        <f t="shared" si="40"/>
        <v>0.65600000000000003</v>
      </c>
      <c r="AF278" s="4">
        <f t="shared" si="46"/>
        <v>0</v>
      </c>
      <c r="AG278" s="3">
        <f t="shared" si="43"/>
        <v>12.384</v>
      </c>
      <c r="AH278" s="4">
        <f t="shared" si="44"/>
        <v>0</v>
      </c>
      <c r="AI278" s="3">
        <f t="shared" si="41"/>
        <v>0.33</v>
      </c>
      <c r="AJ278" s="14"/>
      <c r="AK278" s="14"/>
      <c r="AO278" s="12"/>
      <c r="AP278" s="7"/>
      <c r="AQ278" s="7"/>
      <c r="AR278" s="13"/>
    </row>
    <row r="279" spans="1:44">
      <c r="A279" s="3" t="s">
        <v>52</v>
      </c>
      <c r="B279" s="2">
        <v>0.57540509259259254</v>
      </c>
      <c r="C279" s="3">
        <v>120.76</v>
      </c>
      <c r="D279" s="3">
        <v>404.75</v>
      </c>
      <c r="E279" s="3">
        <v>458.58</v>
      </c>
      <c r="F279" s="3">
        <v>599.28</v>
      </c>
      <c r="G279" s="3">
        <v>305.36</v>
      </c>
      <c r="H279" s="3">
        <v>591.94000000000005</v>
      </c>
      <c r="I279" s="3">
        <v>192.06</v>
      </c>
      <c r="J279" s="3">
        <v>307.88</v>
      </c>
      <c r="K279" s="3">
        <v>335.42</v>
      </c>
      <c r="L279" s="3">
        <v>358.27</v>
      </c>
      <c r="M279" s="3">
        <v>640.29999999999995</v>
      </c>
      <c r="N279" s="3">
        <v>619.35</v>
      </c>
      <c r="O279" s="3">
        <v>862.69</v>
      </c>
      <c r="P279" s="3">
        <v>856.92</v>
      </c>
      <c r="Q279" s="3">
        <v>2286.41</v>
      </c>
      <c r="R279" s="3">
        <v>2286.41</v>
      </c>
      <c r="S279" s="3">
        <v>42.96</v>
      </c>
      <c r="T279" s="3">
        <v>0.46</v>
      </c>
      <c r="U279" s="3">
        <v>7.31</v>
      </c>
      <c r="V279" s="3">
        <v>0.41</v>
      </c>
      <c r="W279" s="3">
        <v>-0.3</v>
      </c>
      <c r="X279" s="3">
        <v>-0.2</v>
      </c>
      <c r="Y279" s="3">
        <v>-0.16</v>
      </c>
      <c r="Z279" s="3">
        <v>-0.02</v>
      </c>
      <c r="AA279" s="4">
        <f t="shared" si="45"/>
        <v>0</v>
      </c>
      <c r="AB279" s="4">
        <f t="shared" si="38"/>
        <v>1.6</v>
      </c>
      <c r="AC279" s="3">
        <f t="shared" si="39"/>
        <v>68.736000000000004</v>
      </c>
      <c r="AD279" s="4">
        <f t="shared" si="42"/>
        <v>0</v>
      </c>
      <c r="AE279" s="3">
        <f t="shared" si="40"/>
        <v>0.7360000000000001</v>
      </c>
      <c r="AF279" s="4">
        <f t="shared" si="46"/>
        <v>0</v>
      </c>
      <c r="AG279" s="3">
        <f t="shared" si="43"/>
        <v>11.696</v>
      </c>
      <c r="AH279" s="4">
        <f t="shared" si="44"/>
        <v>0</v>
      </c>
      <c r="AI279" s="3">
        <f t="shared" si="41"/>
        <v>0.41</v>
      </c>
      <c r="AJ279" s="14"/>
      <c r="AK279" s="14"/>
      <c r="AO279" s="12"/>
      <c r="AP279" s="7"/>
      <c r="AQ279" s="7"/>
      <c r="AR279" s="13"/>
    </row>
    <row r="280" spans="1:44">
      <c r="A280" s="3" t="s">
        <v>52</v>
      </c>
      <c r="B280" s="2">
        <v>0.57609953703703709</v>
      </c>
      <c r="C280" s="3">
        <v>122.2</v>
      </c>
      <c r="D280" s="3">
        <v>411.15</v>
      </c>
      <c r="E280" s="3">
        <v>457.59</v>
      </c>
      <c r="F280" s="3">
        <v>598.51</v>
      </c>
      <c r="G280" s="3">
        <v>305.20999999999998</v>
      </c>
      <c r="H280" s="3">
        <v>598.54999999999995</v>
      </c>
      <c r="I280" s="3">
        <v>189.35</v>
      </c>
      <c r="J280" s="3">
        <v>304.83999999999997</v>
      </c>
      <c r="K280" s="3">
        <v>332.8</v>
      </c>
      <c r="L280" s="3">
        <v>355.82</v>
      </c>
      <c r="M280" s="3">
        <v>639.4</v>
      </c>
      <c r="N280" s="3">
        <v>614</v>
      </c>
      <c r="O280" s="3">
        <v>863.96</v>
      </c>
      <c r="P280" s="3">
        <v>855.85</v>
      </c>
      <c r="Q280" s="3">
        <v>2286.4</v>
      </c>
      <c r="R280" s="3">
        <v>2286.4</v>
      </c>
      <c r="S280" s="3">
        <v>44.34</v>
      </c>
      <c r="T280" s="3">
        <v>0.44</v>
      </c>
      <c r="U280" s="3">
        <v>7.37</v>
      </c>
      <c r="V280" s="3">
        <v>0.38</v>
      </c>
      <c r="W280" s="3">
        <v>-0.28999999999999998</v>
      </c>
      <c r="X280" s="3">
        <v>-0.21</v>
      </c>
      <c r="Y280" s="3">
        <v>-0.16</v>
      </c>
      <c r="Z280" s="3">
        <v>-0.01</v>
      </c>
      <c r="AA280" s="4">
        <f t="shared" si="45"/>
        <v>0</v>
      </c>
      <c r="AB280" s="4">
        <f t="shared" si="38"/>
        <v>1.6</v>
      </c>
      <c r="AC280" s="3">
        <f t="shared" si="39"/>
        <v>70.944000000000003</v>
      </c>
      <c r="AD280" s="4">
        <f t="shared" si="42"/>
        <v>0</v>
      </c>
      <c r="AE280" s="3">
        <f t="shared" si="40"/>
        <v>0.70400000000000007</v>
      </c>
      <c r="AF280" s="4">
        <f t="shared" si="46"/>
        <v>0</v>
      </c>
      <c r="AG280" s="3">
        <f t="shared" si="43"/>
        <v>11.792000000000002</v>
      </c>
      <c r="AH280" s="4">
        <f t="shared" si="44"/>
        <v>0</v>
      </c>
      <c r="AI280" s="3">
        <f t="shared" si="41"/>
        <v>0.38</v>
      </c>
      <c r="AJ280" s="14"/>
      <c r="AK280" s="14"/>
      <c r="AO280" s="12"/>
      <c r="AP280" s="7"/>
      <c r="AQ280" s="7"/>
      <c r="AR280" s="13"/>
    </row>
    <row r="281" spans="1:44">
      <c r="A281" s="3" t="s">
        <v>52</v>
      </c>
      <c r="B281" s="2">
        <v>0.57679398148148142</v>
      </c>
      <c r="C281" s="3">
        <v>122.29</v>
      </c>
      <c r="D281" s="3">
        <v>407.25</v>
      </c>
      <c r="E281" s="3">
        <v>457.11</v>
      </c>
      <c r="F281" s="3">
        <v>599.46</v>
      </c>
      <c r="G281" s="3">
        <v>307.62</v>
      </c>
      <c r="H281" s="3">
        <v>611.23</v>
      </c>
      <c r="I281" s="3">
        <v>186.64</v>
      </c>
      <c r="J281" s="3">
        <v>301.87</v>
      </c>
      <c r="K281" s="3">
        <v>330.07</v>
      </c>
      <c r="L281" s="3">
        <v>353.37</v>
      </c>
      <c r="M281" s="3">
        <v>638.29999999999995</v>
      </c>
      <c r="N281" s="3">
        <v>608.76</v>
      </c>
      <c r="O281" s="3">
        <v>864.83</v>
      </c>
      <c r="P281" s="3">
        <v>851.6</v>
      </c>
      <c r="Q281" s="3">
        <v>2286.37</v>
      </c>
      <c r="R281" s="3">
        <v>2286.37</v>
      </c>
      <c r="S281" s="3">
        <v>45.29</v>
      </c>
      <c r="T281" s="3">
        <v>0.46</v>
      </c>
      <c r="U281" s="3">
        <v>7.39</v>
      </c>
      <c r="V281" s="3">
        <v>0.43</v>
      </c>
      <c r="W281" s="3">
        <v>-0.26</v>
      </c>
      <c r="X281" s="3">
        <v>-0.21</v>
      </c>
      <c r="Y281" s="3">
        <v>-0.15</v>
      </c>
      <c r="Z281" s="3">
        <v>-0.01</v>
      </c>
      <c r="AA281" s="4">
        <f t="shared" si="45"/>
        <v>0</v>
      </c>
      <c r="AB281" s="4">
        <f t="shared" si="38"/>
        <v>1.6</v>
      </c>
      <c r="AC281" s="3">
        <f t="shared" si="39"/>
        <v>72.463999999999999</v>
      </c>
      <c r="AD281" s="4">
        <f t="shared" si="42"/>
        <v>0</v>
      </c>
      <c r="AE281" s="3">
        <f t="shared" si="40"/>
        <v>0.7360000000000001</v>
      </c>
      <c r="AF281" s="4">
        <f t="shared" si="46"/>
        <v>0</v>
      </c>
      <c r="AG281" s="3">
        <f t="shared" si="43"/>
        <v>11.824</v>
      </c>
      <c r="AH281" s="4">
        <f t="shared" si="44"/>
        <v>0</v>
      </c>
      <c r="AI281" s="3">
        <f t="shared" si="41"/>
        <v>0.43</v>
      </c>
      <c r="AJ281" s="14"/>
      <c r="AK281" s="14"/>
      <c r="AO281" s="12"/>
      <c r="AP281" s="7"/>
      <c r="AQ281" s="7"/>
      <c r="AR281" s="13"/>
    </row>
    <row r="282" spans="1:44">
      <c r="A282" s="3" t="s">
        <v>52</v>
      </c>
      <c r="B282" s="2">
        <v>0.57748842592592597</v>
      </c>
      <c r="C282" s="3">
        <v>120.66</v>
      </c>
      <c r="D282" s="3">
        <v>399.46</v>
      </c>
      <c r="E282" s="3">
        <v>456.75</v>
      </c>
      <c r="F282" s="3">
        <v>598.63</v>
      </c>
      <c r="G282" s="3">
        <v>307.18</v>
      </c>
      <c r="H282" s="3">
        <v>609.36</v>
      </c>
      <c r="I282" s="3">
        <v>184.06</v>
      </c>
      <c r="J282" s="3">
        <v>298.99</v>
      </c>
      <c r="K282" s="3">
        <v>327.49</v>
      </c>
      <c r="L282" s="3">
        <v>351</v>
      </c>
      <c r="M282" s="3">
        <v>637.35</v>
      </c>
      <c r="N282" s="3">
        <v>603.65</v>
      </c>
      <c r="O282" s="3">
        <v>865.96</v>
      </c>
      <c r="P282" s="3">
        <v>852.13</v>
      </c>
      <c r="Q282" s="3">
        <v>2286.38</v>
      </c>
      <c r="R282" s="3">
        <v>2286.38</v>
      </c>
      <c r="S282" s="3">
        <v>46.63</v>
      </c>
      <c r="T282" s="3">
        <v>0.56000000000000005</v>
      </c>
      <c r="U282" s="3">
        <v>6.53</v>
      </c>
      <c r="V282" s="3">
        <v>0.56999999999999995</v>
      </c>
      <c r="W282" s="3">
        <v>-0.26</v>
      </c>
      <c r="X282" s="3">
        <v>-0.21</v>
      </c>
      <c r="Y282" s="3">
        <v>-0.14000000000000001</v>
      </c>
      <c r="Z282" s="3">
        <v>0</v>
      </c>
      <c r="AA282" s="4">
        <f t="shared" si="45"/>
        <v>0</v>
      </c>
      <c r="AB282" s="4">
        <f t="shared" si="38"/>
        <v>1.6</v>
      </c>
      <c r="AC282" s="3">
        <f t="shared" si="39"/>
        <v>74.608000000000004</v>
      </c>
      <c r="AD282" s="4">
        <f t="shared" si="42"/>
        <v>0</v>
      </c>
      <c r="AE282" s="3">
        <f t="shared" si="40"/>
        <v>0.89600000000000013</v>
      </c>
      <c r="AF282" s="4">
        <f t="shared" si="46"/>
        <v>0</v>
      </c>
      <c r="AG282" s="3">
        <f t="shared" si="43"/>
        <v>10.448</v>
      </c>
      <c r="AH282" s="4">
        <f t="shared" si="44"/>
        <v>0</v>
      </c>
      <c r="AI282" s="3">
        <f t="shared" si="41"/>
        <v>0.56999999999999995</v>
      </c>
      <c r="AJ282" s="14"/>
      <c r="AK282" s="14"/>
      <c r="AO282" s="12"/>
      <c r="AP282" s="7"/>
      <c r="AQ282" s="7"/>
      <c r="AR282" s="13"/>
    </row>
    <row r="283" spans="1:44">
      <c r="A283" s="3" t="s">
        <v>52</v>
      </c>
      <c r="B283" s="2">
        <v>0.57818287037037031</v>
      </c>
      <c r="C283" s="3">
        <v>119.3</v>
      </c>
      <c r="D283" s="3">
        <v>395.13</v>
      </c>
      <c r="E283" s="3">
        <v>456.4</v>
      </c>
      <c r="F283" s="3">
        <v>599.11</v>
      </c>
      <c r="G283" s="3">
        <v>306.74</v>
      </c>
      <c r="H283" s="3">
        <v>608.85</v>
      </c>
      <c r="I283" s="3">
        <v>181.59</v>
      </c>
      <c r="J283" s="3">
        <v>296.17</v>
      </c>
      <c r="K283" s="3">
        <v>325</v>
      </c>
      <c r="L283" s="3">
        <v>348.63</v>
      </c>
      <c r="M283" s="3">
        <v>636.09</v>
      </c>
      <c r="N283" s="3">
        <v>598.72</v>
      </c>
      <c r="O283" s="3">
        <v>866.65</v>
      </c>
      <c r="P283" s="3">
        <v>857.18</v>
      </c>
      <c r="Q283" s="3">
        <v>2286.36</v>
      </c>
      <c r="R283" s="3">
        <v>2286.36</v>
      </c>
      <c r="S283" s="3">
        <v>47.54</v>
      </c>
      <c r="T283" s="3">
        <v>0.56000000000000005</v>
      </c>
      <c r="U283" s="3">
        <v>6.33</v>
      </c>
      <c r="V283" s="3">
        <v>0.6</v>
      </c>
      <c r="W283" s="3">
        <v>-0.25</v>
      </c>
      <c r="X283" s="3">
        <v>-0.24</v>
      </c>
      <c r="Y283" s="3">
        <v>-0.13</v>
      </c>
      <c r="Z283" s="3">
        <v>0.01</v>
      </c>
      <c r="AA283" s="4">
        <f t="shared" si="45"/>
        <v>0</v>
      </c>
      <c r="AB283" s="4">
        <f t="shared" si="38"/>
        <v>1.6</v>
      </c>
      <c r="AC283" s="3">
        <f t="shared" si="39"/>
        <v>76.064000000000007</v>
      </c>
      <c r="AD283" s="4">
        <f t="shared" si="42"/>
        <v>0</v>
      </c>
      <c r="AE283" s="3">
        <f t="shared" si="40"/>
        <v>0.89600000000000013</v>
      </c>
      <c r="AF283" s="4">
        <f t="shared" si="46"/>
        <v>0</v>
      </c>
      <c r="AG283" s="3">
        <f t="shared" si="43"/>
        <v>10.128</v>
      </c>
      <c r="AH283" s="4">
        <f t="shared" si="44"/>
        <v>0</v>
      </c>
      <c r="AI283" s="3">
        <f t="shared" si="41"/>
        <v>0.6</v>
      </c>
      <c r="AJ283" s="14"/>
      <c r="AK283" s="14"/>
      <c r="AO283" s="12"/>
      <c r="AP283" s="7"/>
      <c r="AQ283" s="7"/>
      <c r="AR283" s="13"/>
    </row>
    <row r="284" spans="1:44">
      <c r="A284" s="3" t="s">
        <v>52</v>
      </c>
      <c r="B284" s="2">
        <v>0.57887731481481486</v>
      </c>
      <c r="C284" s="3">
        <v>120.86</v>
      </c>
      <c r="D284" s="3">
        <v>403.18</v>
      </c>
      <c r="E284" s="3">
        <v>456.49</v>
      </c>
      <c r="F284" s="3">
        <v>599.03</v>
      </c>
      <c r="G284" s="3">
        <v>310.27999999999997</v>
      </c>
      <c r="H284" s="3">
        <v>621.96</v>
      </c>
      <c r="I284" s="3">
        <v>179.15</v>
      </c>
      <c r="J284" s="3">
        <v>293.39999999999998</v>
      </c>
      <c r="K284" s="3">
        <v>322.32</v>
      </c>
      <c r="L284" s="3">
        <v>346.3</v>
      </c>
      <c r="M284" s="3">
        <v>634.97</v>
      </c>
      <c r="N284" s="3">
        <v>593.85</v>
      </c>
      <c r="O284" s="3">
        <v>867.76</v>
      </c>
      <c r="P284" s="3">
        <v>854.48</v>
      </c>
      <c r="Q284" s="3">
        <v>2286.34</v>
      </c>
      <c r="R284" s="3">
        <v>2286.34</v>
      </c>
      <c r="S284" s="3">
        <v>47.94</v>
      </c>
      <c r="T284" s="3">
        <v>0.53</v>
      </c>
      <c r="U284" s="3">
        <v>6.35</v>
      </c>
      <c r="V284" s="3">
        <v>0.57999999999999996</v>
      </c>
      <c r="W284" s="3">
        <v>-0.25</v>
      </c>
      <c r="X284" s="3">
        <v>-0.21</v>
      </c>
      <c r="Y284" s="3">
        <v>-0.13</v>
      </c>
      <c r="Z284" s="3">
        <v>0</v>
      </c>
      <c r="AA284" s="4">
        <f t="shared" si="45"/>
        <v>0</v>
      </c>
      <c r="AB284" s="4">
        <f t="shared" si="38"/>
        <v>1.6</v>
      </c>
      <c r="AC284" s="3">
        <f t="shared" si="39"/>
        <v>76.703999999999994</v>
      </c>
      <c r="AD284" s="4">
        <f t="shared" si="42"/>
        <v>0</v>
      </c>
      <c r="AE284" s="3">
        <f t="shared" si="40"/>
        <v>0.84800000000000009</v>
      </c>
      <c r="AF284" s="4">
        <f t="shared" si="46"/>
        <v>0</v>
      </c>
      <c r="AG284" s="3">
        <f t="shared" si="43"/>
        <v>10.16</v>
      </c>
      <c r="AH284" s="4">
        <f t="shared" si="44"/>
        <v>0</v>
      </c>
      <c r="AI284" s="3">
        <f t="shared" si="41"/>
        <v>0.57999999999999996</v>
      </c>
      <c r="AJ284" s="14"/>
      <c r="AK284" s="14"/>
      <c r="AO284" s="12"/>
      <c r="AP284" s="7"/>
      <c r="AQ284" s="7"/>
      <c r="AR284" s="13"/>
    </row>
    <row r="285" spans="1:44">
      <c r="A285" s="3" t="s">
        <v>52</v>
      </c>
      <c r="B285" s="2">
        <v>0.57958333333333334</v>
      </c>
      <c r="C285" s="3">
        <v>123.41</v>
      </c>
      <c r="D285" s="3">
        <v>410.94</v>
      </c>
      <c r="E285" s="3">
        <v>457.22</v>
      </c>
      <c r="F285" s="3">
        <v>598.84</v>
      </c>
      <c r="G285" s="3">
        <v>317.06</v>
      </c>
      <c r="H285" s="3">
        <v>639.70000000000005</v>
      </c>
      <c r="I285" s="3">
        <v>176.75</v>
      </c>
      <c r="J285" s="3">
        <v>290.70999999999998</v>
      </c>
      <c r="K285" s="3">
        <v>319.83999999999997</v>
      </c>
      <c r="L285" s="3">
        <v>343.99</v>
      </c>
      <c r="M285" s="3">
        <v>634.07000000000005</v>
      </c>
      <c r="N285" s="3">
        <v>589.11</v>
      </c>
      <c r="O285" s="3">
        <v>869.02</v>
      </c>
      <c r="P285" s="3">
        <v>850.27</v>
      </c>
      <c r="Q285" s="3">
        <v>2286.33</v>
      </c>
      <c r="R285" s="3">
        <v>2286.33</v>
      </c>
      <c r="S285" s="3">
        <v>47.99</v>
      </c>
      <c r="T285" s="3">
        <v>0.49</v>
      </c>
      <c r="U285" s="3">
        <v>6.24</v>
      </c>
      <c r="V285" s="3">
        <v>0.54</v>
      </c>
      <c r="W285" s="3">
        <v>-0.21</v>
      </c>
      <c r="X285" s="3">
        <v>-0.21</v>
      </c>
      <c r="Y285" s="3">
        <v>-0.11</v>
      </c>
      <c r="Z285" s="3">
        <v>0</v>
      </c>
      <c r="AA285" s="4">
        <f t="shared" si="45"/>
        <v>0</v>
      </c>
      <c r="AB285" s="4">
        <f t="shared" si="38"/>
        <v>1.6</v>
      </c>
      <c r="AC285" s="3">
        <f t="shared" si="39"/>
        <v>76.784000000000006</v>
      </c>
      <c r="AD285" s="4">
        <f t="shared" si="42"/>
        <v>0</v>
      </c>
      <c r="AE285" s="3">
        <f t="shared" si="40"/>
        <v>0.78400000000000003</v>
      </c>
      <c r="AF285" s="4">
        <f t="shared" si="46"/>
        <v>0</v>
      </c>
      <c r="AG285" s="3">
        <f t="shared" si="43"/>
        <v>9.9840000000000018</v>
      </c>
      <c r="AH285" s="4">
        <f t="shared" si="44"/>
        <v>0</v>
      </c>
      <c r="AI285" s="3">
        <f t="shared" si="41"/>
        <v>0.54</v>
      </c>
      <c r="AJ285" s="14"/>
      <c r="AK285" s="14"/>
      <c r="AO285" s="12"/>
      <c r="AP285" s="7"/>
      <c r="AQ285" s="7"/>
      <c r="AR285" s="13"/>
    </row>
    <row r="286" spans="1:44">
      <c r="A286" s="3" t="s">
        <v>52</v>
      </c>
      <c r="B286" s="2">
        <v>0.58027777777777778</v>
      </c>
      <c r="C286" s="3">
        <v>124.42</v>
      </c>
      <c r="D286" s="3">
        <v>408.08</v>
      </c>
      <c r="E286" s="3">
        <v>458.53</v>
      </c>
      <c r="F286" s="3">
        <v>599.41</v>
      </c>
      <c r="G286" s="3">
        <v>324.95999999999998</v>
      </c>
      <c r="H286" s="3">
        <v>656.73</v>
      </c>
      <c r="I286" s="3">
        <v>174.46</v>
      </c>
      <c r="J286" s="3">
        <v>288.07</v>
      </c>
      <c r="K286" s="3">
        <v>317.39999999999998</v>
      </c>
      <c r="L286" s="3">
        <v>341.71</v>
      </c>
      <c r="M286" s="3">
        <v>632.91</v>
      </c>
      <c r="N286" s="3">
        <v>584.47</v>
      </c>
      <c r="O286" s="3">
        <v>869.5</v>
      </c>
      <c r="P286" s="3">
        <v>854.77</v>
      </c>
      <c r="Q286" s="3">
        <v>2286.33</v>
      </c>
      <c r="R286" s="3">
        <v>2286.33</v>
      </c>
      <c r="S286" s="3">
        <v>48.01</v>
      </c>
      <c r="T286" s="3">
        <v>0.5</v>
      </c>
      <c r="U286" s="3">
        <v>6.03</v>
      </c>
      <c r="V286" s="3">
        <v>0.55000000000000004</v>
      </c>
      <c r="W286" s="3">
        <v>-0.21</v>
      </c>
      <c r="X286" s="3">
        <v>-0.21</v>
      </c>
      <c r="Y286" s="3">
        <v>-0.1</v>
      </c>
      <c r="Z286" s="3">
        <v>0</v>
      </c>
      <c r="AA286" s="4">
        <f t="shared" si="45"/>
        <v>0</v>
      </c>
      <c r="AB286" s="4">
        <f t="shared" si="38"/>
        <v>1.6</v>
      </c>
      <c r="AC286" s="3">
        <f t="shared" si="39"/>
        <v>76.816000000000003</v>
      </c>
      <c r="AD286" s="4">
        <f t="shared" si="42"/>
        <v>0</v>
      </c>
      <c r="AE286" s="3">
        <f t="shared" si="40"/>
        <v>0.8</v>
      </c>
      <c r="AF286" s="4">
        <f t="shared" si="46"/>
        <v>0</v>
      </c>
      <c r="AG286" s="3">
        <f t="shared" si="43"/>
        <v>9.6480000000000015</v>
      </c>
      <c r="AH286" s="4">
        <f t="shared" si="44"/>
        <v>0</v>
      </c>
      <c r="AI286" s="3">
        <f t="shared" si="41"/>
        <v>0.55000000000000004</v>
      </c>
      <c r="AJ286" s="14"/>
      <c r="AK286" s="14"/>
      <c r="AO286" s="12"/>
      <c r="AP286" s="7"/>
      <c r="AQ286" s="7"/>
      <c r="AR286" s="13"/>
    </row>
    <row r="287" spans="1:44">
      <c r="A287" s="3" t="s">
        <v>52</v>
      </c>
      <c r="B287" s="2">
        <v>0.58097222222222222</v>
      </c>
      <c r="C287" s="3">
        <v>123.31</v>
      </c>
      <c r="D287" s="3">
        <v>400.57</v>
      </c>
      <c r="E287" s="3">
        <v>459.9</v>
      </c>
      <c r="F287" s="3">
        <v>598.72</v>
      </c>
      <c r="G287" s="3">
        <v>328.75</v>
      </c>
      <c r="H287" s="3">
        <v>659.7</v>
      </c>
      <c r="I287" s="3">
        <v>172.25</v>
      </c>
      <c r="J287" s="3">
        <v>285.48</v>
      </c>
      <c r="K287" s="3">
        <v>315.17</v>
      </c>
      <c r="L287" s="3">
        <v>339.45</v>
      </c>
      <c r="M287" s="3">
        <v>632.1</v>
      </c>
      <c r="N287" s="3">
        <v>579.95000000000005</v>
      </c>
      <c r="O287" s="3">
        <v>870.6</v>
      </c>
      <c r="P287" s="3">
        <v>856.9</v>
      </c>
      <c r="Q287" s="3">
        <v>2286.31</v>
      </c>
      <c r="R287" s="3">
        <v>2286.31</v>
      </c>
      <c r="S287" s="3">
        <v>48.03</v>
      </c>
      <c r="T287" s="3">
        <v>0.52</v>
      </c>
      <c r="U287" s="3">
        <v>5.56</v>
      </c>
      <c r="V287" s="3">
        <v>0.56000000000000005</v>
      </c>
      <c r="W287" s="3">
        <v>-0.21</v>
      </c>
      <c r="X287" s="3">
        <v>-0.21</v>
      </c>
      <c r="Y287" s="3">
        <v>-0.09</v>
      </c>
      <c r="Z287" s="3">
        <v>0</v>
      </c>
      <c r="AA287" s="4">
        <f t="shared" si="45"/>
        <v>0</v>
      </c>
      <c r="AB287" s="4">
        <f t="shared" si="38"/>
        <v>1.6</v>
      </c>
      <c r="AC287" s="3">
        <f t="shared" si="39"/>
        <v>76.848000000000013</v>
      </c>
      <c r="AD287" s="4">
        <f t="shared" si="42"/>
        <v>0</v>
      </c>
      <c r="AE287" s="3">
        <f t="shared" si="40"/>
        <v>0.83200000000000007</v>
      </c>
      <c r="AF287" s="4">
        <f t="shared" si="46"/>
        <v>0</v>
      </c>
      <c r="AG287" s="3">
        <f t="shared" si="43"/>
        <v>8.895999999999999</v>
      </c>
      <c r="AH287" s="4">
        <f t="shared" si="44"/>
        <v>0</v>
      </c>
      <c r="AI287" s="3">
        <f t="shared" si="41"/>
        <v>0.56000000000000005</v>
      </c>
      <c r="AJ287" s="14"/>
      <c r="AK287" s="14"/>
      <c r="AO287" s="12"/>
      <c r="AP287" s="7"/>
      <c r="AQ287" s="7"/>
      <c r="AR287" s="13"/>
    </row>
    <row r="288" spans="1:44">
      <c r="A288" s="3" t="s">
        <v>52</v>
      </c>
      <c r="B288" s="2">
        <v>0.58166666666666667</v>
      </c>
      <c r="C288" s="3">
        <v>121.56</v>
      </c>
      <c r="D288" s="3">
        <v>395.08</v>
      </c>
      <c r="E288" s="3">
        <v>460.77</v>
      </c>
      <c r="F288" s="3">
        <v>599.55999999999995</v>
      </c>
      <c r="G288" s="3">
        <v>326.81</v>
      </c>
      <c r="H288" s="3">
        <v>647.65</v>
      </c>
      <c r="I288" s="3">
        <v>170.07</v>
      </c>
      <c r="J288" s="3">
        <v>282.95999999999998</v>
      </c>
      <c r="K288" s="3">
        <v>312.85000000000002</v>
      </c>
      <c r="L288" s="3">
        <v>337.23</v>
      </c>
      <c r="M288" s="3">
        <v>630.91999999999996</v>
      </c>
      <c r="N288" s="3">
        <v>575.54</v>
      </c>
      <c r="O288" s="3">
        <v>870.27</v>
      </c>
      <c r="P288" s="3">
        <v>853.46</v>
      </c>
      <c r="Q288" s="3">
        <v>2286.29</v>
      </c>
      <c r="R288" s="3">
        <v>2286.29</v>
      </c>
      <c r="S288" s="3">
        <v>47.89</v>
      </c>
      <c r="T288" s="3">
        <v>0.57999999999999996</v>
      </c>
      <c r="U288" s="3">
        <v>5.14</v>
      </c>
      <c r="V288" s="3">
        <v>0.65</v>
      </c>
      <c r="W288" s="3">
        <v>-0.2</v>
      </c>
      <c r="X288" s="3">
        <v>-0.22</v>
      </c>
      <c r="Y288" s="3">
        <v>-0.08</v>
      </c>
      <c r="Z288" s="3">
        <v>0.01</v>
      </c>
      <c r="AA288" s="4">
        <f t="shared" si="45"/>
        <v>0</v>
      </c>
      <c r="AB288" s="4">
        <f t="shared" si="38"/>
        <v>1.6</v>
      </c>
      <c r="AC288" s="3">
        <f t="shared" si="39"/>
        <v>76.624000000000009</v>
      </c>
      <c r="AD288" s="4">
        <f t="shared" si="42"/>
        <v>0</v>
      </c>
      <c r="AE288" s="3">
        <f t="shared" si="40"/>
        <v>0.92799999999999994</v>
      </c>
      <c r="AF288" s="4">
        <f t="shared" si="46"/>
        <v>0</v>
      </c>
      <c r="AG288" s="3">
        <f t="shared" si="43"/>
        <v>8.2240000000000002</v>
      </c>
      <c r="AH288" s="4">
        <f t="shared" si="44"/>
        <v>0</v>
      </c>
      <c r="AI288" s="3">
        <f t="shared" si="41"/>
        <v>0.65</v>
      </c>
      <c r="AJ288" s="14"/>
      <c r="AK288" s="14"/>
      <c r="AO288" s="12"/>
      <c r="AP288" s="7"/>
      <c r="AQ288" s="7"/>
      <c r="AR288" s="13"/>
    </row>
    <row r="289" spans="1:44">
      <c r="A289" s="3" t="s">
        <v>52</v>
      </c>
      <c r="B289" s="2">
        <v>0.58236111111111111</v>
      </c>
      <c r="C289" s="3">
        <v>122.12</v>
      </c>
      <c r="D289" s="3">
        <v>401.88</v>
      </c>
      <c r="E289" s="3">
        <v>461.18</v>
      </c>
      <c r="F289" s="3">
        <v>598.82000000000005</v>
      </c>
      <c r="G289" s="3">
        <v>324.24</v>
      </c>
      <c r="H289" s="3">
        <v>639.44000000000005</v>
      </c>
      <c r="I289" s="3">
        <v>167.97</v>
      </c>
      <c r="J289" s="3">
        <v>280.51</v>
      </c>
      <c r="K289" s="3">
        <v>310.55</v>
      </c>
      <c r="L289" s="3">
        <v>335.04</v>
      </c>
      <c r="M289" s="3">
        <v>630.07000000000005</v>
      </c>
      <c r="N289" s="3">
        <v>571.29</v>
      </c>
      <c r="O289" s="3">
        <v>871.09</v>
      </c>
      <c r="P289" s="3">
        <v>850.09</v>
      </c>
      <c r="Q289" s="3">
        <v>2286.2800000000002</v>
      </c>
      <c r="R289" s="3">
        <v>2286.2800000000002</v>
      </c>
      <c r="S289" s="3">
        <v>48.05</v>
      </c>
      <c r="T289" s="3">
        <v>0.55000000000000004</v>
      </c>
      <c r="U289" s="3">
        <v>5.0199999999999996</v>
      </c>
      <c r="V289" s="3">
        <v>0.63</v>
      </c>
      <c r="W289" s="3">
        <v>-0.19</v>
      </c>
      <c r="X289" s="3">
        <v>-0.21</v>
      </c>
      <c r="Y289" s="3">
        <v>-0.08</v>
      </c>
      <c r="Z289" s="3">
        <v>-0.01</v>
      </c>
      <c r="AA289" s="4">
        <f t="shared" si="45"/>
        <v>0</v>
      </c>
      <c r="AB289" s="4">
        <f t="shared" si="38"/>
        <v>1.6</v>
      </c>
      <c r="AC289" s="3">
        <f t="shared" si="39"/>
        <v>76.88</v>
      </c>
      <c r="AD289" s="4">
        <f t="shared" si="42"/>
        <v>0</v>
      </c>
      <c r="AE289" s="3">
        <f t="shared" si="40"/>
        <v>0.88000000000000012</v>
      </c>
      <c r="AF289" s="4">
        <f t="shared" si="46"/>
        <v>0</v>
      </c>
      <c r="AG289" s="3">
        <f t="shared" si="43"/>
        <v>8.032</v>
      </c>
      <c r="AH289" s="4">
        <f t="shared" si="44"/>
        <v>0</v>
      </c>
      <c r="AI289" s="3">
        <f t="shared" si="41"/>
        <v>0.63</v>
      </c>
      <c r="AJ289" s="14"/>
      <c r="AK289" s="14"/>
      <c r="AO289" s="12"/>
      <c r="AP289" s="7"/>
      <c r="AQ289" s="7"/>
      <c r="AR289" s="13"/>
    </row>
    <row r="290" spans="1:44">
      <c r="A290" s="3" t="s">
        <v>52</v>
      </c>
      <c r="B290" s="2">
        <v>0.58305555555555555</v>
      </c>
      <c r="C290" s="3">
        <v>124.15</v>
      </c>
      <c r="D290" s="3">
        <v>410.71</v>
      </c>
      <c r="E290" s="3">
        <v>461.77</v>
      </c>
      <c r="F290" s="3">
        <v>599.61</v>
      </c>
      <c r="G290" s="3">
        <v>325.89999999999998</v>
      </c>
      <c r="H290" s="3">
        <v>647.94000000000005</v>
      </c>
      <c r="I290" s="3">
        <v>165.96</v>
      </c>
      <c r="J290" s="3">
        <v>278.10000000000002</v>
      </c>
      <c r="K290" s="3">
        <v>308.33999999999997</v>
      </c>
      <c r="L290" s="3">
        <v>332.88</v>
      </c>
      <c r="M290" s="3">
        <v>629.25</v>
      </c>
      <c r="N290" s="3">
        <v>567.1</v>
      </c>
      <c r="O290" s="3">
        <v>871.23</v>
      </c>
      <c r="P290" s="3">
        <v>856.36</v>
      </c>
      <c r="Q290" s="3">
        <v>2286.2600000000002</v>
      </c>
      <c r="R290" s="3">
        <v>2286.2600000000002</v>
      </c>
      <c r="S290" s="3">
        <v>47.73</v>
      </c>
      <c r="T290" s="3">
        <v>0.53</v>
      </c>
      <c r="U290" s="3">
        <v>4.93</v>
      </c>
      <c r="V290" s="3">
        <v>0.61</v>
      </c>
      <c r="W290" s="3">
        <v>-0.18</v>
      </c>
      <c r="X290" s="3">
        <v>-0.2</v>
      </c>
      <c r="Y290" s="3">
        <v>-7.0000000000000007E-2</v>
      </c>
      <c r="Z290" s="3">
        <v>-0.01</v>
      </c>
      <c r="AA290" s="4">
        <f t="shared" si="45"/>
        <v>0</v>
      </c>
      <c r="AB290" s="4">
        <f t="shared" si="38"/>
        <v>1.6</v>
      </c>
      <c r="AC290" s="3">
        <f t="shared" si="39"/>
        <v>76.367999999999995</v>
      </c>
      <c r="AD290" s="4">
        <f t="shared" si="42"/>
        <v>0</v>
      </c>
      <c r="AE290" s="3">
        <f t="shared" si="40"/>
        <v>0.84800000000000009</v>
      </c>
      <c r="AF290" s="4">
        <f t="shared" si="46"/>
        <v>0</v>
      </c>
      <c r="AG290" s="3">
        <f t="shared" si="43"/>
        <v>7.8879999999999999</v>
      </c>
      <c r="AH290" s="4">
        <f t="shared" si="44"/>
        <v>0</v>
      </c>
      <c r="AI290" s="3">
        <f t="shared" si="41"/>
        <v>0.61</v>
      </c>
      <c r="AJ290" s="14"/>
      <c r="AK290" s="14"/>
      <c r="AO290" s="12"/>
      <c r="AP290" s="7"/>
      <c r="AQ290" s="7"/>
      <c r="AR290" s="13"/>
    </row>
    <row r="291" spans="1:44">
      <c r="A291" s="3" t="s">
        <v>52</v>
      </c>
      <c r="B291" s="2">
        <v>0.58374999999999999</v>
      </c>
      <c r="C291" s="3">
        <v>124.82</v>
      </c>
      <c r="D291" s="3">
        <v>408.89</v>
      </c>
      <c r="E291" s="3">
        <v>462.65</v>
      </c>
      <c r="F291" s="3">
        <v>598.86</v>
      </c>
      <c r="G291" s="3">
        <v>329.28</v>
      </c>
      <c r="H291" s="3">
        <v>659.19</v>
      </c>
      <c r="I291" s="3">
        <v>164.05</v>
      </c>
      <c r="J291" s="3">
        <v>275.74</v>
      </c>
      <c r="K291" s="3">
        <v>306.08</v>
      </c>
      <c r="L291" s="3">
        <v>330.75</v>
      </c>
      <c r="M291" s="3">
        <v>627.91999999999996</v>
      </c>
      <c r="N291" s="3">
        <v>562.98</v>
      </c>
      <c r="O291" s="3">
        <v>871.82</v>
      </c>
      <c r="P291" s="3">
        <v>856.27</v>
      </c>
      <c r="Q291" s="3">
        <v>2286.2199999999998</v>
      </c>
      <c r="R291" s="3">
        <v>2286.2199999999998</v>
      </c>
      <c r="S291" s="3">
        <v>47.78</v>
      </c>
      <c r="T291" s="3">
        <v>0.55000000000000004</v>
      </c>
      <c r="U291" s="3">
        <v>5.14</v>
      </c>
      <c r="V291" s="3">
        <v>0.65</v>
      </c>
      <c r="W291" s="3">
        <v>-0.18</v>
      </c>
      <c r="X291" s="3">
        <v>-0.2</v>
      </c>
      <c r="Y291" s="3">
        <v>-0.06</v>
      </c>
      <c r="Z291" s="3">
        <v>-0.01</v>
      </c>
      <c r="AA291" s="4">
        <f t="shared" si="45"/>
        <v>0</v>
      </c>
      <c r="AB291" s="4">
        <f t="shared" si="38"/>
        <v>1.6</v>
      </c>
      <c r="AC291" s="3">
        <f t="shared" si="39"/>
        <v>76.448000000000008</v>
      </c>
      <c r="AD291" s="4">
        <f t="shared" si="42"/>
        <v>0</v>
      </c>
      <c r="AE291" s="3">
        <f t="shared" si="40"/>
        <v>0.88000000000000012</v>
      </c>
      <c r="AF291" s="4">
        <f t="shared" si="46"/>
        <v>0</v>
      </c>
      <c r="AG291" s="3">
        <f t="shared" si="43"/>
        <v>8.2240000000000002</v>
      </c>
      <c r="AH291" s="4">
        <f t="shared" si="44"/>
        <v>0</v>
      </c>
      <c r="AI291" s="3">
        <f t="shared" si="41"/>
        <v>0.65</v>
      </c>
      <c r="AJ291" s="14"/>
      <c r="AK291" s="14"/>
      <c r="AO291" s="12"/>
      <c r="AP291" s="7"/>
      <c r="AQ291" s="7"/>
      <c r="AR291" s="13"/>
    </row>
    <row r="292" spans="1:44">
      <c r="A292" s="3" t="s">
        <v>52</v>
      </c>
      <c r="B292" s="2">
        <v>0.58444444444444443</v>
      </c>
      <c r="C292" s="3">
        <v>123.45</v>
      </c>
      <c r="D292" s="3">
        <v>401.7</v>
      </c>
      <c r="E292" s="3">
        <v>463.18</v>
      </c>
      <c r="F292" s="3">
        <v>599.35</v>
      </c>
      <c r="G292" s="3">
        <v>328.55</v>
      </c>
      <c r="H292" s="3">
        <v>654.33000000000004</v>
      </c>
      <c r="I292" s="3">
        <v>162.16999999999999</v>
      </c>
      <c r="J292" s="3">
        <v>273.42</v>
      </c>
      <c r="K292" s="3">
        <v>303.8</v>
      </c>
      <c r="L292" s="3">
        <v>328.63</v>
      </c>
      <c r="M292" s="3">
        <v>626.70000000000005</v>
      </c>
      <c r="N292" s="3">
        <v>558.9</v>
      </c>
      <c r="O292" s="3">
        <v>871.82</v>
      </c>
      <c r="P292" s="3">
        <v>852.45</v>
      </c>
      <c r="Q292" s="3">
        <v>2286.1799999999998</v>
      </c>
      <c r="R292" s="3">
        <v>2286.1799999999998</v>
      </c>
      <c r="S292" s="3">
        <v>47.88</v>
      </c>
      <c r="T292" s="3">
        <v>0.52</v>
      </c>
      <c r="U292" s="3">
        <v>5.0999999999999996</v>
      </c>
      <c r="V292" s="3">
        <v>0.62</v>
      </c>
      <c r="W292" s="3">
        <v>-0.17</v>
      </c>
      <c r="X292" s="3">
        <v>-0.19</v>
      </c>
      <c r="Y292" s="3">
        <v>-0.06</v>
      </c>
      <c r="Z292" s="3">
        <v>-0.02</v>
      </c>
      <c r="AA292" s="4">
        <f t="shared" si="45"/>
        <v>0</v>
      </c>
      <c r="AB292" s="4">
        <f t="shared" si="38"/>
        <v>1.6</v>
      </c>
      <c r="AC292" s="3">
        <f t="shared" ref="AC292:AC355" si="47">S292*AB292+AA292</f>
        <v>76.608000000000004</v>
      </c>
      <c r="AD292" s="4">
        <f t="shared" si="42"/>
        <v>0</v>
      </c>
      <c r="AE292" s="3">
        <f t="shared" ref="AE292:AE355" si="48">T292*AB292+AD292</f>
        <v>0.83200000000000007</v>
      </c>
      <c r="AF292" s="4">
        <f t="shared" si="46"/>
        <v>0</v>
      </c>
      <c r="AG292" s="3">
        <f t="shared" si="43"/>
        <v>8.16</v>
      </c>
      <c r="AH292" s="4">
        <f t="shared" si="44"/>
        <v>0</v>
      </c>
      <c r="AI292" s="3">
        <f t="shared" ref="AI292:AI355" si="49">AH292*AB292+V292</f>
        <v>0.62</v>
      </c>
      <c r="AJ292" s="14"/>
      <c r="AK292" s="14"/>
      <c r="AO292" s="12"/>
      <c r="AP292" s="7"/>
      <c r="AQ292" s="7"/>
      <c r="AR292" s="13"/>
    </row>
    <row r="293" spans="1:44">
      <c r="A293" s="3" t="s">
        <v>52</v>
      </c>
      <c r="B293" s="2">
        <v>0.58515046296296302</v>
      </c>
      <c r="C293" s="3">
        <v>121.33</v>
      </c>
      <c r="D293" s="3">
        <v>395.27</v>
      </c>
      <c r="E293" s="3">
        <v>463.26</v>
      </c>
      <c r="F293" s="3">
        <v>599.04</v>
      </c>
      <c r="G293" s="3">
        <v>324.45</v>
      </c>
      <c r="H293" s="3">
        <v>641.91999999999996</v>
      </c>
      <c r="I293" s="3">
        <v>160.35</v>
      </c>
      <c r="J293" s="3">
        <v>271.16000000000003</v>
      </c>
      <c r="K293" s="3">
        <v>301.61</v>
      </c>
      <c r="L293" s="3">
        <v>326.55</v>
      </c>
      <c r="M293" s="3">
        <v>625.92999999999995</v>
      </c>
      <c r="N293" s="3">
        <v>554.97</v>
      </c>
      <c r="O293" s="3">
        <v>873.01</v>
      </c>
      <c r="P293" s="3">
        <v>850.74</v>
      </c>
      <c r="Q293" s="3">
        <v>2286.16</v>
      </c>
      <c r="R293" s="3">
        <v>2286.16</v>
      </c>
      <c r="S293" s="3">
        <v>46.89</v>
      </c>
      <c r="T293" s="3">
        <v>0.51</v>
      </c>
      <c r="U293" s="3">
        <v>5.0599999999999996</v>
      </c>
      <c r="V293" s="3">
        <v>0.68</v>
      </c>
      <c r="W293" s="3">
        <v>-0.16</v>
      </c>
      <c r="X293" s="3">
        <v>-0.2</v>
      </c>
      <c r="Y293" s="3">
        <v>-0.05</v>
      </c>
      <c r="Z293" s="3">
        <v>0</v>
      </c>
      <c r="AA293" s="4">
        <f t="shared" si="45"/>
        <v>0</v>
      </c>
      <c r="AB293" s="4">
        <f t="shared" si="38"/>
        <v>1.6</v>
      </c>
      <c r="AC293" s="3">
        <f t="shared" si="47"/>
        <v>75.024000000000001</v>
      </c>
      <c r="AD293" s="4">
        <f t="shared" si="42"/>
        <v>0</v>
      </c>
      <c r="AE293" s="3">
        <f t="shared" si="48"/>
        <v>0.81600000000000006</v>
      </c>
      <c r="AF293" s="4">
        <f t="shared" si="46"/>
        <v>0</v>
      </c>
      <c r="AG293" s="3">
        <f t="shared" si="43"/>
        <v>8.0960000000000001</v>
      </c>
      <c r="AH293" s="4">
        <f t="shared" si="44"/>
        <v>0</v>
      </c>
      <c r="AI293" s="3">
        <f t="shared" si="49"/>
        <v>0.68</v>
      </c>
      <c r="AJ293" s="14"/>
      <c r="AK293" s="14"/>
      <c r="AO293" s="12"/>
      <c r="AP293" s="7"/>
      <c r="AQ293" s="7"/>
      <c r="AR293" s="13"/>
    </row>
    <row r="294" spans="1:44">
      <c r="A294" s="3" t="s">
        <v>52</v>
      </c>
      <c r="B294" s="2">
        <v>0.58584490740740736</v>
      </c>
      <c r="C294" s="3">
        <v>121.69</v>
      </c>
      <c r="D294" s="3">
        <v>400.37</v>
      </c>
      <c r="E294" s="3">
        <v>463.23</v>
      </c>
      <c r="F294" s="3">
        <v>598.99</v>
      </c>
      <c r="G294" s="3">
        <v>323.16000000000003</v>
      </c>
      <c r="H294" s="3">
        <v>642.79999999999995</v>
      </c>
      <c r="I294" s="3">
        <v>158.47999999999999</v>
      </c>
      <c r="J294" s="3">
        <v>268.95</v>
      </c>
      <c r="K294" s="3">
        <v>299.51</v>
      </c>
      <c r="L294" s="3">
        <v>324.49</v>
      </c>
      <c r="M294" s="3">
        <v>624.99</v>
      </c>
      <c r="N294" s="3">
        <v>551.05999999999995</v>
      </c>
      <c r="O294" s="3">
        <v>873.89</v>
      </c>
      <c r="P294" s="3">
        <v>857.1</v>
      </c>
      <c r="Q294" s="3">
        <v>2286.14</v>
      </c>
      <c r="R294" s="3">
        <v>2286.14</v>
      </c>
      <c r="S294" s="3">
        <v>46.96</v>
      </c>
      <c r="T294" s="3">
        <v>0.48</v>
      </c>
      <c r="U294" s="3">
        <v>5.0199999999999996</v>
      </c>
      <c r="V294" s="3">
        <v>0.65</v>
      </c>
      <c r="W294" s="3">
        <v>-0.14000000000000001</v>
      </c>
      <c r="X294" s="3">
        <v>-0.21</v>
      </c>
      <c r="Y294" s="3">
        <v>-0.05</v>
      </c>
      <c r="Z294" s="3">
        <v>0</v>
      </c>
      <c r="AA294" s="4">
        <f t="shared" si="45"/>
        <v>0</v>
      </c>
      <c r="AB294" s="4">
        <f t="shared" si="38"/>
        <v>1.6</v>
      </c>
      <c r="AC294" s="3">
        <f t="shared" si="47"/>
        <v>75.13600000000001</v>
      </c>
      <c r="AD294" s="4">
        <f t="shared" si="42"/>
        <v>0</v>
      </c>
      <c r="AE294" s="3">
        <f t="shared" si="48"/>
        <v>0.76800000000000002</v>
      </c>
      <c r="AF294" s="4">
        <f t="shared" si="46"/>
        <v>0</v>
      </c>
      <c r="AG294" s="3">
        <f t="shared" si="43"/>
        <v>8.032</v>
      </c>
      <c r="AH294" s="4">
        <f t="shared" si="44"/>
        <v>0</v>
      </c>
      <c r="AI294" s="3">
        <f t="shared" si="49"/>
        <v>0.65</v>
      </c>
      <c r="AJ294" s="14"/>
      <c r="AK294" s="14"/>
      <c r="AO294" s="12"/>
      <c r="AP294" s="7"/>
      <c r="AQ294" s="7"/>
      <c r="AR294" s="13"/>
    </row>
    <row r="295" spans="1:44">
      <c r="A295" s="3" t="s">
        <v>52</v>
      </c>
      <c r="B295" s="2">
        <v>0.58653935185185191</v>
      </c>
      <c r="C295" s="3">
        <v>123.87</v>
      </c>
      <c r="D295" s="3">
        <v>409.98</v>
      </c>
      <c r="E295" s="3">
        <v>463.6</v>
      </c>
      <c r="F295" s="3">
        <v>599.49</v>
      </c>
      <c r="G295" s="3">
        <v>326.05</v>
      </c>
      <c r="H295" s="3">
        <v>655.16</v>
      </c>
      <c r="I295" s="3">
        <v>156.72</v>
      </c>
      <c r="J295" s="3">
        <v>266.77</v>
      </c>
      <c r="K295" s="3">
        <v>297.42</v>
      </c>
      <c r="L295" s="3">
        <v>322.45</v>
      </c>
      <c r="M295" s="3">
        <v>624.1</v>
      </c>
      <c r="N295" s="3">
        <v>547.21</v>
      </c>
      <c r="O295" s="3">
        <v>875.13</v>
      </c>
      <c r="P295" s="3">
        <v>855.66</v>
      </c>
      <c r="Q295" s="3">
        <v>2286.09</v>
      </c>
      <c r="R295" s="3">
        <v>2286.09</v>
      </c>
      <c r="S295" s="3">
        <v>46.58</v>
      </c>
      <c r="T295" s="3">
        <v>0.49</v>
      </c>
      <c r="U295" s="3">
        <v>4.84</v>
      </c>
      <c r="V295" s="3">
        <v>0.65</v>
      </c>
      <c r="W295" s="3">
        <v>-0.14000000000000001</v>
      </c>
      <c r="X295" s="3">
        <v>-0.24</v>
      </c>
      <c r="Y295" s="3">
        <v>-0.04</v>
      </c>
      <c r="Z295" s="3">
        <v>0.02</v>
      </c>
      <c r="AA295" s="4">
        <f t="shared" si="45"/>
        <v>0</v>
      </c>
      <c r="AB295" s="4">
        <f t="shared" si="38"/>
        <v>1.6</v>
      </c>
      <c r="AC295" s="3">
        <f t="shared" si="47"/>
        <v>74.528000000000006</v>
      </c>
      <c r="AD295" s="4">
        <f t="shared" si="42"/>
        <v>0</v>
      </c>
      <c r="AE295" s="3">
        <f t="shared" si="48"/>
        <v>0.78400000000000003</v>
      </c>
      <c r="AF295" s="4">
        <f t="shared" si="46"/>
        <v>0</v>
      </c>
      <c r="AG295" s="3">
        <f t="shared" si="43"/>
        <v>7.7439999999999998</v>
      </c>
      <c r="AH295" s="4">
        <f t="shared" si="44"/>
        <v>0</v>
      </c>
      <c r="AI295" s="3">
        <f t="shared" si="49"/>
        <v>0.65</v>
      </c>
      <c r="AJ295" s="14"/>
      <c r="AK295" s="14"/>
      <c r="AO295" s="12"/>
      <c r="AP295" s="7"/>
      <c r="AQ295" s="7"/>
      <c r="AR295" s="13"/>
    </row>
    <row r="296" spans="1:44">
      <c r="A296" s="3" t="s">
        <v>52</v>
      </c>
      <c r="B296" s="2">
        <v>0.58723379629629624</v>
      </c>
      <c r="C296" s="3">
        <v>124.51</v>
      </c>
      <c r="D296" s="3">
        <v>409.41</v>
      </c>
      <c r="E296" s="3">
        <v>464.03</v>
      </c>
      <c r="F296" s="3">
        <v>598.83000000000004</v>
      </c>
      <c r="G296" s="3">
        <v>327.55</v>
      </c>
      <c r="H296" s="3">
        <v>658.36</v>
      </c>
      <c r="I296" s="3">
        <v>154.94999999999999</v>
      </c>
      <c r="J296" s="3">
        <v>264.64</v>
      </c>
      <c r="K296" s="3">
        <v>295.29000000000002</v>
      </c>
      <c r="L296" s="3">
        <v>320.44</v>
      </c>
      <c r="M296" s="3">
        <v>623.17999999999995</v>
      </c>
      <c r="N296" s="3">
        <v>543.46</v>
      </c>
      <c r="O296" s="3">
        <v>876.46</v>
      </c>
      <c r="P296" s="3">
        <v>851.74</v>
      </c>
      <c r="Q296" s="3">
        <v>2286.06</v>
      </c>
      <c r="R296" s="3">
        <v>2286.06</v>
      </c>
      <c r="S296" s="3">
        <v>46.71</v>
      </c>
      <c r="T296" s="3">
        <v>0.45</v>
      </c>
      <c r="U296" s="3">
        <v>4.67</v>
      </c>
      <c r="V296" s="3">
        <v>0.6</v>
      </c>
      <c r="W296" s="3">
        <v>-0.13</v>
      </c>
      <c r="X296" s="3">
        <v>-0.2</v>
      </c>
      <c r="Y296" s="3">
        <v>-0.04</v>
      </c>
      <c r="Z296" s="3">
        <v>0</v>
      </c>
      <c r="AA296" s="4">
        <f t="shared" si="45"/>
        <v>0</v>
      </c>
      <c r="AB296" s="4">
        <f t="shared" si="38"/>
        <v>1.6</v>
      </c>
      <c r="AC296" s="3">
        <f t="shared" si="47"/>
        <v>74.736000000000004</v>
      </c>
      <c r="AD296" s="4">
        <f t="shared" si="42"/>
        <v>0</v>
      </c>
      <c r="AE296" s="3">
        <f t="shared" si="48"/>
        <v>0.72000000000000008</v>
      </c>
      <c r="AF296" s="4">
        <f t="shared" si="46"/>
        <v>0</v>
      </c>
      <c r="AG296" s="3">
        <f t="shared" si="43"/>
        <v>7.4720000000000004</v>
      </c>
      <c r="AH296" s="4">
        <f t="shared" si="44"/>
        <v>0</v>
      </c>
      <c r="AI296" s="3">
        <f t="shared" si="49"/>
        <v>0.6</v>
      </c>
      <c r="AJ296" s="14"/>
      <c r="AK296" s="14"/>
      <c r="AO296" s="12"/>
      <c r="AP296" s="7"/>
      <c r="AQ296" s="7"/>
      <c r="AR296" s="13"/>
    </row>
    <row r="297" spans="1:44">
      <c r="A297" s="3" t="s">
        <v>52</v>
      </c>
      <c r="B297" s="2">
        <v>0.58792824074074079</v>
      </c>
      <c r="C297" s="3">
        <v>123.09</v>
      </c>
      <c r="D297" s="3">
        <v>402.64</v>
      </c>
      <c r="E297" s="3">
        <v>464.16</v>
      </c>
      <c r="F297" s="3">
        <v>599.63</v>
      </c>
      <c r="G297" s="3">
        <v>324.62</v>
      </c>
      <c r="H297" s="3">
        <v>647.15</v>
      </c>
      <c r="I297" s="3">
        <v>153.27000000000001</v>
      </c>
      <c r="J297" s="3">
        <v>262.55</v>
      </c>
      <c r="K297" s="3">
        <v>293.17</v>
      </c>
      <c r="L297" s="3">
        <v>318.47000000000003</v>
      </c>
      <c r="M297" s="3">
        <v>622.08000000000004</v>
      </c>
      <c r="N297" s="3">
        <v>539.71</v>
      </c>
      <c r="O297" s="3">
        <v>878.81</v>
      </c>
      <c r="P297" s="3">
        <v>851.82</v>
      </c>
      <c r="Q297" s="3">
        <v>2286.04</v>
      </c>
      <c r="R297" s="3">
        <v>2286.04</v>
      </c>
      <c r="S297" s="3">
        <v>45.42</v>
      </c>
      <c r="T297" s="3">
        <v>0.45</v>
      </c>
      <c r="U297" s="3">
        <v>4.41</v>
      </c>
      <c r="V297" s="3">
        <v>0.56999999999999995</v>
      </c>
      <c r="W297" s="3">
        <v>-0.11</v>
      </c>
      <c r="X297" s="3">
        <v>-0.2</v>
      </c>
      <c r="Y297" s="3">
        <v>-0.04</v>
      </c>
      <c r="Z297" s="3">
        <v>0</v>
      </c>
      <c r="AA297" s="4">
        <f t="shared" si="45"/>
        <v>0</v>
      </c>
      <c r="AB297" s="4">
        <f t="shared" si="38"/>
        <v>1.6</v>
      </c>
      <c r="AC297" s="3">
        <f t="shared" si="47"/>
        <v>72.672000000000011</v>
      </c>
      <c r="AD297" s="4">
        <f t="shared" si="42"/>
        <v>0</v>
      </c>
      <c r="AE297" s="3">
        <f t="shared" si="48"/>
        <v>0.72000000000000008</v>
      </c>
      <c r="AF297" s="4">
        <f t="shared" si="46"/>
        <v>0</v>
      </c>
      <c r="AG297" s="3">
        <f t="shared" si="43"/>
        <v>7.0560000000000009</v>
      </c>
      <c r="AH297" s="4">
        <f t="shared" si="44"/>
        <v>0</v>
      </c>
      <c r="AI297" s="3">
        <f t="shared" si="49"/>
        <v>0.56999999999999995</v>
      </c>
      <c r="AJ297" s="14"/>
      <c r="AK297" s="14"/>
      <c r="AO297" s="12"/>
      <c r="AP297" s="7"/>
      <c r="AQ297" s="7"/>
      <c r="AR297" s="13"/>
    </row>
    <row r="298" spans="1:44">
      <c r="A298" s="3" t="s">
        <v>52</v>
      </c>
      <c r="B298" s="2">
        <v>0.58862268518518512</v>
      </c>
      <c r="C298" s="3">
        <v>121.04</v>
      </c>
      <c r="D298" s="3">
        <v>395.59</v>
      </c>
      <c r="E298" s="3">
        <v>463.96</v>
      </c>
      <c r="F298" s="3">
        <v>598.65</v>
      </c>
      <c r="G298" s="3">
        <v>321.42</v>
      </c>
      <c r="H298" s="3">
        <v>640.27</v>
      </c>
      <c r="I298" s="3">
        <v>151.61000000000001</v>
      </c>
      <c r="J298" s="3">
        <v>260.5</v>
      </c>
      <c r="K298" s="3">
        <v>291.02</v>
      </c>
      <c r="L298" s="3">
        <v>316.51</v>
      </c>
      <c r="M298" s="3">
        <v>620.99</v>
      </c>
      <c r="N298" s="3">
        <v>536.16999999999996</v>
      </c>
      <c r="O298" s="3">
        <v>880.77</v>
      </c>
      <c r="P298" s="3">
        <v>857.46</v>
      </c>
      <c r="Q298" s="3">
        <v>2286.0300000000002</v>
      </c>
      <c r="R298" s="3">
        <v>2286.0300000000002</v>
      </c>
      <c r="S298" s="3">
        <v>44.4</v>
      </c>
      <c r="T298" s="3">
        <v>0.45</v>
      </c>
      <c r="U298" s="3">
        <v>4.28</v>
      </c>
      <c r="V298" s="3">
        <v>0.6</v>
      </c>
      <c r="W298" s="3">
        <v>-0.1</v>
      </c>
      <c r="X298" s="3">
        <v>-0.21</v>
      </c>
      <c r="Y298" s="3">
        <v>-0.04</v>
      </c>
      <c r="Z298" s="3">
        <v>0.01</v>
      </c>
      <c r="AA298" s="4">
        <f t="shared" si="45"/>
        <v>0</v>
      </c>
      <c r="AB298" s="4">
        <f t="shared" si="38"/>
        <v>1.6</v>
      </c>
      <c r="AC298" s="3">
        <f t="shared" si="47"/>
        <v>71.040000000000006</v>
      </c>
      <c r="AD298" s="4">
        <f t="shared" si="42"/>
        <v>0</v>
      </c>
      <c r="AE298" s="3">
        <f t="shared" si="48"/>
        <v>0.72000000000000008</v>
      </c>
      <c r="AF298" s="4">
        <f t="shared" si="46"/>
        <v>0</v>
      </c>
      <c r="AG298" s="3">
        <f t="shared" si="43"/>
        <v>6.8480000000000008</v>
      </c>
      <c r="AH298" s="4">
        <f t="shared" si="44"/>
        <v>0</v>
      </c>
      <c r="AI298" s="3">
        <f t="shared" si="49"/>
        <v>0.6</v>
      </c>
      <c r="AJ298" s="14"/>
      <c r="AK298" s="14"/>
      <c r="AO298" s="12"/>
      <c r="AP298" s="7"/>
      <c r="AQ298" s="7"/>
      <c r="AR298" s="13"/>
    </row>
    <row r="299" spans="1:44">
      <c r="A299" s="3" t="s">
        <v>52</v>
      </c>
      <c r="B299" s="2">
        <v>0.58931712962962968</v>
      </c>
      <c r="C299" s="3">
        <v>121.41</v>
      </c>
      <c r="D299" s="3">
        <v>399.04</v>
      </c>
      <c r="E299" s="3">
        <v>463.82</v>
      </c>
      <c r="F299" s="3">
        <v>593.09</v>
      </c>
      <c r="G299" s="3">
        <v>322.49</v>
      </c>
      <c r="H299" s="3">
        <v>649.41</v>
      </c>
      <c r="I299" s="3">
        <v>149.97999999999999</v>
      </c>
      <c r="J299" s="3">
        <v>258.49</v>
      </c>
      <c r="K299" s="3">
        <v>289.06</v>
      </c>
      <c r="L299" s="3">
        <v>314.57</v>
      </c>
      <c r="M299" s="3">
        <v>620.13</v>
      </c>
      <c r="N299" s="3">
        <v>532.63</v>
      </c>
      <c r="O299" s="3">
        <v>886.54</v>
      </c>
      <c r="P299" s="3">
        <v>855.49</v>
      </c>
      <c r="Q299" s="3">
        <v>2286</v>
      </c>
      <c r="R299" s="3">
        <v>2286</v>
      </c>
      <c r="S299" s="3">
        <v>43.45</v>
      </c>
      <c r="T299" s="3">
        <v>0.43</v>
      </c>
      <c r="U299" s="3">
        <v>4.01</v>
      </c>
      <c r="V299" s="3">
        <v>0.56999999999999995</v>
      </c>
      <c r="W299" s="3">
        <v>-0.09</v>
      </c>
      <c r="X299" s="3">
        <v>-0.21</v>
      </c>
      <c r="Y299" s="3">
        <v>-0.03</v>
      </c>
      <c r="Z299" s="3">
        <v>0.01</v>
      </c>
      <c r="AA299" s="4">
        <f t="shared" si="45"/>
        <v>0</v>
      </c>
      <c r="AB299" s="4">
        <f t="shared" si="38"/>
        <v>1.6</v>
      </c>
      <c r="AC299" s="3">
        <f t="shared" si="47"/>
        <v>69.52000000000001</v>
      </c>
      <c r="AD299" s="4">
        <f t="shared" si="42"/>
        <v>0</v>
      </c>
      <c r="AE299" s="3">
        <f t="shared" si="48"/>
        <v>0.68800000000000006</v>
      </c>
      <c r="AF299" s="4">
        <f t="shared" si="46"/>
        <v>0</v>
      </c>
      <c r="AG299" s="3">
        <f t="shared" si="43"/>
        <v>6.4160000000000004</v>
      </c>
      <c r="AH299" s="4">
        <f t="shared" si="44"/>
        <v>0</v>
      </c>
      <c r="AI299" s="3">
        <f t="shared" si="49"/>
        <v>0.56999999999999995</v>
      </c>
      <c r="AJ299" s="14"/>
      <c r="AK299" s="14"/>
      <c r="AO299" s="12"/>
      <c r="AP299" s="7"/>
      <c r="AQ299" s="7"/>
      <c r="AR299" s="13"/>
    </row>
    <row r="300" spans="1:44">
      <c r="A300" s="3" t="s">
        <v>52</v>
      </c>
      <c r="B300" s="2">
        <v>0.59001157407407401</v>
      </c>
      <c r="C300" s="3">
        <v>123.41</v>
      </c>
      <c r="D300" s="3">
        <v>408.62</v>
      </c>
      <c r="E300" s="3">
        <v>461.43</v>
      </c>
      <c r="F300" s="3">
        <v>562.28</v>
      </c>
      <c r="G300" s="3">
        <v>324.61</v>
      </c>
      <c r="H300" s="3">
        <v>656.79</v>
      </c>
      <c r="I300" s="3">
        <v>148.36000000000001</v>
      </c>
      <c r="J300" s="3">
        <v>256.51</v>
      </c>
      <c r="K300" s="3">
        <v>287.04000000000002</v>
      </c>
      <c r="L300" s="3">
        <v>312.66000000000003</v>
      </c>
      <c r="M300" s="3">
        <v>619.70000000000005</v>
      </c>
      <c r="N300" s="3">
        <v>529.11</v>
      </c>
      <c r="O300" s="3">
        <v>881.33</v>
      </c>
      <c r="P300" s="3">
        <v>851.8</v>
      </c>
      <c r="Q300" s="3">
        <v>2285.9699999999998</v>
      </c>
      <c r="R300" s="3">
        <v>2285.9699999999998</v>
      </c>
      <c r="S300" s="3">
        <v>41.88</v>
      </c>
      <c r="T300" s="3">
        <v>0.41</v>
      </c>
      <c r="U300" s="3">
        <v>3.62</v>
      </c>
      <c r="V300" s="3">
        <v>0.51</v>
      </c>
      <c r="W300" s="3">
        <v>-0.1</v>
      </c>
      <c r="X300" s="3">
        <v>-0.22</v>
      </c>
      <c r="Y300" s="3">
        <v>-0.03</v>
      </c>
      <c r="Z300" s="3">
        <v>0.03</v>
      </c>
      <c r="AA300" s="4">
        <f t="shared" si="45"/>
        <v>0</v>
      </c>
      <c r="AB300" s="4">
        <f t="shared" si="38"/>
        <v>1.6</v>
      </c>
      <c r="AC300" s="3">
        <f t="shared" si="47"/>
        <v>67.00800000000001</v>
      </c>
      <c r="AD300" s="4">
        <f t="shared" si="42"/>
        <v>0</v>
      </c>
      <c r="AE300" s="3">
        <f t="shared" si="48"/>
        <v>0.65600000000000003</v>
      </c>
      <c r="AF300" s="4">
        <f t="shared" si="46"/>
        <v>0</v>
      </c>
      <c r="AG300" s="3">
        <f t="shared" si="43"/>
        <v>5.7920000000000007</v>
      </c>
      <c r="AH300" s="4">
        <f t="shared" si="44"/>
        <v>0</v>
      </c>
      <c r="AI300" s="3">
        <f t="shared" si="49"/>
        <v>0.51</v>
      </c>
      <c r="AJ300" s="14"/>
      <c r="AK300" s="14"/>
      <c r="AO300" s="12"/>
      <c r="AP300" s="7"/>
      <c r="AQ300" s="7"/>
      <c r="AR300" s="13"/>
    </row>
    <row r="301" spans="1:44">
      <c r="A301" s="3" t="s">
        <v>52</v>
      </c>
      <c r="B301" s="2">
        <v>0.5907175925925926</v>
      </c>
      <c r="C301" s="3">
        <v>123.63</v>
      </c>
      <c r="D301" s="3">
        <v>408.61</v>
      </c>
      <c r="E301" s="3">
        <v>455.91</v>
      </c>
      <c r="F301" s="3">
        <v>536.1</v>
      </c>
      <c r="G301" s="3">
        <v>322.77</v>
      </c>
      <c r="H301" s="3">
        <v>648.28</v>
      </c>
      <c r="I301" s="3">
        <v>146.79</v>
      </c>
      <c r="J301" s="3">
        <v>254.58</v>
      </c>
      <c r="K301" s="3">
        <v>285.12</v>
      </c>
      <c r="L301" s="3">
        <v>310.76</v>
      </c>
      <c r="M301" s="3">
        <v>617.09</v>
      </c>
      <c r="N301" s="3">
        <v>525.73</v>
      </c>
      <c r="O301" s="3">
        <v>815.99</v>
      </c>
      <c r="P301" s="3">
        <v>851.11</v>
      </c>
      <c r="Q301" s="3">
        <v>2285.96</v>
      </c>
      <c r="R301" s="3">
        <v>2285.96</v>
      </c>
      <c r="S301" s="3">
        <v>31.82</v>
      </c>
      <c r="T301" s="3">
        <v>0.42</v>
      </c>
      <c r="U301" s="3">
        <v>3.11</v>
      </c>
      <c r="V301" s="3">
        <v>0.47</v>
      </c>
      <c r="W301" s="3">
        <v>-0.09</v>
      </c>
      <c r="X301" s="3">
        <v>-0.21</v>
      </c>
      <c r="Y301" s="3">
        <v>-0.03</v>
      </c>
      <c r="Z301" s="3">
        <v>0.01</v>
      </c>
      <c r="AA301" s="4">
        <f t="shared" si="45"/>
        <v>0</v>
      </c>
      <c r="AB301" s="4">
        <f t="shared" si="38"/>
        <v>1.6</v>
      </c>
      <c r="AC301" s="3">
        <f t="shared" si="47"/>
        <v>50.912000000000006</v>
      </c>
      <c r="AD301" s="4">
        <f t="shared" si="42"/>
        <v>0</v>
      </c>
      <c r="AE301" s="3">
        <f t="shared" si="48"/>
        <v>0.67200000000000004</v>
      </c>
      <c r="AF301" s="4">
        <f t="shared" si="46"/>
        <v>0</v>
      </c>
      <c r="AG301" s="3">
        <f t="shared" si="43"/>
        <v>4.976</v>
      </c>
      <c r="AH301" s="4">
        <f t="shared" si="44"/>
        <v>0</v>
      </c>
      <c r="AI301" s="3">
        <f t="shared" si="49"/>
        <v>0.47</v>
      </c>
      <c r="AJ301" s="14"/>
      <c r="AK301" s="14"/>
      <c r="AO301" s="12"/>
      <c r="AP301" s="7"/>
      <c r="AQ301" s="7"/>
      <c r="AR301" s="13"/>
    </row>
    <row r="302" spans="1:44">
      <c r="A302" s="3" t="s">
        <v>52</v>
      </c>
      <c r="B302" s="2">
        <v>0.59141203703703704</v>
      </c>
      <c r="C302" s="3">
        <v>121.99</v>
      </c>
      <c r="D302" s="3">
        <v>402.13</v>
      </c>
      <c r="E302" s="3">
        <v>448.6</v>
      </c>
      <c r="F302" s="3">
        <v>520.69000000000005</v>
      </c>
      <c r="G302" s="3">
        <v>317.45999999999998</v>
      </c>
      <c r="H302" s="3">
        <v>633.38</v>
      </c>
      <c r="I302" s="3">
        <v>145.31</v>
      </c>
      <c r="J302" s="3">
        <v>252.69</v>
      </c>
      <c r="K302" s="3">
        <v>283.08999999999997</v>
      </c>
      <c r="L302" s="3">
        <v>308.86</v>
      </c>
      <c r="M302" s="3">
        <v>614.41</v>
      </c>
      <c r="N302" s="3">
        <v>522.29</v>
      </c>
      <c r="O302" s="3">
        <v>856.38</v>
      </c>
      <c r="P302" s="3">
        <v>856.28</v>
      </c>
      <c r="Q302" s="3">
        <v>2285.9299999999998</v>
      </c>
      <c r="R302" s="3">
        <v>2285.9299999999998</v>
      </c>
      <c r="S302" s="3">
        <v>27.95</v>
      </c>
      <c r="T302" s="3">
        <v>0.39</v>
      </c>
      <c r="U302" s="3">
        <v>3.9</v>
      </c>
      <c r="V302" s="3">
        <v>0.45</v>
      </c>
      <c r="W302" s="3">
        <v>-0.02</v>
      </c>
      <c r="X302" s="3">
        <v>-0.21</v>
      </c>
      <c r="Y302" s="3">
        <v>-0.03</v>
      </c>
      <c r="Z302" s="3">
        <v>0.01</v>
      </c>
      <c r="AA302" s="4">
        <f t="shared" si="45"/>
        <v>0</v>
      </c>
      <c r="AB302" s="4">
        <f t="shared" si="38"/>
        <v>1.6</v>
      </c>
      <c r="AC302" s="3">
        <f t="shared" si="47"/>
        <v>44.72</v>
      </c>
      <c r="AD302" s="4">
        <f t="shared" si="42"/>
        <v>0</v>
      </c>
      <c r="AE302" s="3">
        <f t="shared" si="48"/>
        <v>0.62400000000000011</v>
      </c>
      <c r="AF302" s="4">
        <f t="shared" si="46"/>
        <v>0</v>
      </c>
      <c r="AG302" s="3">
        <f t="shared" si="43"/>
        <v>6.24</v>
      </c>
      <c r="AH302" s="4">
        <f t="shared" si="44"/>
        <v>0</v>
      </c>
      <c r="AI302" s="3">
        <f t="shared" si="49"/>
        <v>0.45</v>
      </c>
      <c r="AJ302" s="14"/>
      <c r="AK302" s="14"/>
      <c r="AO302" s="12"/>
      <c r="AP302" s="7"/>
      <c r="AQ302" s="7"/>
      <c r="AR302" s="13"/>
    </row>
    <row r="303" spans="1:44">
      <c r="A303" s="3" t="s">
        <v>52</v>
      </c>
      <c r="B303" s="2">
        <v>0.59210648148148148</v>
      </c>
      <c r="C303" s="3">
        <v>119</v>
      </c>
      <c r="D303" s="3">
        <v>393.91</v>
      </c>
      <c r="E303" s="3">
        <v>442.98</v>
      </c>
      <c r="F303" s="3">
        <v>548.33000000000004</v>
      </c>
      <c r="G303" s="3">
        <v>310.08</v>
      </c>
      <c r="H303" s="3">
        <v>617.54999999999995</v>
      </c>
      <c r="I303" s="3">
        <v>143.88999999999999</v>
      </c>
      <c r="J303" s="3">
        <v>250.95</v>
      </c>
      <c r="K303" s="3">
        <v>281.17</v>
      </c>
      <c r="L303" s="3">
        <v>306.98</v>
      </c>
      <c r="M303" s="3">
        <v>613.51</v>
      </c>
      <c r="N303" s="3">
        <v>518.97</v>
      </c>
      <c r="O303" s="3">
        <v>867.96</v>
      </c>
      <c r="P303" s="3">
        <v>853.36</v>
      </c>
      <c r="Q303" s="3">
        <v>2285.91</v>
      </c>
      <c r="R303" s="3">
        <v>2285.91</v>
      </c>
      <c r="S303" s="3">
        <v>37.17</v>
      </c>
      <c r="T303" s="3">
        <v>0.45</v>
      </c>
      <c r="U303" s="3">
        <v>4.32</v>
      </c>
      <c r="V303" s="3">
        <v>0.51</v>
      </c>
      <c r="W303" s="3">
        <v>-0.06</v>
      </c>
      <c r="X303" s="3">
        <v>-0.19</v>
      </c>
      <c r="Y303" s="3">
        <v>-0.02</v>
      </c>
      <c r="Z303" s="3">
        <v>-0.01</v>
      </c>
      <c r="AA303" s="4">
        <f t="shared" si="45"/>
        <v>0</v>
      </c>
      <c r="AB303" s="4">
        <f t="shared" ref="AB303:AB366" si="50">AB302</f>
        <v>1.6</v>
      </c>
      <c r="AC303" s="3">
        <f t="shared" si="47"/>
        <v>59.472000000000008</v>
      </c>
      <c r="AD303" s="4">
        <f t="shared" si="42"/>
        <v>0</v>
      </c>
      <c r="AE303" s="3">
        <f t="shared" si="48"/>
        <v>0.72000000000000008</v>
      </c>
      <c r="AF303" s="4">
        <f t="shared" si="46"/>
        <v>0</v>
      </c>
      <c r="AG303" s="3">
        <f t="shared" si="43"/>
        <v>6.9120000000000008</v>
      </c>
      <c r="AH303" s="4">
        <f t="shared" si="44"/>
        <v>0</v>
      </c>
      <c r="AI303" s="3">
        <f t="shared" si="49"/>
        <v>0.51</v>
      </c>
      <c r="AJ303" s="14"/>
      <c r="AK303" s="14"/>
      <c r="AO303" s="12"/>
      <c r="AP303" s="7"/>
      <c r="AQ303" s="7"/>
      <c r="AR303" s="13"/>
    </row>
    <row r="304" spans="1:44">
      <c r="A304" s="3" t="s">
        <v>52</v>
      </c>
      <c r="B304" s="2">
        <v>0.59280092592592593</v>
      </c>
      <c r="C304" s="3">
        <v>115.46</v>
      </c>
      <c r="D304" s="3">
        <v>385.49</v>
      </c>
      <c r="E304" s="3">
        <v>441.71</v>
      </c>
      <c r="F304" s="3">
        <v>578.01</v>
      </c>
      <c r="G304" s="3">
        <v>301.64999999999998</v>
      </c>
      <c r="H304" s="3">
        <v>602.25</v>
      </c>
      <c r="I304" s="3">
        <v>142.37</v>
      </c>
      <c r="J304" s="3">
        <v>249.32</v>
      </c>
      <c r="K304" s="3">
        <v>279.2</v>
      </c>
      <c r="L304" s="3">
        <v>305.13</v>
      </c>
      <c r="M304" s="3">
        <v>612.63</v>
      </c>
      <c r="N304" s="3">
        <v>515.66</v>
      </c>
      <c r="O304" s="3">
        <v>872.32</v>
      </c>
      <c r="P304" s="3">
        <v>850.18</v>
      </c>
      <c r="Q304" s="3">
        <v>2285.88</v>
      </c>
      <c r="R304" s="3">
        <v>2285.88</v>
      </c>
      <c r="S304" s="3">
        <v>39.94</v>
      </c>
      <c r="T304" s="3">
        <v>0.48</v>
      </c>
      <c r="U304" s="3">
        <v>4.3499999999999996</v>
      </c>
      <c r="V304" s="3">
        <v>0.56999999999999995</v>
      </c>
      <c r="W304" s="3">
        <v>-0.05</v>
      </c>
      <c r="X304" s="3">
        <v>-0.21</v>
      </c>
      <c r="Y304" s="3">
        <v>-0.01</v>
      </c>
      <c r="Z304" s="3">
        <v>0</v>
      </c>
      <c r="AA304" s="4">
        <f t="shared" si="45"/>
        <v>0</v>
      </c>
      <c r="AB304" s="4">
        <f t="shared" si="50"/>
        <v>1.6</v>
      </c>
      <c r="AC304" s="3">
        <f t="shared" si="47"/>
        <v>63.903999999999996</v>
      </c>
      <c r="AD304" s="4">
        <f t="shared" si="42"/>
        <v>0</v>
      </c>
      <c r="AE304" s="3">
        <f t="shared" si="48"/>
        <v>0.76800000000000002</v>
      </c>
      <c r="AF304" s="4">
        <f t="shared" si="46"/>
        <v>0</v>
      </c>
      <c r="AG304" s="3">
        <f t="shared" si="43"/>
        <v>6.96</v>
      </c>
      <c r="AH304" s="4">
        <f t="shared" si="44"/>
        <v>0</v>
      </c>
      <c r="AI304" s="3">
        <f t="shared" si="49"/>
        <v>0.56999999999999995</v>
      </c>
      <c r="AJ304" s="14"/>
      <c r="AK304" s="14"/>
      <c r="AO304" s="12"/>
      <c r="AP304" s="7"/>
      <c r="AQ304" s="7"/>
      <c r="AR304" s="13"/>
    </row>
    <row r="305" spans="1:45">
      <c r="A305" s="3" t="s">
        <v>52</v>
      </c>
      <c r="B305" s="2">
        <v>0.59349537037037037</v>
      </c>
      <c r="C305" s="3">
        <v>111.59</v>
      </c>
      <c r="D305" s="3">
        <v>377.38</v>
      </c>
      <c r="E305" s="3">
        <v>443.16</v>
      </c>
      <c r="F305" s="3">
        <v>596.58000000000004</v>
      </c>
      <c r="G305" s="3">
        <v>293.89999999999998</v>
      </c>
      <c r="H305" s="3">
        <v>590.92999999999995</v>
      </c>
      <c r="I305" s="3">
        <v>140.97999999999999</v>
      </c>
      <c r="J305" s="3">
        <v>247.75</v>
      </c>
      <c r="K305" s="3">
        <v>277.33999999999997</v>
      </c>
      <c r="L305" s="3">
        <v>303.33</v>
      </c>
      <c r="M305" s="3">
        <v>612.17999999999995</v>
      </c>
      <c r="N305" s="3">
        <v>512.45000000000005</v>
      </c>
      <c r="O305" s="3">
        <v>874.78</v>
      </c>
      <c r="P305" s="3">
        <v>856.58</v>
      </c>
      <c r="Q305" s="3">
        <v>2285.88</v>
      </c>
      <c r="R305" s="3">
        <v>2285.88</v>
      </c>
      <c r="S305" s="3">
        <v>41.58</v>
      </c>
      <c r="T305" s="3">
        <v>0.51</v>
      </c>
      <c r="U305" s="3">
        <v>4.29</v>
      </c>
      <c r="V305" s="3">
        <v>0.59</v>
      </c>
      <c r="W305" s="3">
        <v>-0.06</v>
      </c>
      <c r="X305" s="3">
        <v>-0.21</v>
      </c>
      <c r="Y305" s="3">
        <v>-0.01</v>
      </c>
      <c r="Z305" s="3">
        <v>0</v>
      </c>
      <c r="AA305" s="4">
        <f t="shared" si="45"/>
        <v>0</v>
      </c>
      <c r="AB305" s="4">
        <f t="shared" si="50"/>
        <v>1.6</v>
      </c>
      <c r="AC305" s="3">
        <f t="shared" si="47"/>
        <v>66.528000000000006</v>
      </c>
      <c r="AD305" s="4">
        <f t="shared" si="42"/>
        <v>0</v>
      </c>
      <c r="AE305" s="3">
        <f t="shared" si="48"/>
        <v>0.81600000000000006</v>
      </c>
      <c r="AF305" s="4">
        <f t="shared" si="46"/>
        <v>0</v>
      </c>
      <c r="AG305" s="3">
        <f t="shared" si="43"/>
        <v>6.8640000000000008</v>
      </c>
      <c r="AH305" s="4">
        <f t="shared" si="44"/>
        <v>0</v>
      </c>
      <c r="AI305" s="3">
        <f t="shared" si="49"/>
        <v>0.59</v>
      </c>
      <c r="AJ305" s="14"/>
      <c r="AK305" s="14"/>
      <c r="AO305" s="12"/>
      <c r="AP305" s="7"/>
      <c r="AQ305" s="7"/>
      <c r="AR305" s="13"/>
    </row>
    <row r="306" spans="1:45">
      <c r="A306" s="3" t="s">
        <v>52</v>
      </c>
      <c r="B306" s="2">
        <v>0.59418981481481481</v>
      </c>
      <c r="C306" s="3">
        <v>108.51</v>
      </c>
      <c r="D306" s="3">
        <v>369.65</v>
      </c>
      <c r="E306" s="3">
        <v>445.29</v>
      </c>
      <c r="F306" s="3">
        <v>598.21</v>
      </c>
      <c r="G306" s="3">
        <v>290.85000000000002</v>
      </c>
      <c r="H306" s="3">
        <v>596.91999999999996</v>
      </c>
      <c r="I306" s="3">
        <v>139.6</v>
      </c>
      <c r="J306" s="3">
        <v>246.21</v>
      </c>
      <c r="K306" s="3">
        <v>275.38</v>
      </c>
      <c r="L306" s="3">
        <v>301.56</v>
      </c>
      <c r="M306" s="3">
        <v>611.29</v>
      </c>
      <c r="N306" s="3">
        <v>509.27</v>
      </c>
      <c r="O306" s="3">
        <v>879.33</v>
      </c>
      <c r="P306" s="3">
        <v>856.27</v>
      </c>
      <c r="Q306" s="3">
        <v>2285.86</v>
      </c>
      <c r="R306" s="3">
        <v>2285.86</v>
      </c>
      <c r="S306" s="3">
        <v>41.92</v>
      </c>
      <c r="T306" s="3">
        <v>0.49</v>
      </c>
      <c r="U306" s="3">
        <v>4.1100000000000003</v>
      </c>
      <c r="V306" s="3">
        <v>0.56999999999999995</v>
      </c>
      <c r="W306" s="3">
        <v>-0.06</v>
      </c>
      <c r="X306" s="3">
        <v>-0.2</v>
      </c>
      <c r="Y306" s="3">
        <v>-0.01</v>
      </c>
      <c r="Z306" s="3">
        <v>-0.01</v>
      </c>
      <c r="AA306" s="4">
        <f t="shared" si="45"/>
        <v>0</v>
      </c>
      <c r="AB306" s="4">
        <f t="shared" si="50"/>
        <v>1.6</v>
      </c>
      <c r="AC306" s="3">
        <f t="shared" si="47"/>
        <v>67.072000000000003</v>
      </c>
      <c r="AD306" s="4">
        <f t="shared" si="42"/>
        <v>0</v>
      </c>
      <c r="AE306" s="3">
        <f t="shared" si="48"/>
        <v>0.78400000000000003</v>
      </c>
      <c r="AF306" s="4">
        <f t="shared" si="46"/>
        <v>0</v>
      </c>
      <c r="AG306" s="3">
        <f t="shared" si="43"/>
        <v>6.5760000000000005</v>
      </c>
      <c r="AH306" s="4">
        <f t="shared" si="44"/>
        <v>0</v>
      </c>
      <c r="AI306" s="3">
        <f t="shared" si="49"/>
        <v>0.56999999999999995</v>
      </c>
      <c r="AJ306" s="14"/>
      <c r="AK306" s="14"/>
      <c r="AO306" s="12"/>
      <c r="AP306" s="7"/>
      <c r="AQ306" s="7"/>
      <c r="AR306" s="13"/>
    </row>
    <row r="307" spans="1:45">
      <c r="A307" s="3" t="s">
        <v>52</v>
      </c>
      <c r="B307" s="2">
        <v>0.59488425925925925</v>
      </c>
      <c r="C307" s="3">
        <v>105.81</v>
      </c>
      <c r="D307" s="3">
        <v>362.35</v>
      </c>
      <c r="E307" s="3">
        <v>447.2</v>
      </c>
      <c r="F307" s="3">
        <v>599.07000000000005</v>
      </c>
      <c r="G307" s="3">
        <v>292.8</v>
      </c>
      <c r="H307" s="3">
        <v>614.32000000000005</v>
      </c>
      <c r="I307" s="3">
        <v>138.22999999999999</v>
      </c>
      <c r="J307" s="3">
        <v>244.69</v>
      </c>
      <c r="K307" s="3">
        <v>273.55</v>
      </c>
      <c r="L307" s="3">
        <v>299.83</v>
      </c>
      <c r="M307" s="3">
        <v>610.57000000000005</v>
      </c>
      <c r="N307" s="3">
        <v>506.13</v>
      </c>
      <c r="O307" s="3">
        <v>883.91</v>
      </c>
      <c r="P307" s="3">
        <v>852.68</v>
      </c>
      <c r="Q307" s="3">
        <v>2285.86</v>
      </c>
      <c r="R307" s="3">
        <v>2285.86</v>
      </c>
      <c r="S307" s="3">
        <v>41.35</v>
      </c>
      <c r="T307" s="3">
        <v>0.47</v>
      </c>
      <c r="U307" s="3">
        <v>4.0599999999999996</v>
      </c>
      <c r="V307" s="3">
        <v>0.53</v>
      </c>
      <c r="W307" s="3">
        <v>-0.06</v>
      </c>
      <c r="X307" s="3">
        <v>-0.2</v>
      </c>
      <c r="Y307" s="3">
        <v>-0.01</v>
      </c>
      <c r="Z307" s="3">
        <v>-0.01</v>
      </c>
      <c r="AA307" s="4">
        <f t="shared" si="45"/>
        <v>0</v>
      </c>
      <c r="AB307" s="4">
        <f t="shared" si="50"/>
        <v>1.6</v>
      </c>
      <c r="AC307" s="3">
        <f t="shared" si="47"/>
        <v>66.160000000000011</v>
      </c>
      <c r="AD307" s="4">
        <f t="shared" si="42"/>
        <v>0</v>
      </c>
      <c r="AE307" s="3">
        <f t="shared" si="48"/>
        <v>0.752</v>
      </c>
      <c r="AF307" s="4">
        <f t="shared" si="46"/>
        <v>0</v>
      </c>
      <c r="AG307" s="3">
        <f t="shared" si="43"/>
        <v>6.4959999999999996</v>
      </c>
      <c r="AH307" s="4">
        <f t="shared" si="44"/>
        <v>0</v>
      </c>
      <c r="AI307" s="3">
        <f t="shared" si="49"/>
        <v>0.53</v>
      </c>
      <c r="AJ307" s="14"/>
      <c r="AK307" s="14"/>
      <c r="AO307" s="12"/>
      <c r="AP307" s="7"/>
      <c r="AQ307" s="7"/>
      <c r="AR307" s="13"/>
    </row>
    <row r="308" spans="1:45">
      <c r="A308" s="3" t="s">
        <v>52</v>
      </c>
      <c r="B308" s="2">
        <v>0.59557870370370369</v>
      </c>
      <c r="C308" s="3">
        <v>103.57</v>
      </c>
      <c r="D308" s="3">
        <v>355.44</v>
      </c>
      <c r="E308" s="3">
        <v>449.13</v>
      </c>
      <c r="F308" s="3">
        <v>598.66999999999996</v>
      </c>
      <c r="G308" s="3">
        <v>298.10000000000002</v>
      </c>
      <c r="H308" s="3">
        <v>634.1</v>
      </c>
      <c r="I308" s="3">
        <v>136.87</v>
      </c>
      <c r="J308" s="3">
        <v>243.18</v>
      </c>
      <c r="K308" s="3">
        <v>271.79000000000002</v>
      </c>
      <c r="L308" s="3">
        <v>298.10000000000002</v>
      </c>
      <c r="M308" s="3">
        <v>609.87</v>
      </c>
      <c r="N308" s="3">
        <v>503.07</v>
      </c>
      <c r="O308" s="3">
        <v>894.1</v>
      </c>
      <c r="P308" s="3">
        <v>850.57</v>
      </c>
      <c r="Q308" s="3">
        <v>2285.85</v>
      </c>
      <c r="R308" s="3">
        <v>2285.85</v>
      </c>
      <c r="S308" s="3">
        <v>38.590000000000003</v>
      </c>
      <c r="T308" s="3">
        <v>0.32</v>
      </c>
      <c r="U308" s="3">
        <v>4.7300000000000004</v>
      </c>
      <c r="V308" s="3">
        <v>0.4</v>
      </c>
      <c r="W308" s="3">
        <v>-0.05</v>
      </c>
      <c r="X308" s="3">
        <v>-0.2</v>
      </c>
      <c r="Y308" s="3">
        <v>-0.01</v>
      </c>
      <c r="Z308" s="3">
        <v>-0.01</v>
      </c>
      <c r="AA308" s="4">
        <f t="shared" si="45"/>
        <v>0</v>
      </c>
      <c r="AB308" s="4">
        <f t="shared" si="50"/>
        <v>1.6</v>
      </c>
      <c r="AC308" s="3">
        <f t="shared" si="47"/>
        <v>61.744000000000007</v>
      </c>
      <c r="AD308" s="4">
        <f t="shared" si="42"/>
        <v>0</v>
      </c>
      <c r="AE308" s="3">
        <f t="shared" si="48"/>
        <v>0.51200000000000001</v>
      </c>
      <c r="AF308" s="4">
        <f t="shared" si="46"/>
        <v>0</v>
      </c>
      <c r="AG308" s="3">
        <f t="shared" si="43"/>
        <v>7.5680000000000014</v>
      </c>
      <c r="AH308" s="4">
        <f t="shared" si="44"/>
        <v>0</v>
      </c>
      <c r="AI308" s="3">
        <f t="shared" si="49"/>
        <v>0.4</v>
      </c>
      <c r="AJ308" s="14"/>
      <c r="AK308" s="14"/>
      <c r="AO308" s="12"/>
      <c r="AP308" s="7"/>
      <c r="AQ308" s="7"/>
      <c r="AR308" s="13"/>
    </row>
    <row r="309" spans="1:45">
      <c r="A309" s="3" t="s">
        <v>52</v>
      </c>
      <c r="B309" s="2">
        <v>0.59628472222222217</v>
      </c>
      <c r="C309" s="3">
        <v>101.61</v>
      </c>
      <c r="D309" s="3">
        <v>348.9</v>
      </c>
      <c r="E309" s="3">
        <v>450.33</v>
      </c>
      <c r="F309" s="3">
        <v>581.1</v>
      </c>
      <c r="G309" s="3">
        <v>304.07</v>
      </c>
      <c r="H309" s="3">
        <v>650.53</v>
      </c>
      <c r="I309" s="3">
        <v>135.61000000000001</v>
      </c>
      <c r="J309" s="3">
        <v>241.69</v>
      </c>
      <c r="K309" s="3">
        <v>269.95</v>
      </c>
      <c r="L309" s="3">
        <v>296.39</v>
      </c>
      <c r="M309" s="3">
        <v>610.21</v>
      </c>
      <c r="N309" s="3">
        <v>499.98</v>
      </c>
      <c r="O309" s="3">
        <v>913.63</v>
      </c>
      <c r="P309" s="3">
        <v>857.38</v>
      </c>
      <c r="Q309" s="3">
        <v>2285.84</v>
      </c>
      <c r="R309" s="3">
        <v>2285.84</v>
      </c>
      <c r="S309" s="3">
        <v>33.71</v>
      </c>
      <c r="T309" s="3">
        <v>0.24</v>
      </c>
      <c r="U309" s="3">
        <v>4.32</v>
      </c>
      <c r="V309" s="3">
        <v>0.31</v>
      </c>
      <c r="W309" s="3">
        <v>-0.08</v>
      </c>
      <c r="X309" s="3">
        <v>-0.21</v>
      </c>
      <c r="Y309" s="3">
        <v>-0.01</v>
      </c>
      <c r="Z309" s="3">
        <v>-0.01</v>
      </c>
      <c r="AA309" s="4">
        <f t="shared" si="45"/>
        <v>0</v>
      </c>
      <c r="AB309" s="4">
        <f t="shared" si="50"/>
        <v>1.6</v>
      </c>
      <c r="AC309" s="3">
        <f t="shared" si="47"/>
        <v>53.936000000000007</v>
      </c>
      <c r="AD309" s="4">
        <f t="shared" si="42"/>
        <v>0</v>
      </c>
      <c r="AE309" s="3">
        <f t="shared" si="48"/>
        <v>0.38400000000000001</v>
      </c>
      <c r="AF309" s="4">
        <f t="shared" si="46"/>
        <v>0</v>
      </c>
      <c r="AG309" s="3">
        <f t="shared" si="43"/>
        <v>6.9120000000000008</v>
      </c>
      <c r="AH309" s="4">
        <f t="shared" si="44"/>
        <v>0</v>
      </c>
      <c r="AI309" s="3">
        <f t="shared" si="49"/>
        <v>0.31</v>
      </c>
      <c r="AJ309" s="14"/>
      <c r="AK309" s="14"/>
      <c r="AO309" s="12"/>
      <c r="AP309" s="7"/>
      <c r="AQ309" s="7"/>
      <c r="AR309" s="13"/>
    </row>
    <row r="310" spans="1:45" s="15" customFormat="1">
      <c r="A310" s="15" t="s">
        <v>52</v>
      </c>
      <c r="B310" s="16">
        <v>0.59697916666666673</v>
      </c>
      <c r="C310" s="15">
        <v>98.51</v>
      </c>
      <c r="D310" s="15">
        <v>343.48</v>
      </c>
      <c r="E310" s="15">
        <v>448.11</v>
      </c>
      <c r="F310" s="15">
        <v>571.02</v>
      </c>
      <c r="G310" s="15">
        <v>303.95999999999998</v>
      </c>
      <c r="H310" s="15">
        <v>649.4</v>
      </c>
      <c r="I310" s="15">
        <v>134.37</v>
      </c>
      <c r="J310" s="15">
        <v>240.21</v>
      </c>
      <c r="K310" s="15">
        <v>268</v>
      </c>
      <c r="L310" s="15">
        <v>294.70999999999998</v>
      </c>
      <c r="M310" s="15">
        <v>609.6</v>
      </c>
      <c r="N310" s="15">
        <v>497.04</v>
      </c>
      <c r="O310" s="15">
        <v>934.58</v>
      </c>
      <c r="P310" s="15">
        <v>857.75</v>
      </c>
      <c r="Q310" s="15">
        <v>2285.83</v>
      </c>
      <c r="R310" s="15">
        <v>2285.83</v>
      </c>
      <c r="S310" s="15">
        <v>28.64</v>
      </c>
      <c r="T310" s="15">
        <v>0.21</v>
      </c>
      <c r="U310" s="15">
        <v>3.91</v>
      </c>
      <c r="V310" s="15">
        <v>0.28999999999999998</v>
      </c>
      <c r="W310" s="15">
        <v>0.03</v>
      </c>
      <c r="X310" s="15">
        <v>-0.2</v>
      </c>
      <c r="Y310" s="15">
        <v>-0.01</v>
      </c>
      <c r="Z310" s="15">
        <v>0.01</v>
      </c>
      <c r="AA310" s="17">
        <f t="shared" si="45"/>
        <v>0</v>
      </c>
      <c r="AB310" s="17">
        <f t="shared" si="50"/>
        <v>1.6</v>
      </c>
      <c r="AC310" s="15">
        <f t="shared" si="47"/>
        <v>45.824000000000005</v>
      </c>
      <c r="AD310" s="17">
        <f t="shared" si="42"/>
        <v>0</v>
      </c>
      <c r="AE310" s="15">
        <f t="shared" si="48"/>
        <v>0.33600000000000002</v>
      </c>
      <c r="AF310" s="17">
        <f t="shared" si="46"/>
        <v>0</v>
      </c>
      <c r="AG310" s="15">
        <f t="shared" si="43"/>
        <v>6.2560000000000002</v>
      </c>
      <c r="AH310" s="17">
        <f t="shared" si="44"/>
        <v>0</v>
      </c>
      <c r="AI310" s="15">
        <f t="shared" si="49"/>
        <v>0.28999999999999998</v>
      </c>
      <c r="AJ310" s="18"/>
      <c r="AK310" s="18"/>
      <c r="AO310" s="12">
        <v>15</v>
      </c>
      <c r="AP310" s="7"/>
      <c r="AQ310" s="7"/>
      <c r="AR310" s="13"/>
      <c r="AS310" s="15" t="s">
        <v>53</v>
      </c>
    </row>
    <row r="311" spans="1:45">
      <c r="A311" s="3" t="s">
        <v>52</v>
      </c>
      <c r="B311" s="2">
        <v>0.59767361111111106</v>
      </c>
      <c r="C311" s="3">
        <v>98.75</v>
      </c>
      <c r="D311" s="3">
        <v>348</v>
      </c>
      <c r="E311" s="3">
        <v>448.54</v>
      </c>
      <c r="F311" s="3">
        <v>594.02</v>
      </c>
      <c r="G311" s="3">
        <v>301.93</v>
      </c>
      <c r="H311" s="3">
        <v>636.24</v>
      </c>
      <c r="I311" s="3">
        <v>133.12</v>
      </c>
      <c r="J311" s="3">
        <v>238.74</v>
      </c>
      <c r="K311" s="3">
        <v>266.16000000000003</v>
      </c>
      <c r="L311" s="3">
        <v>293.04000000000002</v>
      </c>
      <c r="M311" s="3">
        <v>610.33000000000004</v>
      </c>
      <c r="N311" s="3">
        <v>494.09</v>
      </c>
      <c r="O311" s="3">
        <v>963.14</v>
      </c>
      <c r="P311" s="3">
        <v>856.34</v>
      </c>
      <c r="Q311" s="3">
        <v>2285.81</v>
      </c>
      <c r="R311" s="3">
        <v>2285.81</v>
      </c>
      <c r="S311" s="3">
        <v>34.92</v>
      </c>
      <c r="T311" s="3">
        <v>0.49</v>
      </c>
      <c r="U311" s="3">
        <v>3.71</v>
      </c>
      <c r="V311" s="3">
        <v>0.57999999999999996</v>
      </c>
      <c r="W311" s="3">
        <v>1.04</v>
      </c>
      <c r="X311" s="3">
        <v>-0.23</v>
      </c>
      <c r="Y311" s="3">
        <v>-0.01</v>
      </c>
      <c r="Z311" s="3">
        <v>0.08</v>
      </c>
      <c r="AA311" s="4">
        <f t="shared" si="45"/>
        <v>0</v>
      </c>
      <c r="AB311" s="4">
        <f t="shared" si="50"/>
        <v>1.6</v>
      </c>
      <c r="AC311" s="3">
        <f t="shared" si="47"/>
        <v>55.872000000000007</v>
      </c>
      <c r="AD311" s="4">
        <f t="shared" si="42"/>
        <v>0</v>
      </c>
      <c r="AE311" s="3">
        <f t="shared" si="48"/>
        <v>0.78400000000000003</v>
      </c>
      <c r="AF311" s="4">
        <f t="shared" si="46"/>
        <v>0</v>
      </c>
      <c r="AG311" s="3">
        <f t="shared" si="43"/>
        <v>5.9359999999999999</v>
      </c>
      <c r="AH311" s="4">
        <f t="shared" si="44"/>
        <v>0</v>
      </c>
      <c r="AI311" s="3">
        <f t="shared" si="49"/>
        <v>0.57999999999999996</v>
      </c>
      <c r="AJ311" s="14"/>
      <c r="AK311" s="14"/>
      <c r="AO311" s="12">
        <v>15</v>
      </c>
      <c r="AP311" s="7"/>
      <c r="AQ311" s="7"/>
      <c r="AR311" s="13"/>
    </row>
    <row r="312" spans="1:45">
      <c r="A312" s="3" t="s">
        <v>52</v>
      </c>
      <c r="B312" s="2">
        <v>0.59836805555555561</v>
      </c>
      <c r="C312" s="3">
        <v>100.95</v>
      </c>
      <c r="D312" s="3">
        <v>363.13</v>
      </c>
      <c r="E312" s="3">
        <v>450</v>
      </c>
      <c r="F312" s="3">
        <v>596.63</v>
      </c>
      <c r="G312" s="3">
        <v>297.14</v>
      </c>
      <c r="H312" s="3">
        <v>621.98</v>
      </c>
      <c r="I312" s="3">
        <v>131.88999999999999</v>
      </c>
      <c r="J312" s="3">
        <v>237.31</v>
      </c>
      <c r="K312" s="3">
        <v>264.51</v>
      </c>
      <c r="L312" s="3">
        <v>291.39999999999998</v>
      </c>
      <c r="M312" s="3">
        <v>612.03</v>
      </c>
      <c r="N312" s="3">
        <v>491.21</v>
      </c>
      <c r="O312" s="3">
        <v>971.2</v>
      </c>
      <c r="P312" s="3">
        <v>855.47</v>
      </c>
      <c r="Q312" s="3">
        <v>2285.8000000000002</v>
      </c>
      <c r="R312" s="3">
        <v>2285.8000000000002</v>
      </c>
      <c r="S312" s="3">
        <v>41.36</v>
      </c>
      <c r="T312" s="3">
        <v>0.66</v>
      </c>
      <c r="U312" s="3">
        <v>3.8</v>
      </c>
      <c r="V312" s="3">
        <v>0.76</v>
      </c>
      <c r="W312" s="3">
        <v>1.44</v>
      </c>
      <c r="X312" s="3">
        <v>-0.24</v>
      </c>
      <c r="Y312" s="3">
        <v>-0.01</v>
      </c>
      <c r="Z312" s="3">
        <v>0.13</v>
      </c>
      <c r="AA312" s="4">
        <f t="shared" si="45"/>
        <v>0</v>
      </c>
      <c r="AB312" s="4">
        <f t="shared" si="50"/>
        <v>1.6</v>
      </c>
      <c r="AC312" s="3">
        <f t="shared" si="47"/>
        <v>66.176000000000002</v>
      </c>
      <c r="AD312" s="4">
        <f t="shared" si="42"/>
        <v>0</v>
      </c>
      <c r="AE312" s="3">
        <f t="shared" si="48"/>
        <v>1.056</v>
      </c>
      <c r="AF312" s="4">
        <f t="shared" si="46"/>
        <v>0</v>
      </c>
      <c r="AG312" s="3">
        <f t="shared" si="43"/>
        <v>6.08</v>
      </c>
      <c r="AH312" s="4">
        <f t="shared" si="44"/>
        <v>0</v>
      </c>
      <c r="AI312" s="3">
        <f t="shared" si="49"/>
        <v>0.76</v>
      </c>
      <c r="AJ312" s="14"/>
      <c r="AK312" s="14"/>
      <c r="AO312" s="12">
        <v>15</v>
      </c>
      <c r="AP312" s="7"/>
      <c r="AQ312" s="7"/>
      <c r="AR312" s="13"/>
    </row>
    <row r="313" spans="1:45">
      <c r="A313" s="3" t="s">
        <v>52</v>
      </c>
      <c r="B313" s="2">
        <v>0.59906249999999994</v>
      </c>
      <c r="C313" s="3">
        <v>104.27</v>
      </c>
      <c r="D313" s="3">
        <v>375.03</v>
      </c>
      <c r="E313" s="3">
        <v>449.57</v>
      </c>
      <c r="F313" s="3">
        <v>574.77</v>
      </c>
      <c r="G313" s="3">
        <v>296</v>
      </c>
      <c r="H313" s="3">
        <v>622.36</v>
      </c>
      <c r="I313" s="3">
        <v>130.66999999999999</v>
      </c>
      <c r="J313" s="3">
        <v>235.91</v>
      </c>
      <c r="K313" s="3">
        <v>262.8</v>
      </c>
      <c r="L313" s="3">
        <v>289.77</v>
      </c>
      <c r="M313" s="3">
        <v>613.01</v>
      </c>
      <c r="N313" s="3">
        <v>488.37</v>
      </c>
      <c r="O313" s="3">
        <v>964.21</v>
      </c>
      <c r="P313" s="3">
        <v>855.14</v>
      </c>
      <c r="Q313" s="3">
        <v>2285.7800000000002</v>
      </c>
      <c r="R313" s="3">
        <v>2285.7800000000002</v>
      </c>
      <c r="S313" s="3">
        <v>41.24</v>
      </c>
      <c r="T313" s="3">
        <v>0.23</v>
      </c>
      <c r="U313" s="3">
        <v>9.84</v>
      </c>
      <c r="V313" s="3">
        <v>0.35</v>
      </c>
      <c r="W313" s="3">
        <v>1.77</v>
      </c>
      <c r="X313" s="3">
        <v>-0.21</v>
      </c>
      <c r="Y313" s="3">
        <v>0</v>
      </c>
      <c r="Z313" s="3">
        <v>0.13</v>
      </c>
      <c r="AA313" s="4">
        <f t="shared" si="45"/>
        <v>0</v>
      </c>
      <c r="AB313" s="4">
        <f t="shared" si="50"/>
        <v>1.6</v>
      </c>
      <c r="AC313" s="3">
        <f t="shared" si="47"/>
        <v>65.984000000000009</v>
      </c>
      <c r="AD313" s="4">
        <f t="shared" si="42"/>
        <v>0</v>
      </c>
      <c r="AE313" s="3">
        <f t="shared" si="48"/>
        <v>0.36800000000000005</v>
      </c>
      <c r="AF313" s="4">
        <f t="shared" si="46"/>
        <v>0</v>
      </c>
      <c r="AG313" s="3">
        <f t="shared" si="43"/>
        <v>15.744</v>
      </c>
      <c r="AH313" s="4">
        <f t="shared" si="44"/>
        <v>0</v>
      </c>
      <c r="AI313" s="3">
        <f t="shared" si="49"/>
        <v>0.35</v>
      </c>
      <c r="AJ313" s="14"/>
      <c r="AK313" s="14"/>
      <c r="AO313" s="12">
        <v>15</v>
      </c>
      <c r="AP313" s="7"/>
      <c r="AQ313" s="7"/>
      <c r="AR313" s="13"/>
    </row>
    <row r="314" spans="1:45">
      <c r="A314" s="3" t="s">
        <v>52</v>
      </c>
      <c r="B314" s="2">
        <v>0.5997569444444445</v>
      </c>
      <c r="C314" s="3">
        <v>106.48</v>
      </c>
      <c r="D314" s="3">
        <v>375.07</v>
      </c>
      <c r="E314" s="3">
        <v>448.73</v>
      </c>
      <c r="F314" s="3">
        <v>588.83000000000004</v>
      </c>
      <c r="G314" s="3">
        <v>299.55</v>
      </c>
      <c r="H314" s="3">
        <v>636.36</v>
      </c>
      <c r="I314" s="3">
        <v>129.5</v>
      </c>
      <c r="J314" s="3">
        <v>234.51</v>
      </c>
      <c r="K314" s="3">
        <v>261.08999999999997</v>
      </c>
      <c r="L314" s="3">
        <v>288.14999999999998</v>
      </c>
      <c r="M314" s="3">
        <v>613.48</v>
      </c>
      <c r="N314" s="3">
        <v>485.55</v>
      </c>
      <c r="O314" s="3">
        <v>947.33</v>
      </c>
      <c r="P314" s="3">
        <v>854.81</v>
      </c>
      <c r="Q314" s="3">
        <v>2285.7600000000002</v>
      </c>
      <c r="R314" s="3">
        <v>2285.7600000000002</v>
      </c>
      <c r="S314" s="3">
        <v>40.26</v>
      </c>
      <c r="T314" s="3">
        <v>-0.08</v>
      </c>
      <c r="U314" s="3">
        <v>15.1</v>
      </c>
      <c r="V314" s="3">
        <v>0.11</v>
      </c>
      <c r="W314" s="3">
        <v>2.2999999999999998</v>
      </c>
      <c r="X314" s="3">
        <v>-0.22</v>
      </c>
      <c r="Y314" s="3">
        <v>0</v>
      </c>
      <c r="Z314" s="3">
        <v>0.17</v>
      </c>
      <c r="AA314" s="4">
        <f t="shared" si="45"/>
        <v>0</v>
      </c>
      <c r="AB314" s="4">
        <f t="shared" si="50"/>
        <v>1.6</v>
      </c>
      <c r="AC314" s="3">
        <f t="shared" si="47"/>
        <v>64.415999999999997</v>
      </c>
      <c r="AD314" s="4">
        <f t="shared" si="42"/>
        <v>0</v>
      </c>
      <c r="AE314" s="3">
        <f t="shared" si="48"/>
        <v>-0.128</v>
      </c>
      <c r="AF314" s="4">
        <f t="shared" si="46"/>
        <v>0</v>
      </c>
      <c r="AG314" s="3">
        <f t="shared" si="43"/>
        <v>24.16</v>
      </c>
      <c r="AH314" s="4">
        <f t="shared" si="44"/>
        <v>0</v>
      </c>
      <c r="AI314" s="3">
        <f t="shared" si="49"/>
        <v>0.11</v>
      </c>
      <c r="AJ314" s="14"/>
      <c r="AK314" s="14"/>
      <c r="AO314" s="12">
        <v>15</v>
      </c>
      <c r="AP314" s="7"/>
      <c r="AQ314" s="7"/>
      <c r="AR314" s="13"/>
    </row>
    <row r="315" spans="1:45">
      <c r="A315" s="3" t="s">
        <v>52</v>
      </c>
      <c r="B315" s="2">
        <v>0.60045138888888883</v>
      </c>
      <c r="C315" s="3">
        <v>107.22</v>
      </c>
      <c r="D315" s="3">
        <v>369.72</v>
      </c>
      <c r="E315" s="3">
        <v>450.52</v>
      </c>
      <c r="F315" s="3">
        <v>589.54</v>
      </c>
      <c r="G315" s="3">
        <v>304.33</v>
      </c>
      <c r="H315" s="3">
        <v>649.21</v>
      </c>
      <c r="I315" s="3">
        <v>128.38999999999999</v>
      </c>
      <c r="J315" s="3">
        <v>233.11</v>
      </c>
      <c r="K315" s="3">
        <v>259.41000000000003</v>
      </c>
      <c r="L315" s="3">
        <v>286.55</v>
      </c>
      <c r="M315" s="3">
        <v>613.58000000000004</v>
      </c>
      <c r="N315" s="3">
        <v>482.75</v>
      </c>
      <c r="O315" s="3">
        <v>942.93</v>
      </c>
      <c r="P315" s="3">
        <v>854</v>
      </c>
      <c r="Q315" s="3">
        <v>2285.7399999999998</v>
      </c>
      <c r="R315" s="3">
        <v>2285.7399999999998</v>
      </c>
      <c r="S315" s="3">
        <v>39.96</v>
      </c>
      <c r="T315" s="3">
        <v>-0.08</v>
      </c>
      <c r="U315" s="3">
        <v>16.86</v>
      </c>
      <c r="V315" s="3">
        <v>0.1</v>
      </c>
      <c r="W315" s="3">
        <v>2.64</v>
      </c>
      <c r="X315" s="3">
        <v>-0.22</v>
      </c>
      <c r="Y315" s="3">
        <v>0</v>
      </c>
      <c r="Z315" s="3">
        <v>0.2</v>
      </c>
      <c r="AA315" s="4">
        <f t="shared" si="45"/>
        <v>0</v>
      </c>
      <c r="AB315" s="4">
        <f t="shared" si="50"/>
        <v>1.6</v>
      </c>
      <c r="AC315" s="3">
        <f t="shared" si="47"/>
        <v>63.936000000000007</v>
      </c>
      <c r="AD315" s="4">
        <f t="shared" si="42"/>
        <v>0</v>
      </c>
      <c r="AE315" s="3">
        <f t="shared" si="48"/>
        <v>-0.128</v>
      </c>
      <c r="AF315" s="4">
        <f t="shared" si="46"/>
        <v>0</v>
      </c>
      <c r="AG315" s="3">
        <f t="shared" si="43"/>
        <v>26.975999999999999</v>
      </c>
      <c r="AH315" s="4">
        <f t="shared" si="44"/>
        <v>0</v>
      </c>
      <c r="AI315" s="3">
        <f t="shared" si="49"/>
        <v>0.1</v>
      </c>
      <c r="AJ315" s="14"/>
      <c r="AK315" s="14"/>
      <c r="AO315" s="12">
        <v>15</v>
      </c>
      <c r="AP315" s="7"/>
      <c r="AQ315" s="7"/>
      <c r="AR315" s="13"/>
    </row>
    <row r="316" spans="1:45">
      <c r="A316" s="3" t="s">
        <v>52</v>
      </c>
      <c r="B316" s="2">
        <v>0.60114583333333338</v>
      </c>
      <c r="C316" s="3">
        <v>106.49</v>
      </c>
      <c r="D316" s="3">
        <v>362.93</v>
      </c>
      <c r="E316" s="3">
        <v>449.23</v>
      </c>
      <c r="F316" s="3">
        <v>562.58000000000004</v>
      </c>
      <c r="G316" s="3">
        <v>304.69</v>
      </c>
      <c r="H316" s="3">
        <v>644.88</v>
      </c>
      <c r="I316" s="3">
        <v>127.3</v>
      </c>
      <c r="J316" s="3">
        <v>231.71</v>
      </c>
      <c r="K316" s="3">
        <v>257.97000000000003</v>
      </c>
      <c r="L316" s="3">
        <v>284.95999999999998</v>
      </c>
      <c r="M316" s="3">
        <v>613.61</v>
      </c>
      <c r="N316" s="3">
        <v>480.02</v>
      </c>
      <c r="O316" s="3">
        <v>941.55</v>
      </c>
      <c r="P316" s="3">
        <v>852.8</v>
      </c>
      <c r="Q316" s="3">
        <v>2285.7399999999998</v>
      </c>
      <c r="R316" s="3">
        <v>2285.7399999999998</v>
      </c>
      <c r="S316" s="3">
        <v>43.61</v>
      </c>
      <c r="T316" s="3">
        <v>-0.03</v>
      </c>
      <c r="U316" s="3">
        <v>12.53</v>
      </c>
      <c r="V316" s="3">
        <v>0.14000000000000001</v>
      </c>
      <c r="W316" s="3">
        <v>2.75</v>
      </c>
      <c r="X316" s="3">
        <v>-0.21</v>
      </c>
      <c r="Y316" s="3">
        <v>0</v>
      </c>
      <c r="Z316" s="3">
        <v>0.2</v>
      </c>
      <c r="AA316" s="4">
        <f t="shared" si="45"/>
        <v>0</v>
      </c>
      <c r="AB316" s="4">
        <f t="shared" si="50"/>
        <v>1.6</v>
      </c>
      <c r="AC316" s="3">
        <f t="shared" si="47"/>
        <v>69.775999999999996</v>
      </c>
      <c r="AD316" s="4">
        <f t="shared" si="42"/>
        <v>0</v>
      </c>
      <c r="AE316" s="3">
        <f t="shared" si="48"/>
        <v>-4.8000000000000001E-2</v>
      </c>
      <c r="AF316" s="4">
        <f t="shared" si="46"/>
        <v>0</v>
      </c>
      <c r="AG316" s="3">
        <f t="shared" si="43"/>
        <v>20.048000000000002</v>
      </c>
      <c r="AH316" s="4">
        <f t="shared" si="44"/>
        <v>0</v>
      </c>
      <c r="AI316" s="3">
        <f t="shared" si="49"/>
        <v>0.14000000000000001</v>
      </c>
      <c r="AJ316" s="14"/>
      <c r="AK316" s="14"/>
      <c r="AO316" s="12">
        <v>15</v>
      </c>
      <c r="AP316" s="7"/>
      <c r="AQ316" s="7"/>
      <c r="AR316" s="13"/>
    </row>
    <row r="317" spans="1:45">
      <c r="A317" s="3" t="s">
        <v>52</v>
      </c>
      <c r="B317" s="2">
        <v>0.60185185185185186</v>
      </c>
      <c r="C317" s="3">
        <v>104.57</v>
      </c>
      <c r="D317" s="3">
        <v>356.01</v>
      </c>
      <c r="E317" s="3">
        <v>447.58</v>
      </c>
      <c r="F317" s="3">
        <v>582.54</v>
      </c>
      <c r="G317" s="3">
        <v>300.83</v>
      </c>
      <c r="H317" s="3">
        <v>631.13</v>
      </c>
      <c r="I317" s="3">
        <v>126.31</v>
      </c>
      <c r="J317" s="3">
        <v>230.33</v>
      </c>
      <c r="K317" s="3">
        <v>257.08999999999997</v>
      </c>
      <c r="L317" s="3">
        <v>283.38</v>
      </c>
      <c r="M317" s="3">
        <v>614.77</v>
      </c>
      <c r="N317" s="3">
        <v>477.28</v>
      </c>
      <c r="O317" s="3">
        <v>930.44</v>
      </c>
      <c r="P317" s="3">
        <v>851.43</v>
      </c>
      <c r="Q317" s="3">
        <v>2285.7199999999998</v>
      </c>
      <c r="R317" s="3">
        <v>2285.7199999999998</v>
      </c>
      <c r="S317" s="3">
        <v>42.36</v>
      </c>
      <c r="T317" s="3">
        <v>-0.08</v>
      </c>
      <c r="U317" s="3">
        <v>13.61</v>
      </c>
      <c r="V317" s="3">
        <v>0.13</v>
      </c>
      <c r="W317" s="3">
        <v>3.15</v>
      </c>
      <c r="X317" s="3">
        <v>-0.21</v>
      </c>
      <c r="Y317" s="3">
        <v>0.01</v>
      </c>
      <c r="Z317" s="3">
        <v>0.23</v>
      </c>
      <c r="AA317" s="4">
        <f t="shared" si="45"/>
        <v>0</v>
      </c>
      <c r="AB317" s="4">
        <f t="shared" si="50"/>
        <v>1.6</v>
      </c>
      <c r="AC317" s="3">
        <f t="shared" si="47"/>
        <v>67.775999999999996</v>
      </c>
      <c r="AD317" s="4">
        <f t="shared" si="42"/>
        <v>0</v>
      </c>
      <c r="AE317" s="3">
        <f t="shared" si="48"/>
        <v>-0.128</v>
      </c>
      <c r="AF317" s="4">
        <f t="shared" si="46"/>
        <v>0</v>
      </c>
      <c r="AG317" s="3">
        <f t="shared" si="43"/>
        <v>21.776</v>
      </c>
      <c r="AH317" s="4">
        <f t="shared" si="44"/>
        <v>0</v>
      </c>
      <c r="AI317" s="3">
        <f t="shared" si="49"/>
        <v>0.13</v>
      </c>
      <c r="AJ317" s="14"/>
      <c r="AK317" s="14"/>
      <c r="AO317" s="12">
        <v>15</v>
      </c>
      <c r="AP317" s="7"/>
      <c r="AQ317" s="7"/>
      <c r="AR317" s="13"/>
    </row>
    <row r="318" spans="1:45">
      <c r="A318" s="3" t="s">
        <v>52</v>
      </c>
      <c r="B318" s="2">
        <v>0.6025462962962963</v>
      </c>
      <c r="C318" s="3">
        <v>102.06</v>
      </c>
      <c r="D318" s="3">
        <v>349.32</v>
      </c>
      <c r="E318" s="3">
        <v>448.71</v>
      </c>
      <c r="F318" s="3">
        <v>598.08000000000004</v>
      </c>
      <c r="G318" s="3">
        <v>295.64999999999998</v>
      </c>
      <c r="H318" s="3">
        <v>618.95000000000005</v>
      </c>
      <c r="I318" s="3">
        <v>125.4</v>
      </c>
      <c r="J318" s="3">
        <v>228.95</v>
      </c>
      <c r="K318" s="3">
        <v>255.48</v>
      </c>
      <c r="L318" s="3">
        <v>281.83</v>
      </c>
      <c r="M318" s="3">
        <v>614</v>
      </c>
      <c r="N318" s="3">
        <v>474.63</v>
      </c>
      <c r="O318" s="3">
        <v>926.56</v>
      </c>
      <c r="P318" s="3">
        <v>850.39</v>
      </c>
      <c r="Q318" s="3">
        <v>2285.71</v>
      </c>
      <c r="R318" s="3">
        <v>2285.71</v>
      </c>
      <c r="S318" s="3">
        <v>44.51</v>
      </c>
      <c r="T318" s="3">
        <v>-0.06</v>
      </c>
      <c r="U318" s="3">
        <v>10.64</v>
      </c>
      <c r="V318" s="3">
        <v>0.11</v>
      </c>
      <c r="W318" s="3">
        <v>3.35</v>
      </c>
      <c r="X318" s="3">
        <v>-0.21</v>
      </c>
      <c r="Y318" s="3">
        <v>0.01</v>
      </c>
      <c r="Z318" s="3">
        <v>0.24</v>
      </c>
      <c r="AA318" s="4">
        <f t="shared" si="45"/>
        <v>0</v>
      </c>
      <c r="AB318" s="4">
        <f t="shared" si="50"/>
        <v>1.6</v>
      </c>
      <c r="AC318" s="3">
        <f t="shared" si="47"/>
        <v>71.215999999999994</v>
      </c>
      <c r="AD318" s="4">
        <f t="shared" si="42"/>
        <v>0</v>
      </c>
      <c r="AE318" s="3">
        <f t="shared" si="48"/>
        <v>-9.6000000000000002E-2</v>
      </c>
      <c r="AF318" s="4">
        <f t="shared" si="46"/>
        <v>0</v>
      </c>
      <c r="AG318" s="3">
        <f t="shared" si="43"/>
        <v>17.024000000000001</v>
      </c>
      <c r="AH318" s="4">
        <f t="shared" si="44"/>
        <v>0</v>
      </c>
      <c r="AI318" s="3">
        <f t="shared" si="49"/>
        <v>0.11</v>
      </c>
      <c r="AJ318" s="14"/>
      <c r="AK318" s="14"/>
      <c r="AO318" s="12">
        <v>15</v>
      </c>
      <c r="AP318" s="7"/>
      <c r="AQ318" s="7"/>
      <c r="AR318" s="13"/>
    </row>
    <row r="319" spans="1:45">
      <c r="A319" s="3" t="s">
        <v>52</v>
      </c>
      <c r="B319" s="2">
        <v>0.60324074074074074</v>
      </c>
      <c r="C319" s="3">
        <v>99.91</v>
      </c>
      <c r="D319" s="3">
        <v>342.96</v>
      </c>
      <c r="E319" s="3">
        <v>450.12</v>
      </c>
      <c r="F319" s="3">
        <v>590.9</v>
      </c>
      <c r="G319" s="3">
        <v>294.33999999999997</v>
      </c>
      <c r="H319" s="3">
        <v>623.71</v>
      </c>
      <c r="I319" s="3">
        <v>124.45</v>
      </c>
      <c r="J319" s="3">
        <v>227.6</v>
      </c>
      <c r="K319" s="3">
        <v>254.05</v>
      </c>
      <c r="L319" s="3">
        <v>280.3</v>
      </c>
      <c r="M319" s="3">
        <v>613.33000000000004</v>
      </c>
      <c r="N319" s="3">
        <v>472.02</v>
      </c>
      <c r="O319" s="3">
        <v>925.57</v>
      </c>
      <c r="P319" s="3">
        <v>855.98</v>
      </c>
      <c r="Q319" s="3">
        <v>2285.69</v>
      </c>
      <c r="R319" s="3">
        <v>2285.69</v>
      </c>
      <c r="S319" s="3">
        <v>45.7</v>
      </c>
      <c r="T319" s="3">
        <v>-0.02</v>
      </c>
      <c r="U319" s="3">
        <v>9.59</v>
      </c>
      <c r="V319" s="3">
        <v>0.15</v>
      </c>
      <c r="W319" s="3">
        <v>3.18</v>
      </c>
      <c r="X319" s="3">
        <v>-0.2</v>
      </c>
      <c r="Y319" s="3">
        <v>0.01</v>
      </c>
      <c r="Z319" s="3">
        <v>0.23</v>
      </c>
      <c r="AA319" s="4">
        <f t="shared" si="45"/>
        <v>0</v>
      </c>
      <c r="AB319" s="4">
        <f t="shared" si="50"/>
        <v>1.6</v>
      </c>
      <c r="AC319" s="3">
        <f t="shared" si="47"/>
        <v>73.12</v>
      </c>
      <c r="AD319" s="4">
        <f t="shared" si="42"/>
        <v>0</v>
      </c>
      <c r="AE319" s="3">
        <f t="shared" si="48"/>
        <v>-3.2000000000000001E-2</v>
      </c>
      <c r="AF319" s="4">
        <f t="shared" si="46"/>
        <v>0</v>
      </c>
      <c r="AG319" s="3">
        <f t="shared" si="43"/>
        <v>15.344000000000001</v>
      </c>
      <c r="AH319" s="4">
        <f t="shared" si="44"/>
        <v>0</v>
      </c>
      <c r="AI319" s="3">
        <f t="shared" si="49"/>
        <v>0.15</v>
      </c>
      <c r="AJ319" s="14"/>
      <c r="AK319" s="14"/>
      <c r="AO319" s="12">
        <v>15</v>
      </c>
      <c r="AP319" s="7"/>
      <c r="AQ319" s="7"/>
      <c r="AR319" s="13"/>
    </row>
    <row r="320" spans="1:45">
      <c r="A320" s="3" t="s">
        <v>52</v>
      </c>
      <c r="B320" s="2">
        <v>0.60393518518518519</v>
      </c>
      <c r="C320" s="3">
        <v>99.15</v>
      </c>
      <c r="D320" s="3">
        <v>340.33</v>
      </c>
      <c r="E320" s="3">
        <v>449.08</v>
      </c>
      <c r="F320" s="3">
        <v>573.55999999999995</v>
      </c>
      <c r="G320" s="3">
        <v>297.55</v>
      </c>
      <c r="H320" s="3">
        <v>639.33000000000004</v>
      </c>
      <c r="I320" s="3">
        <v>123.56</v>
      </c>
      <c r="J320" s="3">
        <v>226.26</v>
      </c>
      <c r="K320" s="3">
        <v>252.66</v>
      </c>
      <c r="L320" s="3">
        <v>278.79000000000002</v>
      </c>
      <c r="M320" s="3">
        <v>612.22</v>
      </c>
      <c r="N320" s="3">
        <v>469.48</v>
      </c>
      <c r="O320" s="3">
        <v>929.91</v>
      </c>
      <c r="P320" s="3">
        <v>857.01</v>
      </c>
      <c r="Q320" s="3">
        <v>2285.67</v>
      </c>
      <c r="R320" s="3">
        <v>2285.67</v>
      </c>
      <c r="S320" s="3">
        <v>47.06</v>
      </c>
      <c r="T320" s="3">
        <v>0.08</v>
      </c>
      <c r="U320" s="3">
        <v>7.23</v>
      </c>
      <c r="V320" s="3">
        <v>0.18</v>
      </c>
      <c r="W320" s="3">
        <v>3.03</v>
      </c>
      <c r="X320" s="3">
        <v>-0.21</v>
      </c>
      <c r="Y320" s="3">
        <v>0.01</v>
      </c>
      <c r="Z320" s="3">
        <v>0.23</v>
      </c>
      <c r="AA320" s="4">
        <f t="shared" si="45"/>
        <v>0</v>
      </c>
      <c r="AB320" s="4">
        <f t="shared" si="50"/>
        <v>1.6</v>
      </c>
      <c r="AC320" s="3">
        <f t="shared" si="47"/>
        <v>75.296000000000006</v>
      </c>
      <c r="AD320" s="4">
        <f t="shared" si="42"/>
        <v>0</v>
      </c>
      <c r="AE320" s="3">
        <f t="shared" si="48"/>
        <v>0.128</v>
      </c>
      <c r="AF320" s="4">
        <f t="shared" si="46"/>
        <v>0</v>
      </c>
      <c r="AG320" s="3">
        <f t="shared" si="43"/>
        <v>11.568000000000001</v>
      </c>
      <c r="AH320" s="4">
        <f t="shared" si="44"/>
        <v>0</v>
      </c>
      <c r="AI320" s="3">
        <f t="shared" si="49"/>
        <v>0.18</v>
      </c>
      <c r="AJ320" s="14"/>
      <c r="AK320" s="14"/>
      <c r="AO320" s="12">
        <v>15</v>
      </c>
      <c r="AP320" s="7"/>
      <c r="AQ320" s="7"/>
      <c r="AR320" s="13"/>
    </row>
    <row r="321" spans="1:44">
      <c r="A321" s="3" t="s">
        <v>52</v>
      </c>
      <c r="B321" s="2">
        <v>0.60462962962962963</v>
      </c>
      <c r="C321" s="3">
        <v>101.08</v>
      </c>
      <c r="D321" s="3">
        <v>350.22</v>
      </c>
      <c r="E321" s="3">
        <v>449.58</v>
      </c>
      <c r="F321" s="3">
        <v>594.23</v>
      </c>
      <c r="G321" s="3">
        <v>303.42</v>
      </c>
      <c r="H321" s="3">
        <v>655.47</v>
      </c>
      <c r="I321" s="3">
        <v>122.69</v>
      </c>
      <c r="J321" s="3">
        <v>224.93</v>
      </c>
      <c r="K321" s="3">
        <v>251.75</v>
      </c>
      <c r="L321" s="3">
        <v>277.29000000000002</v>
      </c>
      <c r="M321" s="3">
        <v>612.77</v>
      </c>
      <c r="N321" s="3">
        <v>466.97</v>
      </c>
      <c r="O321" s="3">
        <v>931.43</v>
      </c>
      <c r="P321" s="3">
        <v>855.55</v>
      </c>
      <c r="Q321" s="3">
        <v>2285.65</v>
      </c>
      <c r="R321" s="3">
        <v>2285.65</v>
      </c>
      <c r="S321" s="3">
        <v>47.37</v>
      </c>
      <c r="T321" s="3">
        <v>0.16</v>
      </c>
      <c r="U321" s="3">
        <v>5.82</v>
      </c>
      <c r="V321" s="3">
        <v>0.27</v>
      </c>
      <c r="W321" s="3">
        <v>3.09</v>
      </c>
      <c r="X321" s="3">
        <v>-0.2</v>
      </c>
      <c r="Y321" s="3">
        <v>0.01</v>
      </c>
      <c r="Z321" s="3">
        <v>0.23</v>
      </c>
      <c r="AA321" s="4">
        <f t="shared" si="45"/>
        <v>0</v>
      </c>
      <c r="AB321" s="4">
        <f t="shared" si="50"/>
        <v>1.6</v>
      </c>
      <c r="AC321" s="3">
        <f t="shared" si="47"/>
        <v>75.792000000000002</v>
      </c>
      <c r="AD321" s="4">
        <f t="shared" si="42"/>
        <v>0</v>
      </c>
      <c r="AE321" s="3">
        <f t="shared" si="48"/>
        <v>0.25600000000000001</v>
      </c>
      <c r="AF321" s="4">
        <f t="shared" si="46"/>
        <v>0</v>
      </c>
      <c r="AG321" s="3">
        <f t="shared" si="43"/>
        <v>9.3120000000000012</v>
      </c>
      <c r="AH321" s="4">
        <f t="shared" si="44"/>
        <v>0</v>
      </c>
      <c r="AI321" s="3">
        <f t="shared" si="49"/>
        <v>0.27</v>
      </c>
      <c r="AJ321" s="14"/>
      <c r="AK321" s="14"/>
      <c r="AO321" s="12">
        <v>15</v>
      </c>
      <c r="AP321" s="7"/>
      <c r="AQ321" s="7"/>
      <c r="AR321" s="13"/>
    </row>
    <row r="322" spans="1:44">
      <c r="A322" s="3" t="s">
        <v>52</v>
      </c>
      <c r="B322" s="2">
        <v>0.60532407407407407</v>
      </c>
      <c r="C322" s="3">
        <v>103.27</v>
      </c>
      <c r="D322" s="3">
        <v>359.85</v>
      </c>
      <c r="E322" s="3">
        <v>451.06</v>
      </c>
      <c r="F322" s="3">
        <v>577.28</v>
      </c>
      <c r="G322" s="3">
        <v>306.2</v>
      </c>
      <c r="H322" s="3">
        <v>656.52</v>
      </c>
      <c r="I322" s="3">
        <v>121.86</v>
      </c>
      <c r="J322" s="3">
        <v>223.63</v>
      </c>
      <c r="K322" s="3">
        <v>250.58</v>
      </c>
      <c r="L322" s="3">
        <v>275.82</v>
      </c>
      <c r="M322" s="3">
        <v>613.54</v>
      </c>
      <c r="N322" s="3">
        <v>464.51</v>
      </c>
      <c r="O322" s="3">
        <v>930.51</v>
      </c>
      <c r="P322" s="3">
        <v>853.57</v>
      </c>
      <c r="Q322" s="3">
        <v>2285.65</v>
      </c>
      <c r="R322" s="3">
        <v>2285.65</v>
      </c>
      <c r="S322" s="3">
        <v>47.74</v>
      </c>
      <c r="T322" s="3">
        <v>0.28000000000000003</v>
      </c>
      <c r="U322" s="3">
        <v>4.72</v>
      </c>
      <c r="V322" s="3">
        <v>0.35</v>
      </c>
      <c r="W322" s="3">
        <v>3.44</v>
      </c>
      <c r="X322" s="3">
        <v>-0.2</v>
      </c>
      <c r="Y322" s="3">
        <v>0.01</v>
      </c>
      <c r="Z322" s="3">
        <v>0.25</v>
      </c>
      <c r="AA322" s="4">
        <f t="shared" si="45"/>
        <v>0</v>
      </c>
      <c r="AB322" s="4">
        <f t="shared" si="50"/>
        <v>1.6</v>
      </c>
      <c r="AC322" s="3">
        <f t="shared" si="47"/>
        <v>76.384</v>
      </c>
      <c r="AD322" s="4">
        <f t="shared" si="42"/>
        <v>0</v>
      </c>
      <c r="AE322" s="3">
        <f t="shared" si="48"/>
        <v>0.44800000000000006</v>
      </c>
      <c r="AF322" s="4">
        <f t="shared" si="46"/>
        <v>0</v>
      </c>
      <c r="AG322" s="3">
        <f t="shared" si="43"/>
        <v>7.5519999999999996</v>
      </c>
      <c r="AH322" s="4">
        <f t="shared" si="44"/>
        <v>0</v>
      </c>
      <c r="AI322" s="3">
        <f t="shared" si="49"/>
        <v>0.35</v>
      </c>
      <c r="AJ322" s="14"/>
      <c r="AK322" s="14"/>
      <c r="AO322" s="12">
        <v>15</v>
      </c>
      <c r="AP322" s="7"/>
      <c r="AQ322" s="7"/>
      <c r="AR322" s="13"/>
    </row>
    <row r="323" spans="1:44">
      <c r="A323" s="3" t="s">
        <v>52</v>
      </c>
      <c r="B323" s="2">
        <v>0.60601851851851851</v>
      </c>
      <c r="C323" s="3">
        <v>103.72</v>
      </c>
      <c r="D323" s="3">
        <v>359.32</v>
      </c>
      <c r="E323" s="3">
        <v>448.52</v>
      </c>
      <c r="F323" s="3">
        <v>558.16</v>
      </c>
      <c r="G323" s="3">
        <v>304.02</v>
      </c>
      <c r="H323" s="3">
        <v>643.99</v>
      </c>
      <c r="I323" s="3">
        <v>121.09</v>
      </c>
      <c r="J323" s="3">
        <v>222.36</v>
      </c>
      <c r="K323" s="3">
        <v>249.27</v>
      </c>
      <c r="L323" s="3">
        <v>274.39</v>
      </c>
      <c r="M323" s="3">
        <v>613.45000000000005</v>
      </c>
      <c r="N323" s="3">
        <v>462.09</v>
      </c>
      <c r="O323" s="3">
        <v>930.32</v>
      </c>
      <c r="P323" s="3">
        <v>851.51</v>
      </c>
      <c r="Q323" s="3">
        <v>2285.64</v>
      </c>
      <c r="R323" s="3">
        <v>2285.64</v>
      </c>
      <c r="S323" s="3">
        <v>48.41</v>
      </c>
      <c r="T323" s="3">
        <v>0.3</v>
      </c>
      <c r="U323" s="3">
        <v>4.6399999999999997</v>
      </c>
      <c r="V323" s="3">
        <v>0.35</v>
      </c>
      <c r="W323" s="3">
        <v>3.31</v>
      </c>
      <c r="X323" s="3">
        <v>-0.21</v>
      </c>
      <c r="Y323" s="3">
        <v>0</v>
      </c>
      <c r="Z323" s="3">
        <v>0.25</v>
      </c>
      <c r="AA323" s="4">
        <f t="shared" si="45"/>
        <v>0</v>
      </c>
      <c r="AB323" s="4">
        <f t="shared" si="50"/>
        <v>1.6</v>
      </c>
      <c r="AC323" s="3">
        <f t="shared" si="47"/>
        <v>77.456000000000003</v>
      </c>
      <c r="AD323" s="4">
        <f t="shared" si="42"/>
        <v>0</v>
      </c>
      <c r="AE323" s="3">
        <f t="shared" si="48"/>
        <v>0.48</v>
      </c>
      <c r="AF323" s="4">
        <f t="shared" si="46"/>
        <v>0</v>
      </c>
      <c r="AG323" s="3">
        <f t="shared" si="43"/>
        <v>7.4239999999999995</v>
      </c>
      <c r="AH323" s="4">
        <f t="shared" si="44"/>
        <v>0</v>
      </c>
      <c r="AI323" s="3">
        <f t="shared" si="49"/>
        <v>0.35</v>
      </c>
      <c r="AJ323" s="14"/>
      <c r="AK323" s="14"/>
      <c r="AO323" s="12">
        <v>15</v>
      </c>
      <c r="AP323" s="7"/>
      <c r="AQ323" s="7"/>
      <c r="AR323" s="13"/>
    </row>
    <row r="324" spans="1:44">
      <c r="A324" s="3" t="s">
        <v>52</v>
      </c>
      <c r="B324" s="2">
        <v>0.60671296296296295</v>
      </c>
      <c r="C324" s="3">
        <v>102.66</v>
      </c>
      <c r="D324" s="3">
        <v>354.3</v>
      </c>
      <c r="E324" s="3">
        <v>446.96</v>
      </c>
      <c r="F324" s="3">
        <v>582.84</v>
      </c>
      <c r="G324" s="3">
        <v>298.74</v>
      </c>
      <c r="H324" s="3">
        <v>628.22</v>
      </c>
      <c r="I324" s="3">
        <v>120.3</v>
      </c>
      <c r="J324" s="3">
        <v>221.08</v>
      </c>
      <c r="K324" s="3">
        <v>248.06</v>
      </c>
      <c r="L324" s="3">
        <v>272.95999999999998</v>
      </c>
      <c r="M324" s="3">
        <v>612.75</v>
      </c>
      <c r="N324" s="3">
        <v>459.72</v>
      </c>
      <c r="O324" s="3">
        <v>929.76</v>
      </c>
      <c r="P324" s="3">
        <v>850.8</v>
      </c>
      <c r="Q324" s="3">
        <v>2285.62</v>
      </c>
      <c r="R324" s="3">
        <v>2285.62</v>
      </c>
      <c r="S324" s="3">
        <v>48.66</v>
      </c>
      <c r="T324" s="3">
        <v>0.27</v>
      </c>
      <c r="U324" s="3">
        <v>4.54</v>
      </c>
      <c r="V324" s="3">
        <v>0.33</v>
      </c>
      <c r="W324" s="3">
        <v>3.35</v>
      </c>
      <c r="X324" s="3">
        <v>-0.21</v>
      </c>
      <c r="Y324" s="3">
        <v>0</v>
      </c>
      <c r="Z324" s="3">
        <v>0.25</v>
      </c>
      <c r="AA324" s="4">
        <f t="shared" si="45"/>
        <v>0</v>
      </c>
      <c r="AB324" s="4">
        <f t="shared" si="50"/>
        <v>1.6</v>
      </c>
      <c r="AC324" s="3">
        <f t="shared" si="47"/>
        <v>77.855999999999995</v>
      </c>
      <c r="AD324" s="4">
        <f t="shared" ref="AD324:AD387" si="51">AD323</f>
        <v>0</v>
      </c>
      <c r="AE324" s="3">
        <f t="shared" si="48"/>
        <v>0.43200000000000005</v>
      </c>
      <c r="AF324" s="4">
        <f t="shared" si="46"/>
        <v>0</v>
      </c>
      <c r="AG324" s="3">
        <f t="shared" ref="AG324:AG387" si="52">U324*AB324+AF324</f>
        <v>7.2640000000000002</v>
      </c>
      <c r="AH324" s="4">
        <f t="shared" ref="AH324:AH387" si="53">AH323</f>
        <v>0</v>
      </c>
      <c r="AI324" s="3">
        <f t="shared" si="49"/>
        <v>0.33</v>
      </c>
      <c r="AJ324" s="14"/>
      <c r="AK324" s="14"/>
      <c r="AO324" s="12">
        <v>15</v>
      </c>
      <c r="AP324" s="7"/>
      <c r="AQ324" s="7"/>
      <c r="AR324" s="13"/>
    </row>
    <row r="325" spans="1:44">
      <c r="A325" s="3" t="s">
        <v>52</v>
      </c>
      <c r="B325" s="2">
        <v>0.60741898148148155</v>
      </c>
      <c r="C325" s="3">
        <v>101.16</v>
      </c>
      <c r="D325" s="3">
        <v>348.14</v>
      </c>
      <c r="E325" s="3">
        <v>448.32</v>
      </c>
      <c r="F325" s="3">
        <v>597.92999999999995</v>
      </c>
      <c r="G325" s="3">
        <v>294.42</v>
      </c>
      <c r="H325" s="3">
        <v>620.84</v>
      </c>
      <c r="I325" s="3">
        <v>119.52</v>
      </c>
      <c r="J325" s="3">
        <v>219.83</v>
      </c>
      <c r="K325" s="3">
        <v>246.74</v>
      </c>
      <c r="L325" s="3">
        <v>271.55</v>
      </c>
      <c r="M325" s="3">
        <v>612.42999999999995</v>
      </c>
      <c r="N325" s="3">
        <v>457.35</v>
      </c>
      <c r="O325" s="3">
        <v>928.4</v>
      </c>
      <c r="P325" s="3">
        <v>856.81</v>
      </c>
      <c r="Q325" s="3">
        <v>2285.6</v>
      </c>
      <c r="R325" s="3">
        <v>2285.6</v>
      </c>
      <c r="S325" s="3">
        <v>48.81</v>
      </c>
      <c r="T325" s="3">
        <v>0.27</v>
      </c>
      <c r="U325" s="3">
        <v>4.46</v>
      </c>
      <c r="V325" s="3">
        <v>0.33</v>
      </c>
      <c r="W325" s="3">
        <v>3.29</v>
      </c>
      <c r="X325" s="3">
        <v>-0.21</v>
      </c>
      <c r="Y325" s="3">
        <v>0</v>
      </c>
      <c r="Z325" s="3">
        <v>0.24</v>
      </c>
      <c r="AA325" s="4">
        <f t="shared" ref="AA325:AA388" si="54">AA324</f>
        <v>0</v>
      </c>
      <c r="AB325" s="4">
        <f t="shared" si="50"/>
        <v>1.6</v>
      </c>
      <c r="AC325" s="3">
        <f t="shared" si="47"/>
        <v>78.096000000000004</v>
      </c>
      <c r="AD325" s="4">
        <f t="shared" si="51"/>
        <v>0</v>
      </c>
      <c r="AE325" s="3">
        <f t="shared" si="48"/>
        <v>0.43200000000000005</v>
      </c>
      <c r="AF325" s="4">
        <f t="shared" ref="AF325:AF388" si="55">AF324</f>
        <v>0</v>
      </c>
      <c r="AG325" s="3">
        <f t="shared" si="52"/>
        <v>7.1360000000000001</v>
      </c>
      <c r="AH325" s="4">
        <f t="shared" si="53"/>
        <v>0</v>
      </c>
      <c r="AI325" s="3">
        <f t="shared" si="49"/>
        <v>0.33</v>
      </c>
      <c r="AJ325" s="14"/>
      <c r="AK325" s="14"/>
      <c r="AO325" s="12">
        <v>15</v>
      </c>
      <c r="AP325" s="7"/>
      <c r="AQ325" s="7"/>
      <c r="AR325" s="13"/>
    </row>
    <row r="326" spans="1:44">
      <c r="A326" s="3" t="s">
        <v>52</v>
      </c>
      <c r="B326" s="2">
        <v>0.60811342592592588</v>
      </c>
      <c r="C326" s="3">
        <v>99.8</v>
      </c>
      <c r="D326" s="3">
        <v>341.93</v>
      </c>
      <c r="E326" s="3">
        <v>450.14</v>
      </c>
      <c r="F326" s="3">
        <v>591.77</v>
      </c>
      <c r="G326" s="3">
        <v>294.86</v>
      </c>
      <c r="H326" s="3">
        <v>630.91999999999996</v>
      </c>
      <c r="I326" s="3">
        <v>118.83</v>
      </c>
      <c r="J326" s="3">
        <v>218.6</v>
      </c>
      <c r="K326" s="3">
        <v>245.48</v>
      </c>
      <c r="L326" s="3">
        <v>270.16000000000003</v>
      </c>
      <c r="M326" s="3">
        <v>612.01</v>
      </c>
      <c r="N326" s="3">
        <v>455.05</v>
      </c>
      <c r="O326" s="3">
        <v>928.35</v>
      </c>
      <c r="P326" s="3">
        <v>857.33</v>
      </c>
      <c r="Q326" s="3">
        <v>2285.59</v>
      </c>
      <c r="R326" s="3">
        <v>2285.59</v>
      </c>
      <c r="S326" s="3">
        <v>48.28</v>
      </c>
      <c r="T326" s="3">
        <v>0.28000000000000003</v>
      </c>
      <c r="U326" s="3">
        <v>4.34</v>
      </c>
      <c r="V326" s="3">
        <v>0.34</v>
      </c>
      <c r="W326" s="3">
        <v>3.38</v>
      </c>
      <c r="X326" s="3">
        <v>-0.21</v>
      </c>
      <c r="Y326" s="3">
        <v>0</v>
      </c>
      <c r="Z326" s="3">
        <v>0.25</v>
      </c>
      <c r="AA326" s="4">
        <f t="shared" si="54"/>
        <v>0</v>
      </c>
      <c r="AB326" s="4">
        <f t="shared" si="50"/>
        <v>1.6</v>
      </c>
      <c r="AC326" s="3">
        <f t="shared" si="47"/>
        <v>77.248000000000005</v>
      </c>
      <c r="AD326" s="4">
        <f t="shared" si="51"/>
        <v>0</v>
      </c>
      <c r="AE326" s="3">
        <f t="shared" si="48"/>
        <v>0.44800000000000006</v>
      </c>
      <c r="AF326" s="4">
        <f t="shared" si="55"/>
        <v>0</v>
      </c>
      <c r="AG326" s="3">
        <f t="shared" si="52"/>
        <v>6.944</v>
      </c>
      <c r="AH326" s="4">
        <f t="shared" si="53"/>
        <v>0</v>
      </c>
      <c r="AI326" s="3">
        <f t="shared" si="49"/>
        <v>0.34</v>
      </c>
      <c r="AJ326" s="14"/>
      <c r="AK326" s="14"/>
      <c r="AO326" s="12">
        <v>15</v>
      </c>
      <c r="AP326" s="7"/>
      <c r="AQ326" s="7"/>
      <c r="AR326" s="13"/>
    </row>
    <row r="327" spans="1:44">
      <c r="A327" s="3" t="s">
        <v>52</v>
      </c>
      <c r="B327" s="2">
        <v>0.60880787037037043</v>
      </c>
      <c r="C327" s="3">
        <v>99.81</v>
      </c>
      <c r="D327" s="3">
        <v>341.37</v>
      </c>
      <c r="E327" s="3">
        <v>449.31</v>
      </c>
      <c r="F327" s="3">
        <v>568.17999999999995</v>
      </c>
      <c r="G327" s="3">
        <v>299.42</v>
      </c>
      <c r="H327" s="3">
        <v>647.62</v>
      </c>
      <c r="I327" s="3">
        <v>118.16</v>
      </c>
      <c r="J327" s="3">
        <v>217.4</v>
      </c>
      <c r="K327" s="3">
        <v>244.07</v>
      </c>
      <c r="L327" s="3">
        <v>268.79000000000002</v>
      </c>
      <c r="M327" s="3">
        <v>611.73</v>
      </c>
      <c r="N327" s="3">
        <v>452.77</v>
      </c>
      <c r="O327" s="3">
        <v>926.62</v>
      </c>
      <c r="P327" s="3">
        <v>855.68</v>
      </c>
      <c r="Q327" s="3">
        <v>2285.58</v>
      </c>
      <c r="R327" s="3">
        <v>2285.58</v>
      </c>
      <c r="S327" s="3">
        <v>48.64</v>
      </c>
      <c r="T327" s="3">
        <v>0.28000000000000003</v>
      </c>
      <c r="U327" s="3">
        <v>4.4400000000000004</v>
      </c>
      <c r="V327" s="3">
        <v>0.33</v>
      </c>
      <c r="W327" s="3">
        <v>3.44</v>
      </c>
      <c r="X327" s="3">
        <v>-0.21</v>
      </c>
      <c r="Y327" s="3">
        <v>0</v>
      </c>
      <c r="Z327" s="3">
        <v>0.24</v>
      </c>
      <c r="AA327" s="4">
        <f t="shared" si="54"/>
        <v>0</v>
      </c>
      <c r="AB327" s="4">
        <f t="shared" si="50"/>
        <v>1.6</v>
      </c>
      <c r="AC327" s="3">
        <f t="shared" si="47"/>
        <v>77.824000000000012</v>
      </c>
      <c r="AD327" s="4">
        <f t="shared" si="51"/>
        <v>0</v>
      </c>
      <c r="AE327" s="3">
        <f t="shared" si="48"/>
        <v>0.44800000000000006</v>
      </c>
      <c r="AF327" s="4">
        <f t="shared" si="55"/>
        <v>0</v>
      </c>
      <c r="AG327" s="3">
        <f t="shared" si="52"/>
        <v>7.104000000000001</v>
      </c>
      <c r="AH327" s="4">
        <f t="shared" si="53"/>
        <v>0</v>
      </c>
      <c r="AI327" s="3">
        <f t="shared" si="49"/>
        <v>0.33</v>
      </c>
      <c r="AJ327" s="14"/>
      <c r="AK327" s="14"/>
      <c r="AO327" s="12">
        <v>15</v>
      </c>
      <c r="AP327" s="7"/>
      <c r="AQ327" s="7"/>
      <c r="AR327" s="13"/>
    </row>
    <row r="328" spans="1:44">
      <c r="A328" s="3" t="s">
        <v>52</v>
      </c>
      <c r="B328" s="2">
        <v>0.60950231481481476</v>
      </c>
      <c r="C328" s="3">
        <v>101.91</v>
      </c>
      <c r="D328" s="3">
        <v>351.59</v>
      </c>
      <c r="E328" s="3">
        <v>449.18</v>
      </c>
      <c r="F328" s="3">
        <v>588.17999999999995</v>
      </c>
      <c r="G328" s="3">
        <v>304.89</v>
      </c>
      <c r="H328" s="3">
        <v>660.38</v>
      </c>
      <c r="I328" s="3">
        <v>117.44</v>
      </c>
      <c r="J328" s="3">
        <v>216.22</v>
      </c>
      <c r="K328" s="3">
        <v>242.78</v>
      </c>
      <c r="L328" s="3">
        <v>267.45</v>
      </c>
      <c r="M328" s="3">
        <v>611.71</v>
      </c>
      <c r="N328" s="3">
        <v>450.55</v>
      </c>
      <c r="O328" s="3">
        <v>925.67</v>
      </c>
      <c r="P328" s="3">
        <v>853.46</v>
      </c>
      <c r="Q328" s="3">
        <v>2285.6</v>
      </c>
      <c r="R328" s="3">
        <v>2285.6</v>
      </c>
      <c r="S328" s="3">
        <v>48.62</v>
      </c>
      <c r="T328" s="3">
        <v>0.27</v>
      </c>
      <c r="U328" s="3">
        <v>4.43</v>
      </c>
      <c r="V328" s="3">
        <v>0.35</v>
      </c>
      <c r="W328" s="3">
        <v>3.49</v>
      </c>
      <c r="X328" s="3">
        <v>-0.23</v>
      </c>
      <c r="Y328" s="3">
        <v>-0.01</v>
      </c>
      <c r="Z328" s="3">
        <v>0.19</v>
      </c>
      <c r="AA328" s="4">
        <f t="shared" si="54"/>
        <v>0</v>
      </c>
      <c r="AB328" s="4">
        <f t="shared" si="50"/>
        <v>1.6</v>
      </c>
      <c r="AC328" s="3">
        <f t="shared" si="47"/>
        <v>77.792000000000002</v>
      </c>
      <c r="AD328" s="4">
        <f t="shared" si="51"/>
        <v>0</v>
      </c>
      <c r="AE328" s="3">
        <f t="shared" si="48"/>
        <v>0.43200000000000005</v>
      </c>
      <c r="AF328" s="4">
        <f t="shared" si="55"/>
        <v>0</v>
      </c>
      <c r="AG328" s="3">
        <f t="shared" si="52"/>
        <v>7.0880000000000001</v>
      </c>
      <c r="AH328" s="4">
        <f t="shared" si="53"/>
        <v>0</v>
      </c>
      <c r="AI328" s="3">
        <f t="shared" si="49"/>
        <v>0.35</v>
      </c>
      <c r="AJ328" s="14"/>
      <c r="AK328" s="14"/>
      <c r="AO328" s="12">
        <v>15</v>
      </c>
      <c r="AP328" s="7"/>
      <c r="AQ328" s="7"/>
      <c r="AR328" s="13"/>
    </row>
    <row r="329" spans="1:44">
      <c r="A329" s="3" t="s">
        <v>52</v>
      </c>
      <c r="B329" s="2">
        <v>0.61019675925925931</v>
      </c>
      <c r="C329" s="3">
        <v>103.22</v>
      </c>
      <c r="D329" s="3">
        <v>355.93</v>
      </c>
      <c r="E329" s="3">
        <v>451.01</v>
      </c>
      <c r="F329" s="3">
        <v>583.54</v>
      </c>
      <c r="G329" s="3">
        <v>305.82</v>
      </c>
      <c r="H329" s="3">
        <v>655.29</v>
      </c>
      <c r="I329" s="3">
        <v>116.66</v>
      </c>
      <c r="J329" s="3">
        <v>215.04</v>
      </c>
      <c r="K329" s="3">
        <v>240.93</v>
      </c>
      <c r="L329" s="3">
        <v>266.11</v>
      </c>
      <c r="M329" s="3">
        <v>609.77</v>
      </c>
      <c r="N329" s="3">
        <v>448.3</v>
      </c>
      <c r="O329" s="3">
        <v>927.1</v>
      </c>
      <c r="P329" s="3">
        <v>851.12</v>
      </c>
      <c r="Q329" s="3">
        <v>2285.58</v>
      </c>
      <c r="R329" s="3">
        <v>2285.58</v>
      </c>
      <c r="S329" s="3">
        <v>48.53</v>
      </c>
      <c r="T329" s="3">
        <v>0.2</v>
      </c>
      <c r="U329" s="3">
        <v>5.0999999999999996</v>
      </c>
      <c r="V329" s="3">
        <v>0.27</v>
      </c>
      <c r="W329" s="3">
        <v>3.53</v>
      </c>
      <c r="X329" s="3">
        <v>-0.21</v>
      </c>
      <c r="Y329" s="3">
        <v>0</v>
      </c>
      <c r="Z329" s="3">
        <v>0.23</v>
      </c>
      <c r="AA329" s="4">
        <f t="shared" si="54"/>
        <v>0</v>
      </c>
      <c r="AB329" s="4">
        <f t="shared" si="50"/>
        <v>1.6</v>
      </c>
      <c r="AC329" s="3">
        <f t="shared" si="47"/>
        <v>77.64800000000001</v>
      </c>
      <c r="AD329" s="4">
        <f t="shared" si="51"/>
        <v>0</v>
      </c>
      <c r="AE329" s="3">
        <f t="shared" si="48"/>
        <v>0.32000000000000006</v>
      </c>
      <c r="AF329" s="4">
        <f t="shared" si="55"/>
        <v>0</v>
      </c>
      <c r="AG329" s="3">
        <f t="shared" si="52"/>
        <v>8.16</v>
      </c>
      <c r="AH329" s="4">
        <f t="shared" si="53"/>
        <v>0</v>
      </c>
      <c r="AI329" s="3">
        <f t="shared" si="49"/>
        <v>0.27</v>
      </c>
      <c r="AJ329" s="14"/>
      <c r="AK329" s="14"/>
      <c r="AO329" s="12">
        <v>15</v>
      </c>
      <c r="AP329" s="7"/>
      <c r="AQ329" s="7"/>
      <c r="AR329" s="13"/>
    </row>
    <row r="330" spans="1:44">
      <c r="A330" s="3" t="s">
        <v>52</v>
      </c>
      <c r="B330" s="2">
        <v>0.61089120370370364</v>
      </c>
      <c r="C330" s="3">
        <v>102.64</v>
      </c>
      <c r="D330" s="3">
        <v>352.73</v>
      </c>
      <c r="E330" s="3">
        <v>448.96</v>
      </c>
      <c r="F330" s="3">
        <v>557.75</v>
      </c>
      <c r="G330" s="3">
        <v>302.3</v>
      </c>
      <c r="H330" s="3">
        <v>640.86</v>
      </c>
      <c r="I330" s="3">
        <v>115.88</v>
      </c>
      <c r="J330" s="3">
        <v>213.87</v>
      </c>
      <c r="K330" s="3">
        <v>239.51</v>
      </c>
      <c r="L330" s="3">
        <v>264.79000000000002</v>
      </c>
      <c r="M330" s="3">
        <v>609.34</v>
      </c>
      <c r="N330" s="3">
        <v>446.16</v>
      </c>
      <c r="O330" s="3">
        <v>929.84</v>
      </c>
      <c r="P330" s="3">
        <v>851.89</v>
      </c>
      <c r="Q330" s="3">
        <v>2285.58</v>
      </c>
      <c r="R330" s="3">
        <v>2285.58</v>
      </c>
      <c r="S330" s="3">
        <v>48.2</v>
      </c>
      <c r="T330" s="3">
        <v>0.16</v>
      </c>
      <c r="U330" s="3">
        <v>5.73</v>
      </c>
      <c r="V330" s="3">
        <v>0.24</v>
      </c>
      <c r="W330" s="3">
        <v>3.14</v>
      </c>
      <c r="X330" s="3">
        <v>-0.21</v>
      </c>
      <c r="Y330" s="3">
        <v>0</v>
      </c>
      <c r="Z330" s="3">
        <v>0.23</v>
      </c>
      <c r="AA330" s="4">
        <f t="shared" si="54"/>
        <v>0</v>
      </c>
      <c r="AB330" s="4">
        <f t="shared" si="50"/>
        <v>1.6</v>
      </c>
      <c r="AC330" s="3">
        <f t="shared" si="47"/>
        <v>77.12</v>
      </c>
      <c r="AD330" s="4">
        <f t="shared" si="51"/>
        <v>0</v>
      </c>
      <c r="AE330" s="3">
        <f t="shared" si="48"/>
        <v>0.25600000000000001</v>
      </c>
      <c r="AF330" s="4">
        <f t="shared" si="55"/>
        <v>0</v>
      </c>
      <c r="AG330" s="3">
        <f t="shared" si="52"/>
        <v>9.168000000000001</v>
      </c>
      <c r="AH330" s="4">
        <f t="shared" si="53"/>
        <v>0</v>
      </c>
      <c r="AI330" s="3">
        <f t="shared" si="49"/>
        <v>0.24</v>
      </c>
      <c r="AJ330" s="14"/>
      <c r="AK330" s="14"/>
      <c r="AO330" s="12">
        <v>15</v>
      </c>
      <c r="AP330" s="7"/>
      <c r="AQ330" s="7"/>
      <c r="AR330" s="13"/>
    </row>
    <row r="331" spans="1:44">
      <c r="A331" s="3" t="s">
        <v>52</v>
      </c>
      <c r="B331" s="2">
        <v>0.6115856481481482</v>
      </c>
      <c r="C331" s="3">
        <v>101.04</v>
      </c>
      <c r="D331" s="3">
        <v>347.09</v>
      </c>
      <c r="E331" s="3">
        <v>446.9</v>
      </c>
      <c r="F331" s="3">
        <v>578.91</v>
      </c>
      <c r="G331" s="3">
        <v>296.58999999999997</v>
      </c>
      <c r="H331" s="3">
        <v>626</v>
      </c>
      <c r="I331" s="3">
        <v>115.15</v>
      </c>
      <c r="J331" s="3">
        <v>212.73</v>
      </c>
      <c r="K331" s="3">
        <v>238.04</v>
      </c>
      <c r="L331" s="3">
        <v>263.47000000000003</v>
      </c>
      <c r="M331" s="3">
        <v>608.86</v>
      </c>
      <c r="N331" s="3">
        <v>443.91</v>
      </c>
      <c r="O331" s="3">
        <v>930.4</v>
      </c>
      <c r="P331" s="3">
        <v>857.05</v>
      </c>
      <c r="Q331" s="3">
        <v>2285.58</v>
      </c>
      <c r="R331" s="3">
        <v>2285.58</v>
      </c>
      <c r="S331" s="3">
        <v>48.36</v>
      </c>
      <c r="T331" s="3">
        <v>0.16</v>
      </c>
      <c r="U331" s="3">
        <v>5.86</v>
      </c>
      <c r="V331" s="3">
        <v>0.23</v>
      </c>
      <c r="W331" s="3">
        <v>3.2</v>
      </c>
      <c r="X331" s="3">
        <v>-0.21</v>
      </c>
      <c r="Y331" s="3">
        <v>0</v>
      </c>
      <c r="Z331" s="3">
        <v>0.23</v>
      </c>
      <c r="AA331" s="4">
        <f t="shared" si="54"/>
        <v>0</v>
      </c>
      <c r="AB331" s="4">
        <f t="shared" si="50"/>
        <v>1.6</v>
      </c>
      <c r="AC331" s="3">
        <f t="shared" si="47"/>
        <v>77.376000000000005</v>
      </c>
      <c r="AD331" s="4">
        <f t="shared" si="51"/>
        <v>0</v>
      </c>
      <c r="AE331" s="3">
        <f t="shared" si="48"/>
        <v>0.25600000000000001</v>
      </c>
      <c r="AF331" s="4">
        <f t="shared" si="55"/>
        <v>0</v>
      </c>
      <c r="AG331" s="3">
        <f t="shared" si="52"/>
        <v>9.3760000000000012</v>
      </c>
      <c r="AH331" s="4">
        <f t="shared" si="53"/>
        <v>0</v>
      </c>
      <c r="AI331" s="3">
        <f t="shared" si="49"/>
        <v>0.23</v>
      </c>
      <c r="AJ331" s="14"/>
      <c r="AK331" s="14"/>
      <c r="AO331" s="12">
        <v>15</v>
      </c>
      <c r="AP331" s="7"/>
      <c r="AQ331" s="7"/>
      <c r="AR331" s="13"/>
    </row>
    <row r="332" spans="1:44">
      <c r="A332" s="3" t="s">
        <v>52</v>
      </c>
      <c r="B332" s="2">
        <v>0.61229166666666668</v>
      </c>
      <c r="C332" s="3">
        <v>99.66</v>
      </c>
      <c r="D332" s="3">
        <v>341.25</v>
      </c>
      <c r="E332" s="3">
        <v>448.06</v>
      </c>
      <c r="F332" s="3">
        <v>597.12</v>
      </c>
      <c r="G332" s="3">
        <v>293.89</v>
      </c>
      <c r="H332" s="3">
        <v>625.48</v>
      </c>
      <c r="I332" s="3">
        <v>114.29</v>
      </c>
      <c r="J332" s="3">
        <v>211.59</v>
      </c>
      <c r="K332" s="3">
        <v>236.7</v>
      </c>
      <c r="L332" s="3">
        <v>262.17</v>
      </c>
      <c r="M332" s="3">
        <v>608.94000000000005</v>
      </c>
      <c r="N332" s="3">
        <v>441.76</v>
      </c>
      <c r="O332" s="3">
        <v>929.03</v>
      </c>
      <c r="P332" s="3">
        <v>856.71</v>
      </c>
      <c r="Q332" s="3">
        <v>2285.5700000000002</v>
      </c>
      <c r="R332" s="3">
        <v>2285.5700000000002</v>
      </c>
      <c r="S332" s="3">
        <v>49.52</v>
      </c>
      <c r="T332" s="3">
        <v>0.17</v>
      </c>
      <c r="U332" s="3">
        <v>5.98</v>
      </c>
      <c r="V332" s="3">
        <v>0.25</v>
      </c>
      <c r="W332" s="3">
        <v>3.25</v>
      </c>
      <c r="X332" s="3">
        <v>-0.21</v>
      </c>
      <c r="Y332" s="3">
        <v>-0.01</v>
      </c>
      <c r="Z332" s="3">
        <v>0.24</v>
      </c>
      <c r="AA332" s="4">
        <f t="shared" si="54"/>
        <v>0</v>
      </c>
      <c r="AB332" s="4">
        <f t="shared" si="50"/>
        <v>1.6</v>
      </c>
      <c r="AC332" s="3">
        <f t="shared" si="47"/>
        <v>79.232000000000014</v>
      </c>
      <c r="AD332" s="4">
        <f t="shared" si="51"/>
        <v>0</v>
      </c>
      <c r="AE332" s="3">
        <f t="shared" si="48"/>
        <v>0.27200000000000002</v>
      </c>
      <c r="AF332" s="4">
        <f t="shared" si="55"/>
        <v>0</v>
      </c>
      <c r="AG332" s="3">
        <f t="shared" si="52"/>
        <v>9.5680000000000014</v>
      </c>
      <c r="AH332" s="4">
        <f t="shared" si="53"/>
        <v>0</v>
      </c>
      <c r="AI332" s="3">
        <f t="shared" si="49"/>
        <v>0.25</v>
      </c>
      <c r="AJ332" s="14"/>
      <c r="AK332" s="14"/>
      <c r="AO332" s="12">
        <v>15</v>
      </c>
      <c r="AP332" s="7"/>
      <c r="AQ332" s="7"/>
      <c r="AR332" s="13"/>
    </row>
    <row r="333" spans="1:44">
      <c r="A333" s="3" t="s">
        <v>52</v>
      </c>
      <c r="B333" s="2">
        <v>0.61298611111111112</v>
      </c>
      <c r="C333" s="3">
        <v>100</v>
      </c>
      <c r="D333" s="3">
        <v>343.04</v>
      </c>
      <c r="E333" s="3">
        <v>450.34</v>
      </c>
      <c r="F333" s="3">
        <v>594.05999999999995</v>
      </c>
      <c r="G333" s="3">
        <v>296.22000000000003</v>
      </c>
      <c r="H333" s="3">
        <v>639.04</v>
      </c>
      <c r="I333" s="3">
        <v>113.51</v>
      </c>
      <c r="J333" s="3">
        <v>210.48</v>
      </c>
      <c r="K333" s="3">
        <v>235.33</v>
      </c>
      <c r="L333" s="3">
        <v>260.87</v>
      </c>
      <c r="M333" s="3">
        <v>608.01</v>
      </c>
      <c r="N333" s="3">
        <v>439.61</v>
      </c>
      <c r="O333" s="3">
        <v>929.25</v>
      </c>
      <c r="P333" s="3">
        <v>854.89</v>
      </c>
      <c r="Q333" s="3">
        <v>2285.56</v>
      </c>
      <c r="R333" s="3">
        <v>2285.56</v>
      </c>
      <c r="S333" s="3">
        <v>49.29</v>
      </c>
      <c r="T333" s="3">
        <v>0.22</v>
      </c>
      <c r="U333" s="3">
        <v>5.48</v>
      </c>
      <c r="V333" s="3">
        <v>0.3</v>
      </c>
      <c r="W333" s="3">
        <v>3.24</v>
      </c>
      <c r="X333" s="3">
        <v>-0.21</v>
      </c>
      <c r="Y333" s="3">
        <v>0</v>
      </c>
      <c r="Z333" s="3">
        <v>0.23</v>
      </c>
      <c r="AA333" s="4">
        <f t="shared" si="54"/>
        <v>0</v>
      </c>
      <c r="AB333" s="4">
        <f t="shared" si="50"/>
        <v>1.6</v>
      </c>
      <c r="AC333" s="3">
        <f t="shared" si="47"/>
        <v>78.864000000000004</v>
      </c>
      <c r="AD333" s="4">
        <f t="shared" si="51"/>
        <v>0</v>
      </c>
      <c r="AE333" s="3">
        <f t="shared" si="48"/>
        <v>0.35200000000000004</v>
      </c>
      <c r="AF333" s="4">
        <f t="shared" si="55"/>
        <v>0</v>
      </c>
      <c r="AG333" s="3">
        <f t="shared" si="52"/>
        <v>8.7680000000000007</v>
      </c>
      <c r="AH333" s="4">
        <f t="shared" si="53"/>
        <v>0</v>
      </c>
      <c r="AI333" s="3">
        <f t="shared" si="49"/>
        <v>0.3</v>
      </c>
      <c r="AJ333" s="14"/>
      <c r="AK333" s="14"/>
      <c r="AO333" s="12">
        <v>15</v>
      </c>
      <c r="AP333" s="7"/>
      <c r="AQ333" s="7"/>
      <c r="AR333" s="13"/>
    </row>
    <row r="334" spans="1:44">
      <c r="A334" s="3" t="s">
        <v>52</v>
      </c>
      <c r="B334" s="2">
        <v>0.61368055555555556</v>
      </c>
      <c r="C334" s="3">
        <v>102.48</v>
      </c>
      <c r="D334" s="3">
        <v>353.93</v>
      </c>
      <c r="E334" s="3">
        <v>450.11</v>
      </c>
      <c r="F334" s="3">
        <v>562.21</v>
      </c>
      <c r="G334" s="3">
        <v>302.10000000000002</v>
      </c>
      <c r="H334" s="3">
        <v>655.68</v>
      </c>
      <c r="I334" s="3">
        <v>112.81</v>
      </c>
      <c r="J334" s="3">
        <v>209.38</v>
      </c>
      <c r="K334" s="3">
        <v>233.93</v>
      </c>
      <c r="L334" s="3">
        <v>259.58999999999997</v>
      </c>
      <c r="M334" s="3">
        <v>607.62</v>
      </c>
      <c r="N334" s="3">
        <v>437.48</v>
      </c>
      <c r="O334" s="3">
        <v>931.03</v>
      </c>
      <c r="P334" s="3">
        <v>852.72</v>
      </c>
      <c r="Q334" s="3">
        <v>2285.56</v>
      </c>
      <c r="R334" s="3">
        <v>2285.56</v>
      </c>
      <c r="S334" s="3">
        <v>49.88</v>
      </c>
      <c r="T334" s="3">
        <v>0.25</v>
      </c>
      <c r="U334" s="3">
        <v>5.0199999999999996</v>
      </c>
      <c r="V334" s="3">
        <v>0.3</v>
      </c>
      <c r="W334" s="3">
        <v>3.12</v>
      </c>
      <c r="X334" s="3">
        <v>-0.21</v>
      </c>
      <c r="Y334" s="3">
        <v>0</v>
      </c>
      <c r="Z334" s="3">
        <v>0.22</v>
      </c>
      <c r="AA334" s="4">
        <f t="shared" si="54"/>
        <v>0</v>
      </c>
      <c r="AB334" s="4">
        <f t="shared" si="50"/>
        <v>1.6</v>
      </c>
      <c r="AC334" s="3">
        <f t="shared" si="47"/>
        <v>79.808000000000007</v>
      </c>
      <c r="AD334" s="4">
        <f t="shared" si="51"/>
        <v>0</v>
      </c>
      <c r="AE334" s="3">
        <f t="shared" si="48"/>
        <v>0.4</v>
      </c>
      <c r="AF334" s="4">
        <f t="shared" si="55"/>
        <v>0</v>
      </c>
      <c r="AG334" s="3">
        <f t="shared" si="52"/>
        <v>8.032</v>
      </c>
      <c r="AH334" s="4">
        <f t="shared" si="53"/>
        <v>0</v>
      </c>
      <c r="AI334" s="3">
        <f t="shared" si="49"/>
        <v>0.3</v>
      </c>
      <c r="AJ334" s="14"/>
      <c r="AK334" s="14"/>
      <c r="AO334" s="12">
        <v>15</v>
      </c>
      <c r="AP334" s="7"/>
      <c r="AQ334" s="7"/>
      <c r="AR334" s="13"/>
    </row>
    <row r="335" spans="1:44">
      <c r="A335" s="3" t="s">
        <v>52</v>
      </c>
      <c r="B335" s="2">
        <v>0.614375</v>
      </c>
      <c r="C335" s="3">
        <v>104.03</v>
      </c>
      <c r="D335" s="3">
        <v>357.03</v>
      </c>
      <c r="E335" s="3">
        <v>448.12</v>
      </c>
      <c r="F335" s="3">
        <v>570.15</v>
      </c>
      <c r="G335" s="3">
        <v>305.86</v>
      </c>
      <c r="H335" s="3">
        <v>660.6</v>
      </c>
      <c r="I335" s="3">
        <v>112.05</v>
      </c>
      <c r="J335" s="3">
        <v>208.27</v>
      </c>
      <c r="K335" s="3">
        <v>232.58</v>
      </c>
      <c r="L335" s="3">
        <v>258.31</v>
      </c>
      <c r="M335" s="3">
        <v>607.47</v>
      </c>
      <c r="N335" s="3">
        <v>435.28</v>
      </c>
      <c r="O335" s="3">
        <v>932.08</v>
      </c>
      <c r="P335" s="3">
        <v>850.69</v>
      </c>
      <c r="Q335" s="3">
        <v>2285.5700000000002</v>
      </c>
      <c r="R335" s="3">
        <v>2285.5700000000002</v>
      </c>
      <c r="S335" s="3">
        <v>49.15</v>
      </c>
      <c r="T335" s="3">
        <v>0.27</v>
      </c>
      <c r="U335" s="3">
        <v>5.08</v>
      </c>
      <c r="V335" s="3">
        <v>0.34</v>
      </c>
      <c r="W335" s="3">
        <v>3.19</v>
      </c>
      <c r="X335" s="3">
        <v>-0.22</v>
      </c>
      <c r="Y335" s="3">
        <v>0</v>
      </c>
      <c r="Z335" s="3">
        <v>0.23</v>
      </c>
      <c r="AA335" s="4">
        <f t="shared" si="54"/>
        <v>0</v>
      </c>
      <c r="AB335" s="4">
        <f t="shared" si="50"/>
        <v>1.6</v>
      </c>
      <c r="AC335" s="3">
        <f t="shared" si="47"/>
        <v>78.64</v>
      </c>
      <c r="AD335" s="4">
        <f t="shared" si="51"/>
        <v>0</v>
      </c>
      <c r="AE335" s="3">
        <f t="shared" si="48"/>
        <v>0.43200000000000005</v>
      </c>
      <c r="AF335" s="4">
        <f t="shared" si="55"/>
        <v>0</v>
      </c>
      <c r="AG335" s="3">
        <f t="shared" si="52"/>
        <v>8.1280000000000001</v>
      </c>
      <c r="AH335" s="4">
        <f t="shared" si="53"/>
        <v>0</v>
      </c>
      <c r="AI335" s="3">
        <f t="shared" si="49"/>
        <v>0.34</v>
      </c>
      <c r="AJ335" s="14"/>
      <c r="AK335" s="14"/>
      <c r="AO335" s="12">
        <v>15</v>
      </c>
      <c r="AP335" s="7"/>
      <c r="AQ335" s="7"/>
      <c r="AR335" s="13"/>
    </row>
    <row r="336" spans="1:44">
      <c r="A336" s="3" t="s">
        <v>52</v>
      </c>
      <c r="B336" s="2">
        <v>0.61508101851851849</v>
      </c>
      <c r="C336" s="3">
        <v>103.63</v>
      </c>
      <c r="D336" s="3">
        <v>353.18</v>
      </c>
      <c r="E336" s="3">
        <v>449.22</v>
      </c>
      <c r="F336" s="3">
        <v>594.30999999999995</v>
      </c>
      <c r="G336" s="3">
        <v>304.41000000000003</v>
      </c>
      <c r="H336" s="3">
        <v>649.67999999999995</v>
      </c>
      <c r="I336" s="3">
        <v>111.3</v>
      </c>
      <c r="J336" s="3">
        <v>207.17</v>
      </c>
      <c r="K336" s="3">
        <v>231.33</v>
      </c>
      <c r="L336" s="3">
        <v>257.04000000000002</v>
      </c>
      <c r="M336" s="3">
        <v>606.67999999999995</v>
      </c>
      <c r="N336" s="3">
        <v>433.22</v>
      </c>
      <c r="O336" s="3">
        <v>931.11</v>
      </c>
      <c r="P336" s="3">
        <v>852.93</v>
      </c>
      <c r="Q336" s="3">
        <v>2285.56</v>
      </c>
      <c r="R336" s="3">
        <v>2285.56</v>
      </c>
      <c r="S336" s="3">
        <v>49.21</v>
      </c>
      <c r="T336" s="3">
        <v>0.26</v>
      </c>
      <c r="U336" s="3">
        <v>5.13</v>
      </c>
      <c r="V336" s="3">
        <v>0.35</v>
      </c>
      <c r="W336" s="3">
        <v>3.27</v>
      </c>
      <c r="X336" s="3">
        <v>-0.22</v>
      </c>
      <c r="Y336" s="3">
        <v>-0.01</v>
      </c>
      <c r="Z336" s="3">
        <v>0.23</v>
      </c>
      <c r="AA336" s="4">
        <f t="shared" si="54"/>
        <v>0</v>
      </c>
      <c r="AB336" s="4">
        <f t="shared" si="50"/>
        <v>1.6</v>
      </c>
      <c r="AC336" s="3">
        <f t="shared" si="47"/>
        <v>78.736000000000004</v>
      </c>
      <c r="AD336" s="4">
        <f t="shared" si="51"/>
        <v>0</v>
      </c>
      <c r="AE336" s="3">
        <f t="shared" si="48"/>
        <v>0.41600000000000004</v>
      </c>
      <c r="AF336" s="4">
        <f t="shared" si="55"/>
        <v>0</v>
      </c>
      <c r="AG336" s="3">
        <f t="shared" si="52"/>
        <v>8.2080000000000002</v>
      </c>
      <c r="AH336" s="4">
        <f t="shared" si="53"/>
        <v>0</v>
      </c>
      <c r="AI336" s="3">
        <f t="shared" si="49"/>
        <v>0.35</v>
      </c>
      <c r="AJ336" s="14"/>
      <c r="AK336" s="14"/>
      <c r="AO336" s="12">
        <v>15</v>
      </c>
      <c r="AP336" s="7"/>
      <c r="AQ336" s="7"/>
      <c r="AR336" s="13"/>
    </row>
    <row r="337" spans="1:44">
      <c r="A337" s="3" t="s">
        <v>52</v>
      </c>
      <c r="B337" s="2">
        <v>0.61577546296296293</v>
      </c>
      <c r="C337" s="3">
        <v>102.22</v>
      </c>
      <c r="D337" s="3">
        <v>347.23</v>
      </c>
      <c r="E337" s="3">
        <v>450.76</v>
      </c>
      <c r="F337" s="3">
        <v>580.13</v>
      </c>
      <c r="G337" s="3">
        <v>299.41000000000003</v>
      </c>
      <c r="H337" s="3">
        <v>634.07000000000005</v>
      </c>
      <c r="I337" s="3">
        <v>110.5</v>
      </c>
      <c r="J337" s="3">
        <v>206.07</v>
      </c>
      <c r="K337" s="3">
        <v>230.03</v>
      </c>
      <c r="L337" s="3">
        <v>255.78</v>
      </c>
      <c r="M337" s="3">
        <v>606.54999999999995</v>
      </c>
      <c r="N337" s="3">
        <v>431.18</v>
      </c>
      <c r="O337" s="3">
        <v>932.92</v>
      </c>
      <c r="P337" s="3">
        <v>857.36</v>
      </c>
      <c r="Q337" s="3">
        <v>2285.56</v>
      </c>
      <c r="R337" s="3">
        <v>2285.56</v>
      </c>
      <c r="S337" s="3">
        <v>49.27</v>
      </c>
      <c r="T337" s="3">
        <v>0.23</v>
      </c>
      <c r="U337" s="3">
        <v>5.08</v>
      </c>
      <c r="V337" s="3">
        <v>0.36</v>
      </c>
      <c r="W337" s="3">
        <v>3.31</v>
      </c>
      <c r="X337" s="3">
        <v>-0.21</v>
      </c>
      <c r="Y337" s="3">
        <v>-0.01</v>
      </c>
      <c r="Z337" s="3">
        <v>0.24</v>
      </c>
      <c r="AA337" s="4">
        <f t="shared" si="54"/>
        <v>0</v>
      </c>
      <c r="AB337" s="4">
        <f t="shared" si="50"/>
        <v>1.6</v>
      </c>
      <c r="AC337" s="3">
        <f t="shared" si="47"/>
        <v>78.832000000000008</v>
      </c>
      <c r="AD337" s="4">
        <f t="shared" si="51"/>
        <v>0</v>
      </c>
      <c r="AE337" s="3">
        <f t="shared" si="48"/>
        <v>0.36800000000000005</v>
      </c>
      <c r="AF337" s="4">
        <f t="shared" si="55"/>
        <v>0</v>
      </c>
      <c r="AG337" s="3">
        <f t="shared" si="52"/>
        <v>8.1280000000000001</v>
      </c>
      <c r="AH337" s="4">
        <f t="shared" si="53"/>
        <v>0</v>
      </c>
      <c r="AI337" s="3">
        <f t="shared" si="49"/>
        <v>0.36</v>
      </c>
      <c r="AJ337" s="14"/>
      <c r="AK337" s="14"/>
      <c r="AO337" s="12">
        <v>15</v>
      </c>
      <c r="AP337" s="7"/>
      <c r="AQ337" s="7"/>
      <c r="AR337" s="13"/>
    </row>
    <row r="338" spans="1:44">
      <c r="A338" s="3" t="s">
        <v>52</v>
      </c>
      <c r="B338" s="2">
        <v>0.61646990740740748</v>
      </c>
      <c r="C338" s="3">
        <v>100.24</v>
      </c>
      <c r="D338" s="3">
        <v>340.92</v>
      </c>
      <c r="E338" s="3">
        <v>448.32</v>
      </c>
      <c r="F338" s="3">
        <v>564.84</v>
      </c>
      <c r="G338" s="3">
        <v>294.56</v>
      </c>
      <c r="H338" s="3">
        <v>624.57000000000005</v>
      </c>
      <c r="I338" s="3">
        <v>109.71</v>
      </c>
      <c r="J338" s="3">
        <v>204.98</v>
      </c>
      <c r="K338" s="3">
        <v>228.7</v>
      </c>
      <c r="L338" s="3">
        <v>254.52</v>
      </c>
      <c r="M338" s="3">
        <v>606.14</v>
      </c>
      <c r="N338" s="3">
        <v>429.09</v>
      </c>
      <c r="O338" s="3">
        <v>933.62</v>
      </c>
      <c r="P338" s="3">
        <v>856.71</v>
      </c>
      <c r="Q338" s="3">
        <v>2285.56</v>
      </c>
      <c r="R338" s="3">
        <v>2285.56</v>
      </c>
      <c r="S338" s="3">
        <v>49.03</v>
      </c>
      <c r="T338" s="3">
        <v>0.22</v>
      </c>
      <c r="U338" s="3">
        <v>5.07</v>
      </c>
      <c r="V338" s="3">
        <v>0.3</v>
      </c>
      <c r="W338" s="3">
        <v>3.35</v>
      </c>
      <c r="X338" s="3">
        <v>-0.22</v>
      </c>
      <c r="Y338" s="3">
        <v>-0.01</v>
      </c>
      <c r="Z338" s="3">
        <v>0.24</v>
      </c>
      <c r="AA338" s="4">
        <f t="shared" si="54"/>
        <v>0</v>
      </c>
      <c r="AB338" s="4">
        <f t="shared" si="50"/>
        <v>1.6</v>
      </c>
      <c r="AC338" s="3">
        <f t="shared" si="47"/>
        <v>78.448000000000008</v>
      </c>
      <c r="AD338" s="4">
        <f t="shared" si="51"/>
        <v>0</v>
      </c>
      <c r="AE338" s="3">
        <f t="shared" si="48"/>
        <v>0.35200000000000004</v>
      </c>
      <c r="AF338" s="4">
        <f t="shared" si="55"/>
        <v>0</v>
      </c>
      <c r="AG338" s="3">
        <f t="shared" si="52"/>
        <v>8.1120000000000001</v>
      </c>
      <c r="AH338" s="4">
        <f t="shared" si="53"/>
        <v>0</v>
      </c>
      <c r="AI338" s="3">
        <f t="shared" si="49"/>
        <v>0.3</v>
      </c>
      <c r="AJ338" s="14"/>
      <c r="AK338" s="14"/>
      <c r="AO338" s="12">
        <v>15</v>
      </c>
      <c r="AP338" s="7"/>
      <c r="AQ338" s="7"/>
      <c r="AR338" s="13"/>
    </row>
    <row r="339" spans="1:44">
      <c r="A339" s="3" t="s">
        <v>52</v>
      </c>
      <c r="B339" s="2">
        <v>0.61716435185185181</v>
      </c>
      <c r="C339" s="3">
        <v>99.28</v>
      </c>
      <c r="D339" s="3">
        <v>337.61</v>
      </c>
      <c r="E339" s="3">
        <v>447.68</v>
      </c>
      <c r="F339" s="3">
        <v>588.37</v>
      </c>
      <c r="G339" s="3">
        <v>294.5</v>
      </c>
      <c r="H339" s="3">
        <v>632.89</v>
      </c>
      <c r="I339" s="3">
        <v>109</v>
      </c>
      <c r="J339" s="3">
        <v>203.91</v>
      </c>
      <c r="K339" s="3">
        <v>227.62</v>
      </c>
      <c r="L339" s="3">
        <v>253.27</v>
      </c>
      <c r="M339" s="3">
        <v>605</v>
      </c>
      <c r="N339" s="3">
        <v>427.02</v>
      </c>
      <c r="O339" s="3">
        <v>933.4</v>
      </c>
      <c r="P339" s="3">
        <v>854.99</v>
      </c>
      <c r="Q339" s="3">
        <v>2285.56</v>
      </c>
      <c r="R339" s="3">
        <v>2285.56</v>
      </c>
      <c r="S339" s="3">
        <v>49.47</v>
      </c>
      <c r="T339" s="3">
        <v>0.24</v>
      </c>
      <c r="U339" s="3">
        <v>5.2</v>
      </c>
      <c r="V339" s="3">
        <v>0.33</v>
      </c>
      <c r="W339" s="3">
        <v>3.34</v>
      </c>
      <c r="X339" s="3">
        <v>-0.22</v>
      </c>
      <c r="Y339" s="3">
        <v>-0.01</v>
      </c>
      <c r="Z339" s="3">
        <v>0.24</v>
      </c>
      <c r="AA339" s="4">
        <f t="shared" si="54"/>
        <v>0</v>
      </c>
      <c r="AB339" s="4">
        <f t="shared" si="50"/>
        <v>1.6</v>
      </c>
      <c r="AC339" s="3">
        <f t="shared" si="47"/>
        <v>79.152000000000001</v>
      </c>
      <c r="AD339" s="4">
        <f t="shared" si="51"/>
        <v>0</v>
      </c>
      <c r="AE339" s="3">
        <f t="shared" si="48"/>
        <v>0.38400000000000001</v>
      </c>
      <c r="AF339" s="4">
        <f t="shared" si="55"/>
        <v>0</v>
      </c>
      <c r="AG339" s="3">
        <f t="shared" si="52"/>
        <v>8.32</v>
      </c>
      <c r="AH339" s="4">
        <f t="shared" si="53"/>
        <v>0</v>
      </c>
      <c r="AI339" s="3">
        <f t="shared" si="49"/>
        <v>0.33</v>
      </c>
      <c r="AJ339" s="14"/>
      <c r="AK339" s="14"/>
      <c r="AO339" s="12">
        <v>15</v>
      </c>
      <c r="AP339" s="7"/>
      <c r="AQ339" s="7"/>
      <c r="AR339" s="13"/>
    </row>
    <row r="340" spans="1:44">
      <c r="A340" s="3" t="s">
        <v>52</v>
      </c>
      <c r="B340" s="2">
        <v>0.61785879629629636</v>
      </c>
      <c r="C340" s="3">
        <v>100.99</v>
      </c>
      <c r="D340" s="3">
        <v>346.53</v>
      </c>
      <c r="E340" s="3">
        <v>450.04</v>
      </c>
      <c r="F340" s="3">
        <v>594.46</v>
      </c>
      <c r="G340" s="3">
        <v>299.05</v>
      </c>
      <c r="H340" s="3">
        <v>649.08000000000004</v>
      </c>
      <c r="I340" s="3">
        <v>108.26</v>
      </c>
      <c r="J340" s="3">
        <v>202.85</v>
      </c>
      <c r="K340" s="3">
        <v>226.25</v>
      </c>
      <c r="L340" s="3">
        <v>252.04</v>
      </c>
      <c r="M340" s="3">
        <v>605.21</v>
      </c>
      <c r="N340" s="3">
        <v>425.02</v>
      </c>
      <c r="O340" s="3">
        <v>936.81</v>
      </c>
      <c r="P340" s="3">
        <v>853.04</v>
      </c>
      <c r="Q340" s="3">
        <v>2285.56</v>
      </c>
      <c r="R340" s="3">
        <v>2285.56</v>
      </c>
      <c r="S340" s="3">
        <v>49</v>
      </c>
      <c r="T340" s="3">
        <v>0.2</v>
      </c>
      <c r="U340" s="3">
        <v>5.0199999999999996</v>
      </c>
      <c r="V340" s="3">
        <v>0.31</v>
      </c>
      <c r="W340" s="3">
        <v>3.33</v>
      </c>
      <c r="X340" s="3">
        <v>-0.22</v>
      </c>
      <c r="Y340" s="3">
        <v>-0.02</v>
      </c>
      <c r="Z340" s="3">
        <v>0.24</v>
      </c>
      <c r="AA340" s="4">
        <f t="shared" si="54"/>
        <v>0</v>
      </c>
      <c r="AB340" s="4">
        <f t="shared" si="50"/>
        <v>1.6</v>
      </c>
      <c r="AC340" s="3">
        <f t="shared" si="47"/>
        <v>78.400000000000006</v>
      </c>
      <c r="AD340" s="4">
        <f t="shared" si="51"/>
        <v>0</v>
      </c>
      <c r="AE340" s="3">
        <f t="shared" si="48"/>
        <v>0.32000000000000006</v>
      </c>
      <c r="AF340" s="4">
        <f t="shared" si="55"/>
        <v>0</v>
      </c>
      <c r="AG340" s="3">
        <f t="shared" si="52"/>
        <v>8.032</v>
      </c>
      <c r="AH340" s="4">
        <f t="shared" si="53"/>
        <v>0</v>
      </c>
      <c r="AI340" s="3">
        <f t="shared" si="49"/>
        <v>0.31</v>
      </c>
      <c r="AJ340" s="14"/>
      <c r="AK340" s="14"/>
      <c r="AO340" s="12">
        <v>15</v>
      </c>
      <c r="AP340" s="7"/>
      <c r="AQ340" s="7"/>
      <c r="AR340" s="13"/>
    </row>
    <row r="341" spans="1:44">
      <c r="A341" s="3" t="s">
        <v>52</v>
      </c>
      <c r="B341" s="2">
        <v>0.61856481481481485</v>
      </c>
      <c r="C341" s="3">
        <v>103.57</v>
      </c>
      <c r="D341" s="3">
        <v>355.84</v>
      </c>
      <c r="E341" s="3">
        <v>450.34</v>
      </c>
      <c r="F341" s="3">
        <v>562.76</v>
      </c>
      <c r="G341" s="3">
        <v>304.45</v>
      </c>
      <c r="H341" s="3">
        <v>661.08</v>
      </c>
      <c r="I341" s="3">
        <v>107.52</v>
      </c>
      <c r="J341" s="3">
        <v>201.79</v>
      </c>
      <c r="K341" s="3">
        <v>224.98</v>
      </c>
      <c r="L341" s="3">
        <v>250.82</v>
      </c>
      <c r="M341" s="3">
        <v>605.04999999999995</v>
      </c>
      <c r="N341" s="3">
        <v>422.95</v>
      </c>
      <c r="O341" s="3">
        <v>935.6</v>
      </c>
      <c r="P341" s="3">
        <v>851.14</v>
      </c>
      <c r="Q341" s="3">
        <v>2285.56</v>
      </c>
      <c r="R341" s="3">
        <v>2285.56</v>
      </c>
      <c r="S341" s="3">
        <v>48.33</v>
      </c>
      <c r="T341" s="3">
        <v>0.2</v>
      </c>
      <c r="U341" s="3">
        <v>4.95</v>
      </c>
      <c r="V341" s="3">
        <v>0.31</v>
      </c>
      <c r="W341" s="3">
        <v>3.3</v>
      </c>
      <c r="X341" s="3">
        <v>-0.21</v>
      </c>
      <c r="Y341" s="3">
        <v>-0.02</v>
      </c>
      <c r="Z341" s="3">
        <v>0.23</v>
      </c>
      <c r="AA341" s="4">
        <f t="shared" si="54"/>
        <v>0</v>
      </c>
      <c r="AB341" s="4">
        <f t="shared" si="50"/>
        <v>1.6</v>
      </c>
      <c r="AC341" s="3">
        <f t="shared" si="47"/>
        <v>77.328000000000003</v>
      </c>
      <c r="AD341" s="4">
        <f t="shared" si="51"/>
        <v>0</v>
      </c>
      <c r="AE341" s="3">
        <f t="shared" si="48"/>
        <v>0.32000000000000006</v>
      </c>
      <c r="AF341" s="4">
        <f t="shared" si="55"/>
        <v>0</v>
      </c>
      <c r="AG341" s="3">
        <f t="shared" si="52"/>
        <v>7.9200000000000008</v>
      </c>
      <c r="AH341" s="4">
        <f t="shared" si="53"/>
        <v>0</v>
      </c>
      <c r="AI341" s="3">
        <f t="shared" si="49"/>
        <v>0.31</v>
      </c>
      <c r="AJ341" s="14"/>
      <c r="AK341" s="14"/>
      <c r="AO341" s="12">
        <v>15</v>
      </c>
      <c r="AP341" s="7"/>
      <c r="AQ341" s="7"/>
      <c r="AR341" s="13"/>
    </row>
    <row r="342" spans="1:44">
      <c r="A342" s="3" t="s">
        <v>52</v>
      </c>
      <c r="B342" s="2">
        <v>0.61925925925925929</v>
      </c>
      <c r="C342" s="3">
        <v>104.25</v>
      </c>
      <c r="D342" s="3">
        <v>355.2</v>
      </c>
      <c r="E342" s="3">
        <v>448.02</v>
      </c>
      <c r="F342" s="3">
        <v>564.89</v>
      </c>
      <c r="G342" s="3">
        <v>305.02999999999997</v>
      </c>
      <c r="H342" s="3">
        <v>655.24</v>
      </c>
      <c r="I342" s="3">
        <v>106.89</v>
      </c>
      <c r="J342" s="3">
        <v>200.75</v>
      </c>
      <c r="K342" s="3">
        <v>223.69</v>
      </c>
      <c r="L342" s="3">
        <v>249.61</v>
      </c>
      <c r="M342" s="3">
        <v>604.07000000000005</v>
      </c>
      <c r="N342" s="3">
        <v>421.01</v>
      </c>
      <c r="O342" s="3">
        <v>933.09</v>
      </c>
      <c r="P342" s="3">
        <v>851.22</v>
      </c>
      <c r="Q342" s="3">
        <v>2285.5700000000002</v>
      </c>
      <c r="R342" s="3">
        <v>2285.5700000000002</v>
      </c>
      <c r="S342" s="3">
        <v>49.22</v>
      </c>
      <c r="T342" s="3">
        <v>0.21</v>
      </c>
      <c r="U342" s="3">
        <v>5.03</v>
      </c>
      <c r="V342" s="3">
        <v>0.31</v>
      </c>
      <c r="W342" s="3">
        <v>3.29</v>
      </c>
      <c r="X342" s="3">
        <v>-0.21</v>
      </c>
      <c r="Y342" s="3">
        <v>-0.03</v>
      </c>
      <c r="Z342" s="3">
        <v>0.24</v>
      </c>
      <c r="AA342" s="4">
        <f t="shared" si="54"/>
        <v>0</v>
      </c>
      <c r="AB342" s="4">
        <f t="shared" si="50"/>
        <v>1.6</v>
      </c>
      <c r="AC342" s="3">
        <f t="shared" si="47"/>
        <v>78.75200000000001</v>
      </c>
      <c r="AD342" s="4">
        <f t="shared" si="51"/>
        <v>0</v>
      </c>
      <c r="AE342" s="3">
        <f t="shared" si="48"/>
        <v>0.33600000000000002</v>
      </c>
      <c r="AF342" s="4">
        <f t="shared" si="55"/>
        <v>0</v>
      </c>
      <c r="AG342" s="3">
        <f t="shared" si="52"/>
        <v>8.048</v>
      </c>
      <c r="AH342" s="4">
        <f t="shared" si="53"/>
        <v>0</v>
      </c>
      <c r="AI342" s="3">
        <f t="shared" si="49"/>
        <v>0.31</v>
      </c>
      <c r="AJ342" s="14"/>
      <c r="AK342" s="14"/>
      <c r="AO342" s="12">
        <v>15</v>
      </c>
      <c r="AP342" s="7"/>
      <c r="AQ342" s="7"/>
      <c r="AR342" s="13"/>
    </row>
    <row r="343" spans="1:44">
      <c r="A343" s="3" t="s">
        <v>52</v>
      </c>
      <c r="B343" s="2">
        <v>0.61995370370370373</v>
      </c>
      <c r="C343" s="3">
        <v>103.25</v>
      </c>
      <c r="D343" s="3">
        <v>350.1</v>
      </c>
      <c r="E343" s="3">
        <v>448.44</v>
      </c>
      <c r="F343" s="3">
        <v>590.94000000000005</v>
      </c>
      <c r="G343" s="3">
        <v>301.3</v>
      </c>
      <c r="H343" s="3">
        <v>640.73</v>
      </c>
      <c r="I343" s="3">
        <v>106.19</v>
      </c>
      <c r="J343" s="3">
        <v>199.71</v>
      </c>
      <c r="K343" s="3">
        <v>222.5</v>
      </c>
      <c r="L343" s="3">
        <v>248.39</v>
      </c>
      <c r="M343" s="3">
        <v>604.48</v>
      </c>
      <c r="N343" s="3">
        <v>418.97</v>
      </c>
      <c r="O343" s="3">
        <v>933</v>
      </c>
      <c r="P343" s="3">
        <v>856.59</v>
      </c>
      <c r="Q343" s="3">
        <v>2285.5700000000002</v>
      </c>
      <c r="R343" s="3">
        <v>2285.5700000000002</v>
      </c>
      <c r="S343" s="3">
        <v>49.37</v>
      </c>
      <c r="T343" s="3">
        <v>0.22</v>
      </c>
      <c r="U343" s="3">
        <v>5.18</v>
      </c>
      <c r="V343" s="3">
        <v>0.33</v>
      </c>
      <c r="W343" s="3">
        <v>3.33</v>
      </c>
      <c r="X343" s="3">
        <v>-0.22</v>
      </c>
      <c r="Y343" s="3">
        <v>-0.03</v>
      </c>
      <c r="Z343" s="3">
        <v>0.25</v>
      </c>
      <c r="AA343" s="4">
        <f t="shared" si="54"/>
        <v>0</v>
      </c>
      <c r="AB343" s="4">
        <f t="shared" si="50"/>
        <v>1.6</v>
      </c>
      <c r="AC343" s="3">
        <f t="shared" si="47"/>
        <v>78.992000000000004</v>
      </c>
      <c r="AD343" s="4">
        <f t="shared" si="51"/>
        <v>0</v>
      </c>
      <c r="AE343" s="3">
        <f t="shared" si="48"/>
        <v>0.35200000000000004</v>
      </c>
      <c r="AF343" s="4">
        <f t="shared" si="55"/>
        <v>0</v>
      </c>
      <c r="AG343" s="3">
        <f t="shared" si="52"/>
        <v>8.2880000000000003</v>
      </c>
      <c r="AH343" s="4">
        <f t="shared" si="53"/>
        <v>0</v>
      </c>
      <c r="AI343" s="3">
        <f t="shared" si="49"/>
        <v>0.33</v>
      </c>
      <c r="AJ343" s="14"/>
      <c r="AK343" s="14"/>
      <c r="AO343" s="12">
        <v>15</v>
      </c>
      <c r="AP343" s="7"/>
      <c r="AQ343" s="7"/>
      <c r="AR343" s="13"/>
    </row>
    <row r="344" spans="1:44">
      <c r="A344" s="3" t="s">
        <v>52</v>
      </c>
      <c r="B344" s="2">
        <v>0.62064814814814817</v>
      </c>
      <c r="C344" s="3">
        <v>101.38</v>
      </c>
      <c r="D344" s="3">
        <v>343.87</v>
      </c>
      <c r="E344" s="3">
        <v>450.27</v>
      </c>
      <c r="F344" s="3">
        <v>587.12</v>
      </c>
      <c r="G344" s="3">
        <v>295.98</v>
      </c>
      <c r="H344" s="3">
        <v>627.32000000000005</v>
      </c>
      <c r="I344" s="3">
        <v>105.53</v>
      </c>
      <c r="J344" s="3">
        <v>198.69</v>
      </c>
      <c r="K344" s="3">
        <v>221.41</v>
      </c>
      <c r="L344" s="3">
        <v>247.2</v>
      </c>
      <c r="M344" s="3">
        <v>603.13</v>
      </c>
      <c r="N344" s="3">
        <v>417.03</v>
      </c>
      <c r="O344" s="3">
        <v>931.96</v>
      </c>
      <c r="P344" s="3">
        <v>856.72</v>
      </c>
      <c r="Q344" s="3">
        <v>2285.5700000000002</v>
      </c>
      <c r="R344" s="3">
        <v>2285.5700000000002</v>
      </c>
      <c r="S344" s="3">
        <v>49.93</v>
      </c>
      <c r="T344" s="3">
        <v>0.23</v>
      </c>
      <c r="U344" s="3">
        <v>5.32</v>
      </c>
      <c r="V344" s="3">
        <v>0.32</v>
      </c>
      <c r="W344" s="3">
        <v>3.4</v>
      </c>
      <c r="X344" s="3">
        <v>-0.27</v>
      </c>
      <c r="Y344" s="3">
        <v>-0.03</v>
      </c>
      <c r="Z344" s="3">
        <v>0.28000000000000003</v>
      </c>
      <c r="AA344" s="4">
        <f t="shared" si="54"/>
        <v>0</v>
      </c>
      <c r="AB344" s="4">
        <f t="shared" si="50"/>
        <v>1.6</v>
      </c>
      <c r="AC344" s="3">
        <f t="shared" si="47"/>
        <v>79.888000000000005</v>
      </c>
      <c r="AD344" s="4">
        <f t="shared" si="51"/>
        <v>0</v>
      </c>
      <c r="AE344" s="3">
        <f t="shared" si="48"/>
        <v>0.36800000000000005</v>
      </c>
      <c r="AF344" s="4">
        <f t="shared" si="55"/>
        <v>0</v>
      </c>
      <c r="AG344" s="3">
        <f t="shared" si="52"/>
        <v>8.5120000000000005</v>
      </c>
      <c r="AH344" s="4">
        <f t="shared" si="53"/>
        <v>0</v>
      </c>
      <c r="AI344" s="3">
        <f t="shared" si="49"/>
        <v>0.32</v>
      </c>
      <c r="AJ344" s="14"/>
      <c r="AK344" s="14"/>
      <c r="AO344" s="12">
        <v>15</v>
      </c>
      <c r="AP344" s="7"/>
      <c r="AQ344" s="7"/>
      <c r="AR344" s="13"/>
    </row>
    <row r="345" spans="1:44">
      <c r="A345" s="3" t="s">
        <v>52</v>
      </c>
      <c r="B345" s="2">
        <v>0.62134259259259261</v>
      </c>
      <c r="C345" s="3">
        <v>99.74</v>
      </c>
      <c r="D345" s="3">
        <v>337.85</v>
      </c>
      <c r="E345" s="3">
        <v>448.95</v>
      </c>
      <c r="F345" s="3">
        <v>569.63</v>
      </c>
      <c r="G345" s="3">
        <v>294.43</v>
      </c>
      <c r="H345" s="3">
        <v>630.42999999999995</v>
      </c>
      <c r="I345" s="3">
        <v>104.88</v>
      </c>
      <c r="J345" s="3">
        <v>197.66</v>
      </c>
      <c r="K345" s="3">
        <v>220.09</v>
      </c>
      <c r="L345" s="3">
        <v>246.02</v>
      </c>
      <c r="M345" s="3">
        <v>602.91</v>
      </c>
      <c r="N345" s="3">
        <v>415.08</v>
      </c>
      <c r="O345" s="3">
        <v>932.44</v>
      </c>
      <c r="P345" s="3">
        <v>855.17</v>
      </c>
      <c r="Q345" s="3">
        <v>2285.58</v>
      </c>
      <c r="R345" s="3">
        <v>2285.58</v>
      </c>
      <c r="S345" s="3">
        <v>49.2</v>
      </c>
      <c r="T345" s="3">
        <v>0.2</v>
      </c>
      <c r="U345" s="3">
        <v>5.2</v>
      </c>
      <c r="V345" s="3">
        <v>0.28999999999999998</v>
      </c>
      <c r="W345" s="3">
        <v>3.45</v>
      </c>
      <c r="X345" s="3">
        <v>-0.25</v>
      </c>
      <c r="Y345" s="3">
        <v>-0.03</v>
      </c>
      <c r="Z345" s="3">
        <v>0.27</v>
      </c>
      <c r="AA345" s="4">
        <f t="shared" si="54"/>
        <v>0</v>
      </c>
      <c r="AB345" s="4">
        <f t="shared" si="50"/>
        <v>1.6</v>
      </c>
      <c r="AC345" s="3">
        <f t="shared" si="47"/>
        <v>78.720000000000013</v>
      </c>
      <c r="AD345" s="4">
        <f t="shared" si="51"/>
        <v>0</v>
      </c>
      <c r="AE345" s="3">
        <f t="shared" si="48"/>
        <v>0.32000000000000006</v>
      </c>
      <c r="AF345" s="4">
        <f t="shared" si="55"/>
        <v>0</v>
      </c>
      <c r="AG345" s="3">
        <f t="shared" si="52"/>
        <v>8.32</v>
      </c>
      <c r="AH345" s="4">
        <f t="shared" si="53"/>
        <v>0</v>
      </c>
      <c r="AI345" s="3">
        <f t="shared" si="49"/>
        <v>0.28999999999999998</v>
      </c>
      <c r="AJ345" s="14"/>
      <c r="AK345" s="14"/>
      <c r="AO345" s="12">
        <v>15</v>
      </c>
      <c r="AP345" s="7"/>
      <c r="AQ345" s="7"/>
      <c r="AR345" s="13"/>
    </row>
    <row r="346" spans="1:44">
      <c r="A346" s="3" t="s">
        <v>52</v>
      </c>
      <c r="B346" s="2">
        <v>0.62203703703703705</v>
      </c>
      <c r="C346" s="3">
        <v>100.05</v>
      </c>
      <c r="D346" s="3">
        <v>339.19</v>
      </c>
      <c r="E346" s="3">
        <v>449.09</v>
      </c>
      <c r="F346" s="3">
        <v>591.55999999999995</v>
      </c>
      <c r="G346" s="3">
        <v>297.64999999999998</v>
      </c>
      <c r="H346" s="3">
        <v>645.37</v>
      </c>
      <c r="I346" s="3">
        <v>104.21</v>
      </c>
      <c r="J346" s="3">
        <v>196.64</v>
      </c>
      <c r="K346" s="3">
        <v>219</v>
      </c>
      <c r="L346" s="3">
        <v>244.83</v>
      </c>
      <c r="M346" s="3">
        <v>602.89</v>
      </c>
      <c r="N346" s="3">
        <v>413.13</v>
      </c>
      <c r="O346" s="3">
        <v>937.18</v>
      </c>
      <c r="P346" s="3">
        <v>853.2</v>
      </c>
      <c r="Q346" s="3">
        <v>2285.59</v>
      </c>
      <c r="R346" s="3">
        <v>2285.59</v>
      </c>
      <c r="S346" s="3">
        <v>48.1</v>
      </c>
      <c r="T346" s="3">
        <v>0.2</v>
      </c>
      <c r="U346" s="3">
        <v>4.96</v>
      </c>
      <c r="V346" s="3">
        <v>0.27</v>
      </c>
      <c r="W346" s="3">
        <v>3.37</v>
      </c>
      <c r="X346" s="3">
        <v>-0.28000000000000003</v>
      </c>
      <c r="Y346" s="3">
        <v>-0.04</v>
      </c>
      <c r="Z346" s="3">
        <v>0.28000000000000003</v>
      </c>
      <c r="AA346" s="4">
        <f t="shared" si="54"/>
        <v>0</v>
      </c>
      <c r="AB346" s="4">
        <f t="shared" si="50"/>
        <v>1.6</v>
      </c>
      <c r="AC346" s="3">
        <f t="shared" si="47"/>
        <v>76.960000000000008</v>
      </c>
      <c r="AD346" s="4">
        <f t="shared" si="51"/>
        <v>0</v>
      </c>
      <c r="AE346" s="3">
        <f t="shared" si="48"/>
        <v>0.32000000000000006</v>
      </c>
      <c r="AF346" s="4">
        <f t="shared" si="55"/>
        <v>0</v>
      </c>
      <c r="AG346" s="3">
        <f t="shared" si="52"/>
        <v>7.9359999999999999</v>
      </c>
      <c r="AH346" s="4">
        <f t="shared" si="53"/>
        <v>0</v>
      </c>
      <c r="AI346" s="3">
        <f t="shared" si="49"/>
        <v>0.27</v>
      </c>
      <c r="AJ346" s="14"/>
      <c r="AK346" s="14"/>
      <c r="AO346" s="12">
        <v>15</v>
      </c>
      <c r="AP346" s="7"/>
      <c r="AQ346" s="7"/>
      <c r="AR346" s="13"/>
    </row>
    <row r="347" spans="1:44">
      <c r="A347" s="3" t="s">
        <v>52</v>
      </c>
      <c r="B347" s="2">
        <v>0.62274305555555554</v>
      </c>
      <c r="C347" s="3">
        <v>102.09</v>
      </c>
      <c r="D347" s="3">
        <v>349.15</v>
      </c>
      <c r="E347" s="3">
        <v>451.35</v>
      </c>
      <c r="F347" s="3">
        <v>583.63</v>
      </c>
      <c r="G347" s="3">
        <v>303.13</v>
      </c>
      <c r="H347" s="3">
        <v>659.88</v>
      </c>
      <c r="I347" s="3">
        <v>103.55</v>
      </c>
      <c r="J347" s="3">
        <v>195.66</v>
      </c>
      <c r="K347" s="3">
        <v>217.76</v>
      </c>
      <c r="L347" s="3">
        <v>243.66</v>
      </c>
      <c r="M347" s="3">
        <v>601.26</v>
      </c>
      <c r="N347" s="3">
        <v>411.21</v>
      </c>
      <c r="O347" s="3">
        <v>935.14</v>
      </c>
      <c r="P347" s="3">
        <v>851.27</v>
      </c>
      <c r="Q347" s="3">
        <v>2285.61</v>
      </c>
      <c r="R347" s="3">
        <v>2285.61</v>
      </c>
      <c r="S347" s="3">
        <v>47.89</v>
      </c>
      <c r="T347" s="3">
        <v>0.19</v>
      </c>
      <c r="U347" s="3">
        <v>5.04</v>
      </c>
      <c r="V347" s="3">
        <v>0.3</v>
      </c>
      <c r="W347" s="3">
        <v>3.54</v>
      </c>
      <c r="X347" s="3">
        <v>-0.23</v>
      </c>
      <c r="Y347" s="3">
        <v>-0.04</v>
      </c>
      <c r="Z347" s="3">
        <v>0.26</v>
      </c>
      <c r="AA347" s="4">
        <f t="shared" si="54"/>
        <v>0</v>
      </c>
      <c r="AB347" s="4">
        <f t="shared" si="50"/>
        <v>1.6</v>
      </c>
      <c r="AC347" s="3">
        <f t="shared" si="47"/>
        <v>76.624000000000009</v>
      </c>
      <c r="AD347" s="4">
        <f t="shared" si="51"/>
        <v>0</v>
      </c>
      <c r="AE347" s="3">
        <f t="shared" si="48"/>
        <v>0.30400000000000005</v>
      </c>
      <c r="AF347" s="4">
        <f t="shared" si="55"/>
        <v>0</v>
      </c>
      <c r="AG347" s="3">
        <f t="shared" si="52"/>
        <v>8.0640000000000001</v>
      </c>
      <c r="AH347" s="4">
        <f t="shared" si="53"/>
        <v>0</v>
      </c>
      <c r="AI347" s="3">
        <f t="shared" si="49"/>
        <v>0.3</v>
      </c>
      <c r="AJ347" s="14"/>
      <c r="AK347" s="14"/>
      <c r="AO347" s="12">
        <v>15</v>
      </c>
      <c r="AP347" s="7"/>
      <c r="AQ347" s="7"/>
      <c r="AR347" s="13"/>
    </row>
    <row r="348" spans="1:44">
      <c r="A348" s="3" t="s">
        <v>52</v>
      </c>
      <c r="B348" s="2">
        <v>0.62343749999999998</v>
      </c>
      <c r="C348" s="3">
        <v>102.93</v>
      </c>
      <c r="D348" s="3">
        <v>351.41</v>
      </c>
      <c r="E348" s="3">
        <v>449.74</v>
      </c>
      <c r="F348" s="3">
        <v>552.17999999999995</v>
      </c>
      <c r="G348" s="3">
        <v>304.70999999999998</v>
      </c>
      <c r="H348" s="3">
        <v>657.77</v>
      </c>
      <c r="I348" s="3">
        <v>102.91</v>
      </c>
      <c r="J348" s="3">
        <v>194.66</v>
      </c>
      <c r="K348" s="3">
        <v>216.6</v>
      </c>
      <c r="L348" s="3">
        <v>242.51</v>
      </c>
      <c r="M348" s="3">
        <v>601.30999999999995</v>
      </c>
      <c r="N348" s="3">
        <v>409.36</v>
      </c>
      <c r="O348" s="3">
        <v>934.66</v>
      </c>
      <c r="P348" s="3">
        <v>850.95</v>
      </c>
      <c r="Q348" s="3">
        <v>2285.63</v>
      </c>
      <c r="R348" s="3">
        <v>2285.63</v>
      </c>
      <c r="S348" s="3">
        <v>48.97</v>
      </c>
      <c r="T348" s="3">
        <v>0.17</v>
      </c>
      <c r="U348" s="3">
        <v>5.04</v>
      </c>
      <c r="V348" s="3">
        <v>0.28999999999999998</v>
      </c>
      <c r="W348" s="3">
        <v>3.49</v>
      </c>
      <c r="X348" s="3">
        <v>-0.21</v>
      </c>
      <c r="Y348" s="3">
        <v>-0.04</v>
      </c>
      <c r="Z348" s="3">
        <v>0.25</v>
      </c>
      <c r="AA348" s="4">
        <f t="shared" si="54"/>
        <v>0</v>
      </c>
      <c r="AB348" s="4">
        <f t="shared" si="50"/>
        <v>1.6</v>
      </c>
      <c r="AC348" s="3">
        <f t="shared" si="47"/>
        <v>78.352000000000004</v>
      </c>
      <c r="AD348" s="4">
        <f t="shared" si="51"/>
        <v>0</v>
      </c>
      <c r="AE348" s="3">
        <f t="shared" si="48"/>
        <v>0.27200000000000002</v>
      </c>
      <c r="AF348" s="4">
        <f t="shared" si="55"/>
        <v>0</v>
      </c>
      <c r="AG348" s="3">
        <f t="shared" si="52"/>
        <v>8.0640000000000001</v>
      </c>
      <c r="AH348" s="4">
        <f t="shared" si="53"/>
        <v>0</v>
      </c>
      <c r="AI348" s="3">
        <f t="shared" si="49"/>
        <v>0.28999999999999998</v>
      </c>
      <c r="AJ348" s="14"/>
      <c r="AK348" s="14"/>
      <c r="AO348" s="12">
        <v>15</v>
      </c>
      <c r="AP348" s="7"/>
      <c r="AQ348" s="7"/>
      <c r="AR348" s="13"/>
    </row>
    <row r="349" spans="1:44">
      <c r="A349" s="3" t="s">
        <v>52</v>
      </c>
      <c r="B349" s="2">
        <v>0.62413194444444442</v>
      </c>
      <c r="C349" s="3">
        <v>102.22</v>
      </c>
      <c r="D349" s="3">
        <v>347.41</v>
      </c>
      <c r="E349" s="3">
        <v>447.11</v>
      </c>
      <c r="F349" s="3">
        <v>566.01</v>
      </c>
      <c r="G349" s="3">
        <v>301.61</v>
      </c>
      <c r="H349" s="3">
        <v>644.30999999999995</v>
      </c>
      <c r="I349" s="3">
        <v>102.29</v>
      </c>
      <c r="J349" s="3">
        <v>193.67</v>
      </c>
      <c r="K349" s="3">
        <v>215.41</v>
      </c>
      <c r="L349" s="3">
        <v>241.35</v>
      </c>
      <c r="M349" s="3">
        <v>600.49</v>
      </c>
      <c r="N349" s="3">
        <v>408.06</v>
      </c>
      <c r="O349" s="3">
        <v>936.54</v>
      </c>
      <c r="P349" s="3">
        <v>856.55</v>
      </c>
      <c r="Q349" s="3">
        <v>2285.64</v>
      </c>
      <c r="R349" s="3">
        <v>2285.64</v>
      </c>
      <c r="S349" s="3">
        <v>48.08</v>
      </c>
      <c r="T349" s="3">
        <v>0.18</v>
      </c>
      <c r="U349" s="3">
        <v>4.99</v>
      </c>
      <c r="V349" s="3">
        <v>0.28999999999999998</v>
      </c>
      <c r="W349" s="3">
        <v>3.4</v>
      </c>
      <c r="X349" s="3">
        <v>-0.21</v>
      </c>
      <c r="Y349" s="3">
        <v>-0.05</v>
      </c>
      <c r="Z349" s="3">
        <v>0.25</v>
      </c>
      <c r="AA349" s="4">
        <f t="shared" si="54"/>
        <v>0</v>
      </c>
      <c r="AB349" s="4">
        <f t="shared" si="50"/>
        <v>1.6</v>
      </c>
      <c r="AC349" s="3">
        <f t="shared" si="47"/>
        <v>76.927999999999997</v>
      </c>
      <c r="AD349" s="4">
        <f t="shared" si="51"/>
        <v>0</v>
      </c>
      <c r="AE349" s="3">
        <f t="shared" si="48"/>
        <v>0.28799999999999998</v>
      </c>
      <c r="AF349" s="4">
        <f t="shared" si="55"/>
        <v>0</v>
      </c>
      <c r="AG349" s="3">
        <f t="shared" si="52"/>
        <v>7.9840000000000009</v>
      </c>
      <c r="AH349" s="4">
        <f t="shared" si="53"/>
        <v>0</v>
      </c>
      <c r="AI349" s="3">
        <f t="shared" si="49"/>
        <v>0.28999999999999998</v>
      </c>
      <c r="AJ349" s="14"/>
      <c r="AK349" s="14"/>
      <c r="AO349" s="12">
        <v>15</v>
      </c>
      <c r="AP349" s="7"/>
      <c r="AQ349" s="7"/>
      <c r="AR349" s="13"/>
    </row>
    <row r="350" spans="1:44">
      <c r="A350" s="3" t="s">
        <v>52</v>
      </c>
      <c r="B350" s="2">
        <v>0.62482638888888886</v>
      </c>
      <c r="C350" s="3">
        <v>100.56</v>
      </c>
      <c r="D350" s="3">
        <v>341.57</v>
      </c>
      <c r="E350" s="3">
        <v>445.06</v>
      </c>
      <c r="F350" s="3">
        <v>549.09</v>
      </c>
      <c r="G350" s="3">
        <v>296.45999999999998</v>
      </c>
      <c r="H350" s="3">
        <v>630.41999999999996</v>
      </c>
      <c r="I350" s="3">
        <v>101.71</v>
      </c>
      <c r="J350" s="3">
        <v>192.61</v>
      </c>
      <c r="K350" s="3">
        <v>214.2</v>
      </c>
      <c r="L350" s="3">
        <v>240.2</v>
      </c>
      <c r="M350" s="3">
        <v>600.58000000000004</v>
      </c>
      <c r="N350" s="3">
        <v>408.92</v>
      </c>
      <c r="O350" s="3">
        <v>937.18</v>
      </c>
      <c r="P350" s="3">
        <v>856.98</v>
      </c>
      <c r="Q350" s="3">
        <v>2285.65</v>
      </c>
      <c r="R350" s="3">
        <v>2285.65</v>
      </c>
      <c r="S350" s="3">
        <v>47.97</v>
      </c>
      <c r="T350" s="3">
        <v>0.18</v>
      </c>
      <c r="U350" s="3">
        <v>4.96</v>
      </c>
      <c r="V350" s="3">
        <v>0.28999999999999998</v>
      </c>
      <c r="W350" s="3">
        <v>3.48</v>
      </c>
      <c r="X350" s="3">
        <v>-0.21</v>
      </c>
      <c r="Y350" s="3">
        <v>-0.05</v>
      </c>
      <c r="Z350" s="3">
        <v>0.25</v>
      </c>
      <c r="AA350" s="4">
        <f t="shared" si="54"/>
        <v>0</v>
      </c>
      <c r="AB350" s="4">
        <f t="shared" si="50"/>
        <v>1.6</v>
      </c>
      <c r="AC350" s="3">
        <f t="shared" si="47"/>
        <v>76.75200000000001</v>
      </c>
      <c r="AD350" s="4">
        <f t="shared" si="51"/>
        <v>0</v>
      </c>
      <c r="AE350" s="3">
        <f t="shared" si="48"/>
        <v>0.28799999999999998</v>
      </c>
      <c r="AF350" s="4">
        <f t="shared" si="55"/>
        <v>0</v>
      </c>
      <c r="AG350" s="3">
        <f t="shared" si="52"/>
        <v>7.9359999999999999</v>
      </c>
      <c r="AH350" s="4">
        <f t="shared" si="53"/>
        <v>0</v>
      </c>
      <c r="AI350" s="3">
        <f t="shared" si="49"/>
        <v>0.28999999999999998</v>
      </c>
      <c r="AJ350" s="14"/>
      <c r="AK350" s="14"/>
      <c r="AO350" s="12">
        <v>15</v>
      </c>
      <c r="AP350" s="7"/>
      <c r="AQ350" s="7"/>
      <c r="AR350" s="13"/>
    </row>
    <row r="351" spans="1:44">
      <c r="A351" s="3" t="s">
        <v>52</v>
      </c>
      <c r="B351" s="2">
        <v>0.6255208333333333</v>
      </c>
      <c r="C351" s="3">
        <v>99.36</v>
      </c>
      <c r="D351" s="3">
        <v>336.88</v>
      </c>
      <c r="E351" s="3">
        <v>439.97</v>
      </c>
      <c r="F351" s="3">
        <v>520.52</v>
      </c>
      <c r="G351" s="3">
        <v>294.7</v>
      </c>
      <c r="H351" s="3">
        <v>632.16999999999996</v>
      </c>
      <c r="I351" s="3">
        <v>101.11</v>
      </c>
      <c r="J351" s="3">
        <v>191.55</v>
      </c>
      <c r="K351" s="3">
        <v>213.09</v>
      </c>
      <c r="L351" s="3">
        <v>239.06</v>
      </c>
      <c r="M351" s="3">
        <v>600.36</v>
      </c>
      <c r="N351" s="3">
        <v>413.23</v>
      </c>
      <c r="O351" s="3">
        <v>935.99</v>
      </c>
      <c r="P351" s="3">
        <v>855.62</v>
      </c>
      <c r="Q351" s="3">
        <v>2285.67</v>
      </c>
      <c r="R351" s="3">
        <v>2285.67</v>
      </c>
      <c r="S351" s="3">
        <v>48.83</v>
      </c>
      <c r="T351" s="3">
        <v>0.16</v>
      </c>
      <c r="U351" s="3">
        <v>5.18</v>
      </c>
      <c r="V351" s="3">
        <v>0.26</v>
      </c>
      <c r="W351" s="3">
        <v>3.64</v>
      </c>
      <c r="X351" s="3">
        <v>-0.21</v>
      </c>
      <c r="Y351" s="3">
        <v>-0.05</v>
      </c>
      <c r="Z351" s="3">
        <v>0.26</v>
      </c>
      <c r="AA351" s="4">
        <f t="shared" si="54"/>
        <v>0</v>
      </c>
      <c r="AB351" s="4">
        <f t="shared" si="50"/>
        <v>1.6</v>
      </c>
      <c r="AC351" s="3">
        <f t="shared" si="47"/>
        <v>78.128</v>
      </c>
      <c r="AD351" s="4">
        <f t="shared" si="51"/>
        <v>0</v>
      </c>
      <c r="AE351" s="3">
        <f t="shared" si="48"/>
        <v>0.25600000000000001</v>
      </c>
      <c r="AF351" s="4">
        <f t="shared" si="55"/>
        <v>0</v>
      </c>
      <c r="AG351" s="3">
        <f t="shared" si="52"/>
        <v>8.2880000000000003</v>
      </c>
      <c r="AH351" s="4">
        <f t="shared" si="53"/>
        <v>0</v>
      </c>
      <c r="AI351" s="3">
        <f t="shared" si="49"/>
        <v>0.26</v>
      </c>
      <c r="AJ351" s="14"/>
      <c r="AK351" s="14"/>
      <c r="AO351" s="12">
        <v>15</v>
      </c>
      <c r="AP351" s="7"/>
      <c r="AQ351" s="7"/>
      <c r="AR351" s="13"/>
    </row>
    <row r="352" spans="1:44">
      <c r="A352" s="3" t="s">
        <v>52</v>
      </c>
      <c r="B352" s="2">
        <v>0.62621527777777775</v>
      </c>
      <c r="C352" s="3">
        <v>100.7</v>
      </c>
      <c r="D352" s="3">
        <v>343.35</v>
      </c>
      <c r="E352" s="3">
        <v>433.35</v>
      </c>
      <c r="F352" s="3">
        <v>497.99</v>
      </c>
      <c r="G352" s="3">
        <v>298.04000000000002</v>
      </c>
      <c r="H352" s="3">
        <v>646.82000000000005</v>
      </c>
      <c r="I352" s="3">
        <v>100.55</v>
      </c>
      <c r="J352" s="3">
        <v>190.52</v>
      </c>
      <c r="K352" s="3">
        <v>211.98</v>
      </c>
      <c r="L352" s="3">
        <v>237.93</v>
      </c>
      <c r="M352" s="3">
        <v>601.92999999999995</v>
      </c>
      <c r="N352" s="3">
        <v>419.24</v>
      </c>
      <c r="O352" s="3">
        <v>938.89</v>
      </c>
      <c r="P352" s="3">
        <v>853.82</v>
      </c>
      <c r="Q352" s="3">
        <v>2285.6799999999998</v>
      </c>
      <c r="R352" s="3">
        <v>2285.6799999999998</v>
      </c>
      <c r="S352" s="3">
        <v>47.6</v>
      </c>
      <c r="T352" s="3">
        <v>0.16</v>
      </c>
      <c r="U352" s="3">
        <v>5.0199999999999996</v>
      </c>
      <c r="V352" s="3">
        <v>0.26</v>
      </c>
      <c r="W352" s="3">
        <v>3.58</v>
      </c>
      <c r="X352" s="3">
        <v>-0.21</v>
      </c>
      <c r="Y352" s="3">
        <v>-0.06</v>
      </c>
      <c r="Z352" s="3">
        <v>0.26</v>
      </c>
      <c r="AA352" s="4">
        <f t="shared" si="54"/>
        <v>0</v>
      </c>
      <c r="AB352" s="4">
        <f t="shared" si="50"/>
        <v>1.6</v>
      </c>
      <c r="AC352" s="3">
        <f t="shared" si="47"/>
        <v>76.160000000000011</v>
      </c>
      <c r="AD352" s="4">
        <f t="shared" si="51"/>
        <v>0</v>
      </c>
      <c r="AE352" s="3">
        <f t="shared" si="48"/>
        <v>0.25600000000000001</v>
      </c>
      <c r="AF352" s="4">
        <f t="shared" si="55"/>
        <v>0</v>
      </c>
      <c r="AG352" s="3">
        <f t="shared" si="52"/>
        <v>8.032</v>
      </c>
      <c r="AH352" s="4">
        <f t="shared" si="53"/>
        <v>0</v>
      </c>
      <c r="AI352" s="3">
        <f t="shared" si="49"/>
        <v>0.26</v>
      </c>
      <c r="AJ352" s="14"/>
      <c r="AK352" s="14"/>
      <c r="AO352" s="12">
        <v>15</v>
      </c>
      <c r="AP352" s="7"/>
      <c r="AQ352" s="7"/>
      <c r="AR352" s="13"/>
    </row>
    <row r="353" spans="1:44">
      <c r="A353" s="3" t="s">
        <v>52</v>
      </c>
      <c r="B353" s="2">
        <v>0.62690972222222219</v>
      </c>
      <c r="C353" s="3">
        <v>103.04</v>
      </c>
      <c r="D353" s="3">
        <v>352.84</v>
      </c>
      <c r="E353" s="3">
        <v>426.45</v>
      </c>
      <c r="F353" s="3">
        <v>479.29</v>
      </c>
      <c r="G353" s="3">
        <v>303.35000000000002</v>
      </c>
      <c r="H353" s="3">
        <v>660.69</v>
      </c>
      <c r="I353" s="3">
        <v>99.97</v>
      </c>
      <c r="J353" s="3">
        <v>189.52</v>
      </c>
      <c r="K353" s="3">
        <v>211.01</v>
      </c>
      <c r="L353" s="3">
        <v>236.81</v>
      </c>
      <c r="M353" s="3">
        <v>603.46</v>
      </c>
      <c r="N353" s="3">
        <v>424.92</v>
      </c>
      <c r="O353" s="3">
        <v>937.91</v>
      </c>
      <c r="P353" s="3">
        <v>851.99</v>
      </c>
      <c r="Q353" s="3">
        <v>2285.69</v>
      </c>
      <c r="R353" s="3">
        <v>2285.69</v>
      </c>
      <c r="S353" s="3">
        <v>47.92</v>
      </c>
      <c r="T353" s="3">
        <v>0.16</v>
      </c>
      <c r="U353" s="3">
        <v>5.0599999999999996</v>
      </c>
      <c r="V353" s="3">
        <v>0.28999999999999998</v>
      </c>
      <c r="W353" s="3">
        <v>3.62</v>
      </c>
      <c r="X353" s="3">
        <v>-0.21</v>
      </c>
      <c r="Y353" s="3">
        <v>-0.06</v>
      </c>
      <c r="Z353" s="3">
        <v>0.26</v>
      </c>
      <c r="AA353" s="4">
        <f t="shared" si="54"/>
        <v>0</v>
      </c>
      <c r="AB353" s="4">
        <f t="shared" si="50"/>
        <v>1.6</v>
      </c>
      <c r="AC353" s="3">
        <f t="shared" si="47"/>
        <v>76.672000000000011</v>
      </c>
      <c r="AD353" s="4">
        <f t="shared" si="51"/>
        <v>0</v>
      </c>
      <c r="AE353" s="3">
        <f t="shared" si="48"/>
        <v>0.25600000000000001</v>
      </c>
      <c r="AF353" s="4">
        <f t="shared" si="55"/>
        <v>0</v>
      </c>
      <c r="AG353" s="3">
        <f t="shared" si="52"/>
        <v>8.0960000000000001</v>
      </c>
      <c r="AH353" s="4">
        <f t="shared" si="53"/>
        <v>0</v>
      </c>
      <c r="AI353" s="3">
        <f t="shared" si="49"/>
        <v>0.28999999999999998</v>
      </c>
      <c r="AJ353" s="14"/>
      <c r="AK353" s="14"/>
      <c r="AO353" s="12">
        <v>15</v>
      </c>
      <c r="AP353" s="7"/>
      <c r="AQ353" s="7"/>
      <c r="AR353" s="13"/>
    </row>
    <row r="354" spans="1:44">
      <c r="A354" s="3" t="s">
        <v>52</v>
      </c>
      <c r="B354" s="2">
        <v>0.62761574074074067</v>
      </c>
      <c r="C354" s="3">
        <v>103.82</v>
      </c>
      <c r="D354" s="3">
        <v>352.66</v>
      </c>
      <c r="E354" s="3">
        <v>419.18</v>
      </c>
      <c r="F354" s="3">
        <v>463.31</v>
      </c>
      <c r="G354" s="3">
        <v>304.45</v>
      </c>
      <c r="H354" s="3">
        <v>657.33</v>
      </c>
      <c r="I354" s="3">
        <v>99.67</v>
      </c>
      <c r="J354" s="3">
        <v>191.37</v>
      </c>
      <c r="K354" s="3">
        <v>210.07</v>
      </c>
      <c r="L354" s="3">
        <v>235.7</v>
      </c>
      <c r="M354" s="3">
        <v>604.09</v>
      </c>
      <c r="N354" s="3">
        <v>425.87</v>
      </c>
      <c r="O354" s="3">
        <v>936.77</v>
      </c>
      <c r="P354" s="3">
        <v>850.31</v>
      </c>
      <c r="Q354" s="3">
        <v>2285.71</v>
      </c>
      <c r="R354" s="3">
        <v>2285.71</v>
      </c>
      <c r="S354" s="3">
        <v>47.47</v>
      </c>
      <c r="T354" s="3">
        <v>0.17</v>
      </c>
      <c r="U354" s="3">
        <v>4.95</v>
      </c>
      <c r="V354" s="3">
        <v>0.28999999999999998</v>
      </c>
      <c r="W354" s="3">
        <v>3.61</v>
      </c>
      <c r="X354" s="3">
        <v>-0.21</v>
      </c>
      <c r="Y354" s="3">
        <v>-0.06</v>
      </c>
      <c r="Z354" s="3">
        <v>0.26</v>
      </c>
      <c r="AA354" s="4">
        <f t="shared" si="54"/>
        <v>0</v>
      </c>
      <c r="AB354" s="4">
        <f t="shared" si="50"/>
        <v>1.6</v>
      </c>
      <c r="AC354" s="3">
        <f t="shared" si="47"/>
        <v>75.951999999999998</v>
      </c>
      <c r="AD354" s="4">
        <f t="shared" si="51"/>
        <v>0</v>
      </c>
      <c r="AE354" s="3">
        <f t="shared" si="48"/>
        <v>0.27200000000000002</v>
      </c>
      <c r="AF354" s="4">
        <f t="shared" si="55"/>
        <v>0</v>
      </c>
      <c r="AG354" s="3">
        <f t="shared" si="52"/>
        <v>7.9200000000000008</v>
      </c>
      <c r="AH354" s="4">
        <f t="shared" si="53"/>
        <v>0</v>
      </c>
      <c r="AI354" s="3">
        <f t="shared" si="49"/>
        <v>0.28999999999999998</v>
      </c>
      <c r="AJ354" s="14"/>
      <c r="AK354" s="14"/>
      <c r="AO354" s="12">
        <v>15</v>
      </c>
      <c r="AP354" s="7"/>
      <c r="AQ354" s="7"/>
      <c r="AR354" s="13"/>
    </row>
    <row r="355" spans="1:44">
      <c r="A355" s="3" t="s">
        <v>52</v>
      </c>
      <c r="B355" s="2">
        <v>0.62831018518518522</v>
      </c>
      <c r="C355" s="3">
        <v>102.94</v>
      </c>
      <c r="D355" s="3">
        <v>347.74</v>
      </c>
      <c r="E355" s="3">
        <v>411.64</v>
      </c>
      <c r="F355" s="3">
        <v>449.37</v>
      </c>
      <c r="G355" s="3">
        <v>301.10000000000002</v>
      </c>
      <c r="H355" s="3">
        <v>643.54999999999995</v>
      </c>
      <c r="I355" s="3">
        <v>100.36</v>
      </c>
      <c r="J355" s="3">
        <v>204.43</v>
      </c>
      <c r="K355" s="3">
        <v>209.29</v>
      </c>
      <c r="L355" s="3">
        <v>234.58</v>
      </c>
      <c r="M355" s="3">
        <v>604.64</v>
      </c>
      <c r="N355" s="3">
        <v>424.21</v>
      </c>
      <c r="O355" s="3">
        <v>937.02</v>
      </c>
      <c r="P355" s="3">
        <v>854.3</v>
      </c>
      <c r="Q355" s="3">
        <v>2285.7199999999998</v>
      </c>
      <c r="R355" s="3">
        <v>2285.7199999999998</v>
      </c>
      <c r="S355" s="3">
        <v>47.55</v>
      </c>
      <c r="T355" s="3">
        <v>0.17</v>
      </c>
      <c r="U355" s="3">
        <v>4.9000000000000004</v>
      </c>
      <c r="V355" s="3">
        <v>0.27</v>
      </c>
      <c r="W355" s="3">
        <v>3.51</v>
      </c>
      <c r="X355" s="3">
        <v>-0.2</v>
      </c>
      <c r="Y355" s="3">
        <v>-7.0000000000000007E-2</v>
      </c>
      <c r="Z355" s="3">
        <v>0.25</v>
      </c>
      <c r="AA355" s="4">
        <f t="shared" si="54"/>
        <v>0</v>
      </c>
      <c r="AB355" s="4">
        <f t="shared" si="50"/>
        <v>1.6</v>
      </c>
      <c r="AC355" s="3">
        <f t="shared" si="47"/>
        <v>76.08</v>
      </c>
      <c r="AD355" s="4">
        <f t="shared" si="51"/>
        <v>0</v>
      </c>
      <c r="AE355" s="3">
        <f t="shared" si="48"/>
        <v>0.27200000000000002</v>
      </c>
      <c r="AF355" s="4">
        <f t="shared" si="55"/>
        <v>0</v>
      </c>
      <c r="AG355" s="3">
        <f t="shared" si="52"/>
        <v>7.8400000000000007</v>
      </c>
      <c r="AH355" s="4">
        <f t="shared" si="53"/>
        <v>0</v>
      </c>
      <c r="AI355" s="3">
        <f t="shared" si="49"/>
        <v>0.27</v>
      </c>
      <c r="AJ355" s="14"/>
      <c r="AK355" s="14"/>
      <c r="AO355" s="12">
        <v>15</v>
      </c>
      <c r="AP355" s="7"/>
      <c r="AQ355" s="7"/>
      <c r="AR355" s="13"/>
    </row>
    <row r="356" spans="1:44">
      <c r="A356" s="3" t="s">
        <v>52</v>
      </c>
      <c r="B356" s="2">
        <v>0.62900462962962966</v>
      </c>
      <c r="C356" s="3">
        <v>101.06</v>
      </c>
      <c r="D356" s="3">
        <v>341.57</v>
      </c>
      <c r="E356" s="3">
        <v>403.93</v>
      </c>
      <c r="F356" s="3">
        <v>436.93</v>
      </c>
      <c r="G356" s="3">
        <v>296.08</v>
      </c>
      <c r="H356" s="3">
        <v>630.54999999999995</v>
      </c>
      <c r="I356" s="3">
        <v>102</v>
      </c>
      <c r="J356" s="3">
        <v>221.04</v>
      </c>
      <c r="K356" s="3">
        <v>208.5</v>
      </c>
      <c r="L356" s="3">
        <v>233.5</v>
      </c>
      <c r="M356" s="3">
        <v>604.13</v>
      </c>
      <c r="N356" s="3">
        <v>421.74</v>
      </c>
      <c r="O356" s="3">
        <v>937.76</v>
      </c>
      <c r="P356" s="3">
        <v>856.82</v>
      </c>
      <c r="Q356" s="3">
        <v>2285.73</v>
      </c>
      <c r="R356" s="3">
        <v>2285.73</v>
      </c>
      <c r="S356" s="3">
        <v>47.77</v>
      </c>
      <c r="T356" s="3">
        <v>0.15</v>
      </c>
      <c r="U356" s="3">
        <v>4.9800000000000004</v>
      </c>
      <c r="V356" s="3">
        <v>0.27</v>
      </c>
      <c r="W356" s="3">
        <v>3.59</v>
      </c>
      <c r="X356" s="3">
        <v>-0.21</v>
      </c>
      <c r="Y356" s="3">
        <v>-7.0000000000000007E-2</v>
      </c>
      <c r="Z356" s="3">
        <v>0.25</v>
      </c>
      <c r="AA356" s="4">
        <f t="shared" si="54"/>
        <v>0</v>
      </c>
      <c r="AB356" s="4">
        <f t="shared" si="50"/>
        <v>1.6</v>
      </c>
      <c r="AC356" s="3">
        <f t="shared" ref="AC356:AC419" si="56">S356*AB356+AA356</f>
        <v>76.432000000000002</v>
      </c>
      <c r="AD356" s="4">
        <f t="shared" si="51"/>
        <v>0</v>
      </c>
      <c r="AE356" s="3">
        <f t="shared" ref="AE356:AE419" si="57">T356*AB356+AD356</f>
        <v>0.24</v>
      </c>
      <c r="AF356" s="4">
        <f t="shared" si="55"/>
        <v>0</v>
      </c>
      <c r="AG356" s="3">
        <f t="shared" si="52"/>
        <v>7.9680000000000009</v>
      </c>
      <c r="AH356" s="4">
        <f t="shared" si="53"/>
        <v>0</v>
      </c>
      <c r="AI356" s="3">
        <f t="shared" ref="AI356:AI419" si="58">AH356*AB356+V356</f>
        <v>0.27</v>
      </c>
      <c r="AJ356" s="14"/>
      <c r="AK356" s="14"/>
      <c r="AO356" s="12">
        <v>15</v>
      </c>
      <c r="AP356" s="7"/>
      <c r="AQ356" s="7"/>
      <c r="AR356" s="13"/>
    </row>
    <row r="357" spans="1:44">
      <c r="A357" s="3" t="s">
        <v>52</v>
      </c>
      <c r="B357" s="2">
        <v>0.62969907407407411</v>
      </c>
      <c r="C357" s="3">
        <v>99.56</v>
      </c>
      <c r="D357" s="3">
        <v>335.77</v>
      </c>
      <c r="E357" s="3">
        <v>396.97</v>
      </c>
      <c r="F357" s="3">
        <v>438.93</v>
      </c>
      <c r="G357" s="3">
        <v>294.68</v>
      </c>
      <c r="H357" s="3">
        <v>633.85</v>
      </c>
      <c r="I357" s="3">
        <v>103.72</v>
      </c>
      <c r="J357" s="3">
        <v>229.02</v>
      </c>
      <c r="K357" s="3">
        <v>207.81</v>
      </c>
      <c r="L357" s="3">
        <v>232.41</v>
      </c>
      <c r="M357" s="3">
        <v>604.63</v>
      </c>
      <c r="N357" s="3">
        <v>419.07</v>
      </c>
      <c r="O357" s="3">
        <v>940.32</v>
      </c>
      <c r="P357" s="3">
        <v>855.95</v>
      </c>
      <c r="Q357" s="3">
        <v>2285.7399999999998</v>
      </c>
      <c r="R357" s="3">
        <v>2285.7399999999998</v>
      </c>
      <c r="S357" s="3">
        <v>47.34</v>
      </c>
      <c r="T357" s="3">
        <v>0.14000000000000001</v>
      </c>
      <c r="U357" s="3">
        <v>5.01</v>
      </c>
      <c r="V357" s="3">
        <v>0.26</v>
      </c>
      <c r="W357" s="3">
        <v>3.63</v>
      </c>
      <c r="X357" s="3">
        <v>-0.21</v>
      </c>
      <c r="Y357" s="3">
        <v>-7.0000000000000007E-2</v>
      </c>
      <c r="Z357" s="3">
        <v>0.26</v>
      </c>
      <c r="AA357" s="4">
        <f t="shared" si="54"/>
        <v>0</v>
      </c>
      <c r="AB357" s="4">
        <f t="shared" si="50"/>
        <v>1.6</v>
      </c>
      <c r="AC357" s="3">
        <f t="shared" si="56"/>
        <v>75.744000000000014</v>
      </c>
      <c r="AD357" s="4">
        <f t="shared" si="51"/>
        <v>0</v>
      </c>
      <c r="AE357" s="3">
        <f t="shared" si="57"/>
        <v>0.22400000000000003</v>
      </c>
      <c r="AF357" s="4">
        <f t="shared" si="55"/>
        <v>0</v>
      </c>
      <c r="AG357" s="3">
        <f t="shared" si="52"/>
        <v>8.016</v>
      </c>
      <c r="AH357" s="4">
        <f t="shared" si="53"/>
        <v>0</v>
      </c>
      <c r="AI357" s="3">
        <f t="shared" si="58"/>
        <v>0.26</v>
      </c>
      <c r="AJ357" s="14"/>
      <c r="AK357" s="14"/>
      <c r="AO357" s="12">
        <v>15</v>
      </c>
      <c r="AP357" s="7"/>
      <c r="AQ357" s="7"/>
      <c r="AR357" s="13"/>
    </row>
    <row r="358" spans="1:44">
      <c r="A358" s="3" t="s">
        <v>52</v>
      </c>
      <c r="B358" s="2">
        <v>0.63039351851851855</v>
      </c>
      <c r="C358" s="3">
        <v>100.12</v>
      </c>
      <c r="D358" s="3">
        <v>338.8</v>
      </c>
      <c r="E358" s="3">
        <v>394.4</v>
      </c>
      <c r="F358" s="3">
        <v>480.55</v>
      </c>
      <c r="G358" s="3">
        <v>297.93</v>
      </c>
      <c r="H358" s="3">
        <v>648.23</v>
      </c>
      <c r="I358" s="3">
        <v>105.3</v>
      </c>
      <c r="J358" s="3">
        <v>230.79</v>
      </c>
      <c r="K358" s="3">
        <v>207.07</v>
      </c>
      <c r="L358" s="3">
        <v>231.35</v>
      </c>
      <c r="M358" s="3">
        <v>604.42999999999995</v>
      </c>
      <c r="N358" s="3">
        <v>416.43</v>
      </c>
      <c r="O358" s="3">
        <v>941.43</v>
      </c>
      <c r="P358" s="3">
        <v>854.43</v>
      </c>
      <c r="Q358" s="3">
        <v>2285.7399999999998</v>
      </c>
      <c r="R358" s="3">
        <v>2285.7399999999998</v>
      </c>
      <c r="S358" s="3">
        <v>46.92</v>
      </c>
      <c r="T358" s="3">
        <v>0.13</v>
      </c>
      <c r="U358" s="3">
        <v>4.93</v>
      </c>
      <c r="V358" s="3">
        <v>0.25</v>
      </c>
      <c r="W358" s="3">
        <v>3.7</v>
      </c>
      <c r="X358" s="3">
        <v>-0.22</v>
      </c>
      <c r="Y358" s="3">
        <v>-0.08</v>
      </c>
      <c r="Z358" s="3">
        <v>0.27</v>
      </c>
      <c r="AA358" s="4">
        <f t="shared" si="54"/>
        <v>0</v>
      </c>
      <c r="AB358" s="4">
        <f t="shared" si="50"/>
        <v>1.6</v>
      </c>
      <c r="AC358" s="3">
        <f t="shared" si="56"/>
        <v>75.072000000000003</v>
      </c>
      <c r="AD358" s="4">
        <f t="shared" si="51"/>
        <v>0</v>
      </c>
      <c r="AE358" s="3">
        <f t="shared" si="57"/>
        <v>0.20800000000000002</v>
      </c>
      <c r="AF358" s="4">
        <f t="shared" si="55"/>
        <v>0</v>
      </c>
      <c r="AG358" s="3">
        <f t="shared" si="52"/>
        <v>7.8879999999999999</v>
      </c>
      <c r="AH358" s="4">
        <f t="shared" si="53"/>
        <v>0</v>
      </c>
      <c r="AI358" s="3">
        <f t="shared" si="58"/>
        <v>0.25</v>
      </c>
      <c r="AJ358" s="14"/>
      <c r="AK358" s="14"/>
      <c r="AO358" s="12">
        <v>15</v>
      </c>
      <c r="AP358" s="7"/>
      <c r="AQ358" s="7"/>
      <c r="AR358" s="13"/>
    </row>
    <row r="359" spans="1:44">
      <c r="A359" s="3" t="s">
        <v>52</v>
      </c>
      <c r="B359" s="2">
        <v>0.63108796296296299</v>
      </c>
      <c r="C359" s="3">
        <v>102.3</v>
      </c>
      <c r="D359" s="3">
        <v>348.98</v>
      </c>
      <c r="E359" s="3">
        <v>397.49</v>
      </c>
      <c r="F359" s="3">
        <v>519.08000000000004</v>
      </c>
      <c r="G359" s="3">
        <v>302.70999999999998</v>
      </c>
      <c r="H359" s="3">
        <v>660.4</v>
      </c>
      <c r="I359" s="3">
        <v>106.71</v>
      </c>
      <c r="J359" s="3">
        <v>229.97</v>
      </c>
      <c r="K359" s="3">
        <v>206.45</v>
      </c>
      <c r="L359" s="3">
        <v>230.31</v>
      </c>
      <c r="M359" s="3">
        <v>603.91</v>
      </c>
      <c r="N359" s="3">
        <v>413.84</v>
      </c>
      <c r="O359" s="3">
        <v>941.24</v>
      </c>
      <c r="P359" s="3">
        <v>852.78</v>
      </c>
      <c r="Q359" s="3">
        <v>2285.77</v>
      </c>
      <c r="R359" s="3">
        <v>2285.77</v>
      </c>
      <c r="S359" s="3">
        <v>47.51</v>
      </c>
      <c r="T359" s="3">
        <v>0.13</v>
      </c>
      <c r="U359" s="3">
        <v>5.0999999999999996</v>
      </c>
      <c r="V359" s="3">
        <v>0.24</v>
      </c>
      <c r="W359" s="3">
        <v>3.82</v>
      </c>
      <c r="X359" s="3">
        <v>-0.22</v>
      </c>
      <c r="Y359" s="3">
        <v>-7.0000000000000007E-2</v>
      </c>
      <c r="Z359" s="3">
        <v>0.28999999999999998</v>
      </c>
      <c r="AA359" s="4">
        <f t="shared" si="54"/>
        <v>0</v>
      </c>
      <c r="AB359" s="4">
        <f t="shared" si="50"/>
        <v>1.6</v>
      </c>
      <c r="AC359" s="3">
        <f t="shared" si="56"/>
        <v>76.016000000000005</v>
      </c>
      <c r="AD359" s="4">
        <f t="shared" si="51"/>
        <v>0</v>
      </c>
      <c r="AE359" s="3">
        <f t="shared" si="57"/>
        <v>0.20800000000000002</v>
      </c>
      <c r="AF359" s="4">
        <f t="shared" si="55"/>
        <v>0</v>
      </c>
      <c r="AG359" s="3">
        <f t="shared" si="52"/>
        <v>8.16</v>
      </c>
      <c r="AH359" s="4">
        <f t="shared" si="53"/>
        <v>0</v>
      </c>
      <c r="AI359" s="3">
        <f t="shared" si="58"/>
        <v>0.24</v>
      </c>
      <c r="AJ359" s="14"/>
      <c r="AK359" s="14"/>
      <c r="AO359" s="12">
        <v>15</v>
      </c>
      <c r="AP359" s="7"/>
      <c r="AQ359" s="7"/>
      <c r="AR359" s="13"/>
    </row>
    <row r="360" spans="1:44">
      <c r="A360" s="3" t="s">
        <v>52</v>
      </c>
      <c r="B360" s="2">
        <v>0.63178240740740743</v>
      </c>
      <c r="C360" s="3">
        <v>103.1</v>
      </c>
      <c r="D360" s="3">
        <v>350.52</v>
      </c>
      <c r="E360" s="3">
        <v>403.1</v>
      </c>
      <c r="F360" s="3">
        <v>524.58000000000004</v>
      </c>
      <c r="G360" s="3">
        <v>303.2</v>
      </c>
      <c r="H360" s="3">
        <v>655.41</v>
      </c>
      <c r="I360" s="3">
        <v>107.85</v>
      </c>
      <c r="J360" s="3">
        <v>228.1</v>
      </c>
      <c r="K360" s="3">
        <v>205.69</v>
      </c>
      <c r="L360" s="3">
        <v>229.28</v>
      </c>
      <c r="M360" s="3">
        <v>603.88</v>
      </c>
      <c r="N360" s="3">
        <v>411.35</v>
      </c>
      <c r="O360" s="3">
        <v>937.67</v>
      </c>
      <c r="P360" s="3">
        <v>851.12</v>
      </c>
      <c r="Q360" s="3">
        <v>2285.77</v>
      </c>
      <c r="R360" s="3">
        <v>2285.77</v>
      </c>
      <c r="S360" s="3">
        <v>46.96</v>
      </c>
      <c r="T360" s="3">
        <v>0.09</v>
      </c>
      <c r="U360" s="3">
        <v>5.67</v>
      </c>
      <c r="V360" s="3">
        <v>0.2</v>
      </c>
      <c r="W360" s="3">
        <v>3.76</v>
      </c>
      <c r="X360" s="3">
        <v>-0.21</v>
      </c>
      <c r="Y360" s="3">
        <v>-7.0000000000000007E-2</v>
      </c>
      <c r="Z360" s="3">
        <v>0.27</v>
      </c>
      <c r="AA360" s="4">
        <f t="shared" si="54"/>
        <v>0</v>
      </c>
      <c r="AB360" s="4">
        <f t="shared" si="50"/>
        <v>1.6</v>
      </c>
      <c r="AC360" s="3">
        <f t="shared" si="56"/>
        <v>75.13600000000001</v>
      </c>
      <c r="AD360" s="4">
        <f t="shared" si="51"/>
        <v>0</v>
      </c>
      <c r="AE360" s="3">
        <f t="shared" si="57"/>
        <v>0.14399999999999999</v>
      </c>
      <c r="AF360" s="4">
        <f t="shared" si="55"/>
        <v>0</v>
      </c>
      <c r="AG360" s="3">
        <f t="shared" si="52"/>
        <v>9.072000000000001</v>
      </c>
      <c r="AH360" s="4">
        <f t="shared" si="53"/>
        <v>0</v>
      </c>
      <c r="AI360" s="3">
        <f t="shared" si="58"/>
        <v>0.2</v>
      </c>
      <c r="AJ360" s="14"/>
      <c r="AK360" s="14"/>
      <c r="AO360" s="12">
        <v>15</v>
      </c>
      <c r="AP360" s="7"/>
      <c r="AQ360" s="7"/>
      <c r="AR360" s="13"/>
    </row>
    <row r="361" spans="1:44">
      <c r="A361" s="3" t="s">
        <v>52</v>
      </c>
      <c r="B361" s="2">
        <v>0.63247685185185187</v>
      </c>
      <c r="C361" s="3">
        <v>102.14</v>
      </c>
      <c r="D361" s="3">
        <v>346.21</v>
      </c>
      <c r="E361" s="3">
        <v>404.97</v>
      </c>
      <c r="F361" s="3">
        <v>494.84</v>
      </c>
      <c r="G361" s="3">
        <v>299.57</v>
      </c>
      <c r="H361" s="3">
        <v>641.38</v>
      </c>
      <c r="I361" s="3">
        <v>108.71</v>
      </c>
      <c r="J361" s="3">
        <v>225.85</v>
      </c>
      <c r="K361" s="3">
        <v>205.25</v>
      </c>
      <c r="L361" s="3">
        <v>228.28</v>
      </c>
      <c r="M361" s="3">
        <v>604.11</v>
      </c>
      <c r="N361" s="3">
        <v>408.89</v>
      </c>
      <c r="O361" s="3">
        <v>938.11</v>
      </c>
      <c r="P361" s="3">
        <v>850.94</v>
      </c>
      <c r="Q361" s="3">
        <v>2285.8000000000002</v>
      </c>
      <c r="R361" s="3">
        <v>2285.8000000000002</v>
      </c>
      <c r="S361" s="3">
        <v>46.12</v>
      </c>
      <c r="T361" s="3">
        <v>0.02</v>
      </c>
      <c r="U361" s="3">
        <v>6.35</v>
      </c>
      <c r="V361" s="3">
        <v>0.17</v>
      </c>
      <c r="W361" s="3">
        <v>3.8</v>
      </c>
      <c r="X361" s="3">
        <v>-0.22</v>
      </c>
      <c r="Y361" s="3">
        <v>-7.0000000000000007E-2</v>
      </c>
      <c r="Z361" s="3">
        <v>0.28000000000000003</v>
      </c>
      <c r="AA361" s="4">
        <f t="shared" si="54"/>
        <v>0</v>
      </c>
      <c r="AB361" s="4">
        <f t="shared" si="50"/>
        <v>1.6</v>
      </c>
      <c r="AC361" s="3">
        <f t="shared" si="56"/>
        <v>73.792000000000002</v>
      </c>
      <c r="AD361" s="4">
        <f t="shared" si="51"/>
        <v>0</v>
      </c>
      <c r="AE361" s="3">
        <f t="shared" si="57"/>
        <v>3.2000000000000001E-2</v>
      </c>
      <c r="AF361" s="4">
        <f t="shared" si="55"/>
        <v>0</v>
      </c>
      <c r="AG361" s="3">
        <f t="shared" si="52"/>
        <v>10.16</v>
      </c>
      <c r="AH361" s="4">
        <f t="shared" si="53"/>
        <v>0</v>
      </c>
      <c r="AI361" s="3">
        <f t="shared" si="58"/>
        <v>0.17</v>
      </c>
      <c r="AJ361" s="14"/>
      <c r="AK361" s="14"/>
      <c r="AO361" s="12">
        <v>15</v>
      </c>
      <c r="AP361" s="7"/>
      <c r="AQ361" s="7"/>
      <c r="AR361" s="13"/>
    </row>
    <row r="362" spans="1:44">
      <c r="A362" s="3" t="s">
        <v>52</v>
      </c>
      <c r="B362" s="2">
        <v>0.63318287037037035</v>
      </c>
      <c r="C362" s="3">
        <v>100.7</v>
      </c>
      <c r="D362" s="3">
        <v>340.23</v>
      </c>
      <c r="E362" s="3">
        <v>403</v>
      </c>
      <c r="F362" s="3">
        <v>472.48</v>
      </c>
      <c r="G362" s="3">
        <v>295.69</v>
      </c>
      <c r="H362" s="3">
        <v>632.37</v>
      </c>
      <c r="I362" s="3">
        <v>109.36</v>
      </c>
      <c r="J362" s="3">
        <v>223.47</v>
      </c>
      <c r="K362" s="3">
        <v>204.78</v>
      </c>
      <c r="L362" s="3">
        <v>227.28</v>
      </c>
      <c r="M362" s="3">
        <v>604.27</v>
      </c>
      <c r="N362" s="3">
        <v>406.61</v>
      </c>
      <c r="O362" s="3">
        <v>936.93</v>
      </c>
      <c r="P362" s="3">
        <v>856.23</v>
      </c>
      <c r="Q362" s="3">
        <v>2285.8000000000002</v>
      </c>
      <c r="R362" s="3">
        <v>2285.8000000000002</v>
      </c>
      <c r="S362" s="3">
        <v>45.68</v>
      </c>
      <c r="T362" s="3">
        <v>7.0000000000000007E-2</v>
      </c>
      <c r="U362" s="3">
        <v>5.21</v>
      </c>
      <c r="V362" s="3">
        <v>0.19</v>
      </c>
      <c r="W362" s="3">
        <v>3.93</v>
      </c>
      <c r="X362" s="3">
        <v>-0.22</v>
      </c>
      <c r="Y362" s="3">
        <v>-7.0000000000000007E-2</v>
      </c>
      <c r="Z362" s="3">
        <v>0.28000000000000003</v>
      </c>
      <c r="AA362" s="4">
        <f t="shared" si="54"/>
        <v>0</v>
      </c>
      <c r="AB362" s="4">
        <f t="shared" si="50"/>
        <v>1.6</v>
      </c>
      <c r="AC362" s="3">
        <f t="shared" si="56"/>
        <v>73.088000000000008</v>
      </c>
      <c r="AD362" s="4">
        <f t="shared" si="51"/>
        <v>0</v>
      </c>
      <c r="AE362" s="3">
        <f t="shared" si="57"/>
        <v>0.11200000000000002</v>
      </c>
      <c r="AF362" s="4">
        <f t="shared" si="55"/>
        <v>0</v>
      </c>
      <c r="AG362" s="3">
        <f t="shared" si="52"/>
        <v>8.3360000000000003</v>
      </c>
      <c r="AH362" s="4">
        <f t="shared" si="53"/>
        <v>0</v>
      </c>
      <c r="AI362" s="3">
        <f t="shared" si="58"/>
        <v>0.19</v>
      </c>
      <c r="AJ362" s="14"/>
      <c r="AK362" s="14"/>
      <c r="AO362" s="12">
        <v>15</v>
      </c>
      <c r="AP362" s="7"/>
      <c r="AQ362" s="7"/>
      <c r="AR362" s="13"/>
    </row>
    <row r="363" spans="1:44">
      <c r="A363" s="3" t="s">
        <v>52</v>
      </c>
      <c r="B363" s="2">
        <v>0.6338773148148148</v>
      </c>
      <c r="C363" s="3">
        <v>99.43</v>
      </c>
      <c r="D363" s="3">
        <v>334.61</v>
      </c>
      <c r="E363" s="3">
        <v>399.36</v>
      </c>
      <c r="F363" s="3">
        <v>459.98</v>
      </c>
      <c r="G363" s="3">
        <v>296.14999999999998</v>
      </c>
      <c r="H363" s="3">
        <v>640.66999999999996</v>
      </c>
      <c r="I363" s="3">
        <v>109.79</v>
      </c>
      <c r="J363" s="3">
        <v>221.13</v>
      </c>
      <c r="K363" s="3">
        <v>204.19</v>
      </c>
      <c r="L363" s="3">
        <v>226.32</v>
      </c>
      <c r="M363" s="3">
        <v>603.73</v>
      </c>
      <c r="N363" s="3">
        <v>404.34</v>
      </c>
      <c r="O363" s="3">
        <v>937.85</v>
      </c>
      <c r="P363" s="3">
        <v>856.62</v>
      </c>
      <c r="Q363" s="3">
        <v>2285.81</v>
      </c>
      <c r="R363" s="3">
        <v>2285.81</v>
      </c>
      <c r="S363" s="3">
        <v>45.58</v>
      </c>
      <c r="T363" s="3">
        <v>0.13</v>
      </c>
      <c r="U363" s="3">
        <v>4.57</v>
      </c>
      <c r="V363" s="3">
        <v>0.24</v>
      </c>
      <c r="W363" s="3">
        <v>3.96</v>
      </c>
      <c r="X363" s="3">
        <v>-0.22</v>
      </c>
      <c r="Y363" s="3">
        <v>-7.0000000000000007E-2</v>
      </c>
      <c r="Z363" s="3">
        <v>0.28999999999999998</v>
      </c>
      <c r="AA363" s="4">
        <f t="shared" si="54"/>
        <v>0</v>
      </c>
      <c r="AB363" s="4">
        <f t="shared" si="50"/>
        <v>1.6</v>
      </c>
      <c r="AC363" s="3">
        <f t="shared" si="56"/>
        <v>72.927999999999997</v>
      </c>
      <c r="AD363" s="4">
        <f t="shared" si="51"/>
        <v>0</v>
      </c>
      <c r="AE363" s="3">
        <f t="shared" si="57"/>
        <v>0.20800000000000002</v>
      </c>
      <c r="AF363" s="4">
        <f t="shared" si="55"/>
        <v>0</v>
      </c>
      <c r="AG363" s="3">
        <f t="shared" si="52"/>
        <v>7.3120000000000012</v>
      </c>
      <c r="AH363" s="4">
        <f t="shared" si="53"/>
        <v>0</v>
      </c>
      <c r="AI363" s="3">
        <f t="shared" si="58"/>
        <v>0.24</v>
      </c>
      <c r="AJ363" s="14"/>
      <c r="AK363" s="14"/>
      <c r="AO363" s="12">
        <v>15</v>
      </c>
      <c r="AP363" s="7"/>
      <c r="AQ363" s="7"/>
      <c r="AR363" s="13"/>
    </row>
    <row r="364" spans="1:44">
      <c r="A364" s="3" t="s">
        <v>52</v>
      </c>
      <c r="B364" s="2">
        <v>0.63457175925925924</v>
      </c>
      <c r="C364" s="3">
        <v>100.25</v>
      </c>
      <c r="D364" s="3">
        <v>338.01</v>
      </c>
      <c r="E364" s="3">
        <v>397.87</v>
      </c>
      <c r="F364" s="3">
        <v>490.55</v>
      </c>
      <c r="G364" s="3">
        <v>300.43</v>
      </c>
      <c r="H364" s="3">
        <v>655.75</v>
      </c>
      <c r="I364" s="3">
        <v>110.22</v>
      </c>
      <c r="J364" s="3">
        <v>218.85</v>
      </c>
      <c r="K364" s="3">
        <v>203.51</v>
      </c>
      <c r="L364" s="3">
        <v>225.36</v>
      </c>
      <c r="M364" s="3">
        <v>603.99</v>
      </c>
      <c r="N364" s="3">
        <v>402.19</v>
      </c>
      <c r="O364" s="3">
        <v>937.83</v>
      </c>
      <c r="P364" s="3">
        <v>855.24</v>
      </c>
      <c r="Q364" s="3">
        <v>2285.81</v>
      </c>
      <c r="R364" s="3">
        <v>2285.81</v>
      </c>
      <c r="S364" s="3">
        <v>45.11</v>
      </c>
      <c r="T364" s="3">
        <v>0.12</v>
      </c>
      <c r="U364" s="3">
        <v>4.47</v>
      </c>
      <c r="V364" s="3">
        <v>0.24</v>
      </c>
      <c r="W364" s="3">
        <v>3.94</v>
      </c>
      <c r="X364" s="3">
        <v>-0.22</v>
      </c>
      <c r="Y364" s="3">
        <v>-7.0000000000000007E-2</v>
      </c>
      <c r="Z364" s="3">
        <v>0.28999999999999998</v>
      </c>
      <c r="AA364" s="4">
        <f t="shared" si="54"/>
        <v>0</v>
      </c>
      <c r="AB364" s="4">
        <f t="shared" si="50"/>
        <v>1.6</v>
      </c>
      <c r="AC364" s="3">
        <f t="shared" si="56"/>
        <v>72.176000000000002</v>
      </c>
      <c r="AD364" s="4">
        <f t="shared" si="51"/>
        <v>0</v>
      </c>
      <c r="AE364" s="3">
        <f t="shared" si="57"/>
        <v>0.192</v>
      </c>
      <c r="AF364" s="4">
        <f t="shared" si="55"/>
        <v>0</v>
      </c>
      <c r="AG364" s="3">
        <f t="shared" si="52"/>
        <v>7.1520000000000001</v>
      </c>
      <c r="AH364" s="4">
        <f t="shared" si="53"/>
        <v>0</v>
      </c>
      <c r="AI364" s="3">
        <f t="shared" si="58"/>
        <v>0.24</v>
      </c>
      <c r="AJ364" s="14"/>
      <c r="AK364" s="14"/>
      <c r="AO364" s="12">
        <v>15</v>
      </c>
      <c r="AP364" s="7"/>
      <c r="AQ364" s="7"/>
      <c r="AR364" s="13"/>
    </row>
    <row r="365" spans="1:44">
      <c r="A365" s="3" t="s">
        <v>52</v>
      </c>
      <c r="B365" s="2">
        <v>0.63526620370370368</v>
      </c>
      <c r="C365" s="3">
        <v>102.18</v>
      </c>
      <c r="D365" s="3">
        <v>348.62</v>
      </c>
      <c r="E365" s="3">
        <v>401.05</v>
      </c>
      <c r="F365" s="3">
        <v>518.46</v>
      </c>
      <c r="G365" s="3">
        <v>303.20999999999998</v>
      </c>
      <c r="H365" s="3">
        <v>659.86</v>
      </c>
      <c r="I365" s="3">
        <v>110.5</v>
      </c>
      <c r="J365" s="3">
        <v>216.67</v>
      </c>
      <c r="K365" s="3">
        <v>202.87</v>
      </c>
      <c r="L365" s="3">
        <v>224.43</v>
      </c>
      <c r="M365" s="3">
        <v>603.83000000000004</v>
      </c>
      <c r="N365" s="3">
        <v>400.04</v>
      </c>
      <c r="O365" s="3">
        <v>936.71</v>
      </c>
      <c r="P365" s="3">
        <v>853.5</v>
      </c>
      <c r="Q365" s="3">
        <v>2285.84</v>
      </c>
      <c r="R365" s="3">
        <v>2285.84</v>
      </c>
      <c r="S365" s="3">
        <v>45.06</v>
      </c>
      <c r="T365" s="3">
        <v>0.14000000000000001</v>
      </c>
      <c r="U365" s="3">
        <v>4.54</v>
      </c>
      <c r="V365" s="3">
        <v>0.26</v>
      </c>
      <c r="W365" s="3">
        <v>4.04</v>
      </c>
      <c r="X365" s="3">
        <v>-0.22</v>
      </c>
      <c r="Y365" s="3">
        <v>-7.0000000000000007E-2</v>
      </c>
      <c r="Z365" s="3">
        <v>0.28999999999999998</v>
      </c>
      <c r="AA365" s="4">
        <f t="shared" si="54"/>
        <v>0</v>
      </c>
      <c r="AB365" s="4">
        <f t="shared" si="50"/>
        <v>1.6</v>
      </c>
      <c r="AC365" s="3">
        <f t="shared" si="56"/>
        <v>72.096000000000004</v>
      </c>
      <c r="AD365" s="4">
        <f t="shared" si="51"/>
        <v>0</v>
      </c>
      <c r="AE365" s="3">
        <f t="shared" si="57"/>
        <v>0.22400000000000003</v>
      </c>
      <c r="AF365" s="4">
        <f t="shared" si="55"/>
        <v>0</v>
      </c>
      <c r="AG365" s="3">
        <f t="shared" si="52"/>
        <v>7.2640000000000002</v>
      </c>
      <c r="AH365" s="4">
        <f t="shared" si="53"/>
        <v>0</v>
      </c>
      <c r="AI365" s="3">
        <f t="shared" si="58"/>
        <v>0.26</v>
      </c>
      <c r="AJ365" s="14"/>
      <c r="AK365" s="14"/>
      <c r="AO365" s="12">
        <v>15</v>
      </c>
      <c r="AP365" s="7"/>
      <c r="AQ365" s="7"/>
      <c r="AR365" s="13"/>
    </row>
    <row r="366" spans="1:44">
      <c r="A366" s="3" t="s">
        <v>52</v>
      </c>
      <c r="B366" s="2">
        <v>0.63596064814814812</v>
      </c>
      <c r="C366" s="3">
        <v>102.7</v>
      </c>
      <c r="D366" s="3">
        <v>350.45</v>
      </c>
      <c r="E366" s="3">
        <v>403.31</v>
      </c>
      <c r="F366" s="3">
        <v>496.03</v>
      </c>
      <c r="G366" s="3">
        <v>301.45999999999998</v>
      </c>
      <c r="H366" s="3">
        <v>648.9</v>
      </c>
      <c r="I366" s="3">
        <v>110.6</v>
      </c>
      <c r="J366" s="3">
        <v>214.57</v>
      </c>
      <c r="K366" s="3">
        <v>202.3</v>
      </c>
      <c r="L366" s="3">
        <v>223.52</v>
      </c>
      <c r="M366" s="3">
        <v>602.85</v>
      </c>
      <c r="N366" s="3">
        <v>397.97</v>
      </c>
      <c r="O366" s="3">
        <v>936.44</v>
      </c>
      <c r="P366" s="3">
        <v>851.66</v>
      </c>
      <c r="Q366" s="3">
        <v>2285.85</v>
      </c>
      <c r="R366" s="3">
        <v>2285.85</v>
      </c>
      <c r="S366" s="3">
        <v>44.88</v>
      </c>
      <c r="T366" s="3">
        <v>0.13</v>
      </c>
      <c r="U366" s="3">
        <v>4.46</v>
      </c>
      <c r="V366" s="3">
        <v>0.25</v>
      </c>
      <c r="W366" s="3">
        <v>4.09</v>
      </c>
      <c r="X366" s="3">
        <v>-0.21</v>
      </c>
      <c r="Y366" s="3">
        <v>-7.0000000000000007E-2</v>
      </c>
      <c r="Z366" s="3">
        <v>0.28999999999999998</v>
      </c>
      <c r="AA366" s="4">
        <f t="shared" si="54"/>
        <v>0</v>
      </c>
      <c r="AB366" s="4">
        <f t="shared" si="50"/>
        <v>1.6</v>
      </c>
      <c r="AC366" s="3">
        <f t="shared" si="56"/>
        <v>71.808000000000007</v>
      </c>
      <c r="AD366" s="4">
        <f t="shared" si="51"/>
        <v>0</v>
      </c>
      <c r="AE366" s="3">
        <f t="shared" si="57"/>
        <v>0.20800000000000002</v>
      </c>
      <c r="AF366" s="4">
        <f t="shared" si="55"/>
        <v>0</v>
      </c>
      <c r="AG366" s="3">
        <f t="shared" si="52"/>
        <v>7.1360000000000001</v>
      </c>
      <c r="AH366" s="4">
        <f t="shared" si="53"/>
        <v>0</v>
      </c>
      <c r="AI366" s="3">
        <f t="shared" si="58"/>
        <v>0.25</v>
      </c>
      <c r="AJ366" s="14"/>
      <c r="AK366" s="14"/>
      <c r="AO366" s="12">
        <v>15</v>
      </c>
      <c r="AP366" s="7"/>
      <c r="AQ366" s="7"/>
      <c r="AR366" s="13"/>
    </row>
    <row r="367" spans="1:44">
      <c r="A367" s="3" t="s">
        <v>52</v>
      </c>
      <c r="B367" s="2">
        <v>0.63665509259259256</v>
      </c>
      <c r="C367" s="3">
        <v>101.91</v>
      </c>
      <c r="D367" s="3">
        <v>346.23</v>
      </c>
      <c r="E367" s="3">
        <v>401.74</v>
      </c>
      <c r="F367" s="3">
        <v>472.66</v>
      </c>
      <c r="G367" s="3">
        <v>297.10000000000002</v>
      </c>
      <c r="H367" s="3">
        <v>635.16</v>
      </c>
      <c r="I367" s="3">
        <v>110.59</v>
      </c>
      <c r="J367" s="3">
        <v>212.56</v>
      </c>
      <c r="K367" s="3">
        <v>201.57</v>
      </c>
      <c r="L367" s="3">
        <v>222.62</v>
      </c>
      <c r="M367" s="3">
        <v>602.77</v>
      </c>
      <c r="N367" s="3">
        <v>395.96</v>
      </c>
      <c r="O367" s="3">
        <v>936.3</v>
      </c>
      <c r="P367" s="3">
        <v>850.33</v>
      </c>
      <c r="Q367" s="3">
        <v>2285.86</v>
      </c>
      <c r="R367" s="3">
        <v>2285.86</v>
      </c>
      <c r="S367" s="3">
        <v>45.01</v>
      </c>
      <c r="T367" s="3">
        <v>0.12</v>
      </c>
      <c r="U367" s="3">
        <v>4.47</v>
      </c>
      <c r="V367" s="3">
        <v>0.2</v>
      </c>
      <c r="W367" s="3">
        <v>4.04</v>
      </c>
      <c r="X367" s="3">
        <v>-0.25</v>
      </c>
      <c r="Y367" s="3">
        <v>-7.0000000000000007E-2</v>
      </c>
      <c r="Z367" s="3">
        <v>0.31</v>
      </c>
      <c r="AA367" s="4">
        <f t="shared" si="54"/>
        <v>0</v>
      </c>
      <c r="AB367" s="4">
        <f t="shared" ref="AB367:AB430" si="59">AB366</f>
        <v>1.6</v>
      </c>
      <c r="AC367" s="3">
        <f t="shared" si="56"/>
        <v>72.016000000000005</v>
      </c>
      <c r="AD367" s="4">
        <f t="shared" si="51"/>
        <v>0</v>
      </c>
      <c r="AE367" s="3">
        <f t="shared" si="57"/>
        <v>0.192</v>
      </c>
      <c r="AF367" s="4">
        <f t="shared" si="55"/>
        <v>0</v>
      </c>
      <c r="AG367" s="3">
        <f t="shared" si="52"/>
        <v>7.1520000000000001</v>
      </c>
      <c r="AH367" s="4">
        <f t="shared" si="53"/>
        <v>0</v>
      </c>
      <c r="AI367" s="3">
        <f t="shared" si="58"/>
        <v>0.2</v>
      </c>
      <c r="AJ367" s="14"/>
      <c r="AK367" s="14"/>
      <c r="AO367" s="12">
        <v>15</v>
      </c>
      <c r="AP367" s="7"/>
      <c r="AQ367" s="7"/>
      <c r="AR367" s="13"/>
    </row>
    <row r="368" spans="1:44">
      <c r="A368" s="3" t="s">
        <v>52</v>
      </c>
      <c r="B368" s="2">
        <v>0.63734953703703701</v>
      </c>
      <c r="C368" s="3">
        <v>100.8</v>
      </c>
      <c r="D368" s="3">
        <v>340.22</v>
      </c>
      <c r="E368" s="3">
        <v>398.56</v>
      </c>
      <c r="F368" s="3">
        <v>469.46</v>
      </c>
      <c r="G368" s="3">
        <v>295.48</v>
      </c>
      <c r="H368" s="3">
        <v>635.62</v>
      </c>
      <c r="I368" s="3">
        <v>110.46</v>
      </c>
      <c r="J368" s="3">
        <v>210.64</v>
      </c>
      <c r="K368" s="3">
        <v>200.87</v>
      </c>
      <c r="L368" s="3">
        <v>221.73</v>
      </c>
      <c r="M368" s="3">
        <v>601.80999999999995</v>
      </c>
      <c r="N368" s="3">
        <v>393.99</v>
      </c>
      <c r="O368" s="3">
        <v>936.23</v>
      </c>
      <c r="P368" s="3">
        <v>855.88</v>
      </c>
      <c r="Q368" s="3">
        <v>2285.88</v>
      </c>
      <c r="R368" s="3">
        <v>2285.88</v>
      </c>
      <c r="S368" s="3">
        <v>44.9</v>
      </c>
      <c r="T368" s="3">
        <v>0.13</v>
      </c>
      <c r="U368" s="3">
        <v>4.37</v>
      </c>
      <c r="V368" s="3">
        <v>0.2</v>
      </c>
      <c r="W368" s="3">
        <v>3.9</v>
      </c>
      <c r="X368" s="3">
        <v>-0.25</v>
      </c>
      <c r="Y368" s="3">
        <v>-7.0000000000000007E-2</v>
      </c>
      <c r="Z368" s="3">
        <v>0.32</v>
      </c>
      <c r="AA368" s="4">
        <f t="shared" si="54"/>
        <v>0</v>
      </c>
      <c r="AB368" s="4">
        <f t="shared" si="59"/>
        <v>1.6</v>
      </c>
      <c r="AC368" s="3">
        <f t="shared" si="56"/>
        <v>71.84</v>
      </c>
      <c r="AD368" s="4">
        <f t="shared" si="51"/>
        <v>0</v>
      </c>
      <c r="AE368" s="3">
        <f t="shared" si="57"/>
        <v>0.20800000000000002</v>
      </c>
      <c r="AF368" s="4">
        <f t="shared" si="55"/>
        <v>0</v>
      </c>
      <c r="AG368" s="3">
        <f t="shared" si="52"/>
        <v>6.9920000000000009</v>
      </c>
      <c r="AH368" s="4">
        <f t="shared" si="53"/>
        <v>0</v>
      </c>
      <c r="AI368" s="3">
        <f t="shared" si="58"/>
        <v>0.2</v>
      </c>
      <c r="AJ368" s="14"/>
      <c r="AK368" s="14"/>
      <c r="AO368" s="12">
        <v>15</v>
      </c>
      <c r="AP368" s="7"/>
      <c r="AQ368" s="7"/>
      <c r="AR368" s="13"/>
    </row>
    <row r="369" spans="1:44">
      <c r="A369" s="3" t="s">
        <v>52</v>
      </c>
      <c r="B369" s="2">
        <v>0.63804398148148145</v>
      </c>
      <c r="C369" s="3">
        <v>99.76</v>
      </c>
      <c r="D369" s="3">
        <v>334.15</v>
      </c>
      <c r="E369" s="3">
        <v>398.67</v>
      </c>
      <c r="F369" s="3">
        <v>506.69</v>
      </c>
      <c r="G369" s="3">
        <v>298.27</v>
      </c>
      <c r="H369" s="3">
        <v>649.13</v>
      </c>
      <c r="I369" s="3">
        <v>110.19</v>
      </c>
      <c r="J369" s="3">
        <v>208.8</v>
      </c>
      <c r="K369" s="3">
        <v>200.16</v>
      </c>
      <c r="L369" s="3">
        <v>220.88</v>
      </c>
      <c r="M369" s="3">
        <v>601.66</v>
      </c>
      <c r="N369" s="3">
        <v>392.04</v>
      </c>
      <c r="O369" s="3">
        <v>936.17</v>
      </c>
      <c r="P369" s="3">
        <v>857.5</v>
      </c>
      <c r="Q369" s="3">
        <v>2285.9</v>
      </c>
      <c r="R369" s="3">
        <v>2285.9</v>
      </c>
      <c r="S369" s="3">
        <v>44.96</v>
      </c>
      <c r="T369" s="3">
        <v>0.13</v>
      </c>
      <c r="U369" s="3">
        <v>4.42</v>
      </c>
      <c r="V369" s="3">
        <v>0.19</v>
      </c>
      <c r="W369" s="3">
        <v>4.0199999999999996</v>
      </c>
      <c r="X369" s="3">
        <v>-0.22</v>
      </c>
      <c r="Y369" s="3">
        <v>-7.0000000000000007E-2</v>
      </c>
      <c r="Z369" s="3">
        <v>0.3</v>
      </c>
      <c r="AA369" s="4">
        <f t="shared" si="54"/>
        <v>0</v>
      </c>
      <c r="AB369" s="4">
        <f t="shared" si="59"/>
        <v>1.6</v>
      </c>
      <c r="AC369" s="3">
        <f t="shared" si="56"/>
        <v>71.936000000000007</v>
      </c>
      <c r="AD369" s="4">
        <f t="shared" si="51"/>
        <v>0</v>
      </c>
      <c r="AE369" s="3">
        <f t="shared" si="57"/>
        <v>0.20800000000000002</v>
      </c>
      <c r="AF369" s="4">
        <f t="shared" si="55"/>
        <v>0</v>
      </c>
      <c r="AG369" s="3">
        <f t="shared" si="52"/>
        <v>7.0720000000000001</v>
      </c>
      <c r="AH369" s="4">
        <f t="shared" si="53"/>
        <v>0</v>
      </c>
      <c r="AI369" s="3">
        <f t="shared" si="58"/>
        <v>0.19</v>
      </c>
      <c r="AJ369" s="14"/>
      <c r="AK369" s="14"/>
      <c r="AO369" s="12">
        <v>15</v>
      </c>
      <c r="AP369" s="7"/>
      <c r="AQ369" s="7"/>
      <c r="AR369" s="13"/>
    </row>
    <row r="370" spans="1:44">
      <c r="A370" s="3" t="s">
        <v>52</v>
      </c>
      <c r="B370" s="2">
        <v>0.63875000000000004</v>
      </c>
      <c r="C370" s="3">
        <v>99.98</v>
      </c>
      <c r="D370" s="3">
        <v>334.87</v>
      </c>
      <c r="E370" s="3">
        <v>402.36</v>
      </c>
      <c r="F370" s="3">
        <v>515.38</v>
      </c>
      <c r="G370" s="3">
        <v>302.18</v>
      </c>
      <c r="H370" s="3">
        <v>660.56</v>
      </c>
      <c r="I370" s="3">
        <v>109.85</v>
      </c>
      <c r="J370" s="3">
        <v>207.05</v>
      </c>
      <c r="K370" s="3">
        <v>199.67</v>
      </c>
      <c r="L370" s="3">
        <v>221.15</v>
      </c>
      <c r="M370" s="3">
        <v>600.26</v>
      </c>
      <c r="N370" s="3">
        <v>390.17</v>
      </c>
      <c r="O370" s="3">
        <v>936.33</v>
      </c>
      <c r="P370" s="3">
        <v>856.36</v>
      </c>
      <c r="Q370" s="3">
        <v>2285.9299999999998</v>
      </c>
      <c r="R370" s="3">
        <v>2285.9299999999998</v>
      </c>
      <c r="S370" s="3">
        <v>44.92</v>
      </c>
      <c r="T370" s="3">
        <v>0.12</v>
      </c>
      <c r="U370" s="3">
        <v>4.4800000000000004</v>
      </c>
      <c r="V370" s="3">
        <v>0.21</v>
      </c>
      <c r="W370" s="3">
        <v>4.22</v>
      </c>
      <c r="X370" s="3">
        <v>-0.22</v>
      </c>
      <c r="Y370" s="3">
        <v>-7.0000000000000007E-2</v>
      </c>
      <c r="Z370" s="3">
        <v>0.32</v>
      </c>
      <c r="AA370" s="4">
        <f t="shared" si="54"/>
        <v>0</v>
      </c>
      <c r="AB370" s="4">
        <f t="shared" si="59"/>
        <v>1.6</v>
      </c>
      <c r="AC370" s="3">
        <f t="shared" si="56"/>
        <v>71.872</v>
      </c>
      <c r="AD370" s="4">
        <f t="shared" si="51"/>
        <v>0</v>
      </c>
      <c r="AE370" s="3">
        <f t="shared" si="57"/>
        <v>0.192</v>
      </c>
      <c r="AF370" s="4">
        <f t="shared" si="55"/>
        <v>0</v>
      </c>
      <c r="AG370" s="3">
        <f t="shared" si="52"/>
        <v>7.168000000000001</v>
      </c>
      <c r="AH370" s="4">
        <f t="shared" si="53"/>
        <v>0</v>
      </c>
      <c r="AI370" s="3">
        <f t="shared" si="58"/>
        <v>0.21</v>
      </c>
      <c r="AJ370" s="14"/>
      <c r="AK370" s="14"/>
      <c r="AO370" s="12">
        <v>15</v>
      </c>
      <c r="AP370" s="7"/>
      <c r="AQ370" s="7"/>
      <c r="AR370" s="13"/>
    </row>
    <row r="371" spans="1:44">
      <c r="A371" s="3" t="s">
        <v>52</v>
      </c>
      <c r="B371" s="2">
        <v>0.63944444444444448</v>
      </c>
      <c r="C371" s="3">
        <v>101.13</v>
      </c>
      <c r="D371" s="3">
        <v>344.81</v>
      </c>
      <c r="E371" s="3">
        <v>403.48</v>
      </c>
      <c r="F371" s="3">
        <v>487.93</v>
      </c>
      <c r="G371" s="3">
        <v>302.16000000000003</v>
      </c>
      <c r="H371" s="3">
        <v>654.88</v>
      </c>
      <c r="I371" s="3">
        <v>109.57</v>
      </c>
      <c r="J371" s="3">
        <v>205.35</v>
      </c>
      <c r="K371" s="3">
        <v>200</v>
      </c>
      <c r="L371" s="3">
        <v>230.27</v>
      </c>
      <c r="M371" s="3">
        <v>601.17999999999995</v>
      </c>
      <c r="N371" s="3">
        <v>391.29</v>
      </c>
      <c r="O371" s="3">
        <v>937.32</v>
      </c>
      <c r="P371" s="3">
        <v>854.59</v>
      </c>
      <c r="Q371" s="3">
        <v>2285.9499999999998</v>
      </c>
      <c r="R371" s="3">
        <v>2285.9499999999998</v>
      </c>
      <c r="S371" s="3">
        <v>44.28</v>
      </c>
      <c r="T371" s="3">
        <v>0.12</v>
      </c>
      <c r="U371" s="3">
        <v>4.3600000000000003</v>
      </c>
      <c r="V371" s="3">
        <v>0.23</v>
      </c>
      <c r="W371" s="3">
        <v>4.0599999999999996</v>
      </c>
      <c r="X371" s="3">
        <v>-0.22</v>
      </c>
      <c r="Y371" s="3">
        <v>-7.0000000000000007E-2</v>
      </c>
      <c r="Z371" s="3">
        <v>0.3</v>
      </c>
      <c r="AA371" s="4">
        <f t="shared" si="54"/>
        <v>0</v>
      </c>
      <c r="AB371" s="4">
        <f t="shared" si="59"/>
        <v>1.6</v>
      </c>
      <c r="AC371" s="3">
        <f t="shared" si="56"/>
        <v>70.847999999999999</v>
      </c>
      <c r="AD371" s="4">
        <f t="shared" si="51"/>
        <v>0</v>
      </c>
      <c r="AE371" s="3">
        <f t="shared" si="57"/>
        <v>0.192</v>
      </c>
      <c r="AF371" s="4">
        <f t="shared" si="55"/>
        <v>0</v>
      </c>
      <c r="AG371" s="3">
        <f t="shared" si="52"/>
        <v>6.9760000000000009</v>
      </c>
      <c r="AH371" s="4">
        <f t="shared" si="53"/>
        <v>0</v>
      </c>
      <c r="AI371" s="3">
        <f t="shared" si="58"/>
        <v>0.23</v>
      </c>
      <c r="AJ371" s="14"/>
      <c r="AK371" s="14"/>
      <c r="AO371" s="12">
        <v>15</v>
      </c>
      <c r="AP371" s="7"/>
      <c r="AQ371" s="7"/>
      <c r="AR371" s="13"/>
    </row>
    <row r="372" spans="1:44">
      <c r="A372" s="3" t="s">
        <v>52</v>
      </c>
      <c r="B372" s="2">
        <v>0.64013888888888892</v>
      </c>
      <c r="C372" s="3">
        <v>101.58</v>
      </c>
      <c r="D372" s="3">
        <v>347.61</v>
      </c>
      <c r="E372" s="3">
        <v>401.19</v>
      </c>
      <c r="F372" s="3">
        <v>466.66</v>
      </c>
      <c r="G372" s="3">
        <v>298.58</v>
      </c>
      <c r="H372" s="3">
        <v>641.01</v>
      </c>
      <c r="I372" s="3">
        <v>109.44</v>
      </c>
      <c r="J372" s="3">
        <v>203.75</v>
      </c>
      <c r="K372" s="3">
        <v>201.72</v>
      </c>
      <c r="L372" s="3">
        <v>245.45</v>
      </c>
      <c r="M372" s="3">
        <v>601.33000000000004</v>
      </c>
      <c r="N372" s="3">
        <v>395.93</v>
      </c>
      <c r="O372" s="3">
        <v>937.98</v>
      </c>
      <c r="P372" s="3">
        <v>852.63</v>
      </c>
      <c r="Q372" s="3">
        <v>2285.96</v>
      </c>
      <c r="R372" s="3">
        <v>2285.96</v>
      </c>
      <c r="S372" s="3">
        <v>44.39</v>
      </c>
      <c r="T372" s="3">
        <v>0.12</v>
      </c>
      <c r="U372" s="3">
        <v>4.37</v>
      </c>
      <c r="V372" s="3">
        <v>0.23</v>
      </c>
      <c r="W372" s="3">
        <v>4.04</v>
      </c>
      <c r="X372" s="3">
        <v>-0.22</v>
      </c>
      <c r="Y372" s="3">
        <v>-7.0000000000000007E-2</v>
      </c>
      <c r="Z372" s="3">
        <v>0.3</v>
      </c>
      <c r="AA372" s="4">
        <f t="shared" si="54"/>
        <v>0</v>
      </c>
      <c r="AB372" s="4">
        <f t="shared" si="59"/>
        <v>1.6</v>
      </c>
      <c r="AC372" s="3">
        <f t="shared" si="56"/>
        <v>71.024000000000001</v>
      </c>
      <c r="AD372" s="4">
        <f t="shared" si="51"/>
        <v>0</v>
      </c>
      <c r="AE372" s="3">
        <f t="shared" si="57"/>
        <v>0.192</v>
      </c>
      <c r="AF372" s="4">
        <f t="shared" si="55"/>
        <v>0</v>
      </c>
      <c r="AG372" s="3">
        <f t="shared" si="52"/>
        <v>6.9920000000000009</v>
      </c>
      <c r="AH372" s="4">
        <f t="shared" si="53"/>
        <v>0</v>
      </c>
      <c r="AI372" s="3">
        <f t="shared" si="58"/>
        <v>0.23</v>
      </c>
      <c r="AJ372" s="14"/>
      <c r="AK372" s="14"/>
      <c r="AO372" s="12">
        <v>15</v>
      </c>
      <c r="AP372" s="7"/>
      <c r="AQ372" s="7"/>
      <c r="AR372" s="13"/>
    </row>
    <row r="373" spans="1:44">
      <c r="A373" s="3" t="s">
        <v>52</v>
      </c>
      <c r="B373" s="2">
        <v>0.64083333333333337</v>
      </c>
      <c r="C373" s="3">
        <v>101.11</v>
      </c>
      <c r="D373" s="3">
        <v>343.84</v>
      </c>
      <c r="E373" s="3">
        <v>398.09</v>
      </c>
      <c r="F373" s="3">
        <v>474.17</v>
      </c>
      <c r="G373" s="3">
        <v>295.89</v>
      </c>
      <c r="H373" s="3">
        <v>635.63</v>
      </c>
      <c r="I373" s="3">
        <v>109.38</v>
      </c>
      <c r="J373" s="3">
        <v>202.19</v>
      </c>
      <c r="K373" s="3">
        <v>203.62</v>
      </c>
      <c r="L373" s="3">
        <v>253.25</v>
      </c>
      <c r="M373" s="3">
        <v>601.07000000000005</v>
      </c>
      <c r="N373" s="3">
        <v>398.24</v>
      </c>
      <c r="O373" s="3">
        <v>936.74</v>
      </c>
      <c r="P373" s="3">
        <v>850.77</v>
      </c>
      <c r="Q373" s="3">
        <v>2285.9699999999998</v>
      </c>
      <c r="R373" s="3">
        <v>2285.9699999999998</v>
      </c>
      <c r="S373" s="3">
        <v>44.41</v>
      </c>
      <c r="T373" s="3">
        <v>0.13</v>
      </c>
      <c r="U373" s="3">
        <v>4.42</v>
      </c>
      <c r="V373" s="3">
        <v>0.24</v>
      </c>
      <c r="W373" s="3">
        <v>4.0999999999999996</v>
      </c>
      <c r="X373" s="3">
        <v>-0.21</v>
      </c>
      <c r="Y373" s="3">
        <v>-7.0000000000000007E-2</v>
      </c>
      <c r="Z373" s="3">
        <v>0.3</v>
      </c>
      <c r="AA373" s="4">
        <f t="shared" si="54"/>
        <v>0</v>
      </c>
      <c r="AB373" s="4">
        <f t="shared" si="59"/>
        <v>1.6</v>
      </c>
      <c r="AC373" s="3">
        <f t="shared" si="56"/>
        <v>71.055999999999997</v>
      </c>
      <c r="AD373" s="4">
        <f t="shared" si="51"/>
        <v>0</v>
      </c>
      <c r="AE373" s="3">
        <f t="shared" si="57"/>
        <v>0.20800000000000002</v>
      </c>
      <c r="AF373" s="4">
        <f t="shared" si="55"/>
        <v>0</v>
      </c>
      <c r="AG373" s="3">
        <f t="shared" si="52"/>
        <v>7.0720000000000001</v>
      </c>
      <c r="AH373" s="4">
        <f t="shared" si="53"/>
        <v>0</v>
      </c>
      <c r="AI373" s="3">
        <f t="shared" si="58"/>
        <v>0.24</v>
      </c>
      <c r="AJ373" s="14"/>
      <c r="AK373" s="14"/>
      <c r="AO373" s="12">
        <v>15</v>
      </c>
      <c r="AP373" s="7"/>
      <c r="AQ373" s="7"/>
      <c r="AR373" s="13"/>
    </row>
    <row r="374" spans="1:44">
      <c r="A374" s="3" t="s">
        <v>52</v>
      </c>
      <c r="B374" s="2">
        <v>0.64152777777777781</v>
      </c>
      <c r="C374" s="3">
        <v>100.33</v>
      </c>
      <c r="D374" s="3">
        <v>338.05</v>
      </c>
      <c r="E374" s="3">
        <v>398.8</v>
      </c>
      <c r="F374" s="3">
        <v>509.21</v>
      </c>
      <c r="G374" s="3">
        <v>297.58</v>
      </c>
      <c r="H374" s="3">
        <v>646.1</v>
      </c>
      <c r="I374" s="3">
        <v>109.28</v>
      </c>
      <c r="J374" s="3">
        <v>200.7</v>
      </c>
      <c r="K374" s="3">
        <v>205.07</v>
      </c>
      <c r="L374" s="3">
        <v>254.61</v>
      </c>
      <c r="M374" s="3">
        <v>601</v>
      </c>
      <c r="N374" s="3">
        <v>402.3</v>
      </c>
      <c r="O374" s="3">
        <v>938.25</v>
      </c>
      <c r="P374" s="3">
        <v>852.44</v>
      </c>
      <c r="Q374" s="3">
        <v>2285.9699999999998</v>
      </c>
      <c r="R374" s="3">
        <v>2285.9699999999998</v>
      </c>
      <c r="S374" s="3">
        <v>44.03</v>
      </c>
      <c r="T374" s="3">
        <v>0.11</v>
      </c>
      <c r="U374" s="3">
        <v>4.3</v>
      </c>
      <c r="V374" s="3">
        <v>0.21</v>
      </c>
      <c r="W374" s="3">
        <v>4.03</v>
      </c>
      <c r="X374" s="3">
        <v>-0.21</v>
      </c>
      <c r="Y374" s="3">
        <v>-7.0000000000000007E-2</v>
      </c>
      <c r="Z374" s="3">
        <v>0.31</v>
      </c>
      <c r="AA374" s="4">
        <f t="shared" si="54"/>
        <v>0</v>
      </c>
      <c r="AB374" s="4">
        <f t="shared" si="59"/>
        <v>1.6</v>
      </c>
      <c r="AC374" s="3">
        <f t="shared" si="56"/>
        <v>70.448000000000008</v>
      </c>
      <c r="AD374" s="4">
        <f t="shared" si="51"/>
        <v>0</v>
      </c>
      <c r="AE374" s="3">
        <f t="shared" si="57"/>
        <v>0.17600000000000002</v>
      </c>
      <c r="AF374" s="4">
        <f t="shared" si="55"/>
        <v>0</v>
      </c>
      <c r="AG374" s="3">
        <f t="shared" si="52"/>
        <v>6.88</v>
      </c>
      <c r="AH374" s="4">
        <f t="shared" si="53"/>
        <v>0</v>
      </c>
      <c r="AI374" s="3">
        <f t="shared" si="58"/>
        <v>0.21</v>
      </c>
      <c r="AJ374" s="14"/>
      <c r="AK374" s="14"/>
      <c r="AO374" s="12">
        <v>15</v>
      </c>
      <c r="AP374" s="7"/>
      <c r="AQ374" s="7"/>
      <c r="AR374" s="13"/>
    </row>
    <row r="375" spans="1:44">
      <c r="A375" s="3" t="s">
        <v>52</v>
      </c>
      <c r="B375" s="2">
        <v>0.64222222222222225</v>
      </c>
      <c r="C375" s="3">
        <v>99.22</v>
      </c>
      <c r="D375" s="3">
        <v>332.55</v>
      </c>
      <c r="E375" s="3">
        <v>400.89</v>
      </c>
      <c r="F375" s="3">
        <v>495.63</v>
      </c>
      <c r="G375" s="3">
        <v>299.45999999999998</v>
      </c>
      <c r="H375" s="3">
        <v>653.39</v>
      </c>
      <c r="I375" s="3">
        <v>109.11</v>
      </c>
      <c r="J375" s="3">
        <v>199.27</v>
      </c>
      <c r="K375" s="3">
        <v>206.12</v>
      </c>
      <c r="L375" s="3">
        <v>253.6</v>
      </c>
      <c r="M375" s="3">
        <v>602.28</v>
      </c>
      <c r="N375" s="3">
        <v>404.65</v>
      </c>
      <c r="O375" s="3">
        <v>940.54</v>
      </c>
      <c r="P375" s="3">
        <v>857</v>
      </c>
      <c r="Q375" s="3">
        <v>2286</v>
      </c>
      <c r="R375" s="3">
        <v>2286</v>
      </c>
      <c r="S375" s="3">
        <v>43.98</v>
      </c>
      <c r="T375" s="3">
        <v>0.11</v>
      </c>
      <c r="U375" s="3">
        <v>4.51</v>
      </c>
      <c r="V375" s="3">
        <v>0.18</v>
      </c>
      <c r="W375" s="3">
        <v>4.55</v>
      </c>
      <c r="X375" s="3">
        <v>-0.22</v>
      </c>
      <c r="Y375" s="3">
        <v>-7.0000000000000007E-2</v>
      </c>
      <c r="Z375" s="3">
        <v>0.34</v>
      </c>
      <c r="AA375" s="4">
        <f t="shared" si="54"/>
        <v>0</v>
      </c>
      <c r="AB375" s="4">
        <f t="shared" si="59"/>
        <v>1.6</v>
      </c>
      <c r="AC375" s="3">
        <f t="shared" si="56"/>
        <v>70.367999999999995</v>
      </c>
      <c r="AD375" s="4">
        <f t="shared" si="51"/>
        <v>0</v>
      </c>
      <c r="AE375" s="3">
        <f t="shared" si="57"/>
        <v>0.17600000000000002</v>
      </c>
      <c r="AF375" s="4">
        <f t="shared" si="55"/>
        <v>0</v>
      </c>
      <c r="AG375" s="3">
        <f t="shared" si="52"/>
        <v>7.2160000000000002</v>
      </c>
      <c r="AH375" s="4">
        <f t="shared" si="53"/>
        <v>0</v>
      </c>
      <c r="AI375" s="3">
        <f t="shared" si="58"/>
        <v>0.18</v>
      </c>
      <c r="AJ375" s="14"/>
      <c r="AK375" s="14"/>
      <c r="AO375" s="12">
        <v>15</v>
      </c>
      <c r="AP375" s="7"/>
      <c r="AQ375" s="7"/>
      <c r="AR375" s="13"/>
    </row>
    <row r="376" spans="1:44">
      <c r="A376" s="3" t="s">
        <v>52</v>
      </c>
      <c r="B376" s="2">
        <v>0.64291666666666669</v>
      </c>
      <c r="C376" s="3">
        <v>97.85</v>
      </c>
      <c r="D376" s="3">
        <v>330.13</v>
      </c>
      <c r="E376" s="3">
        <v>399.72</v>
      </c>
      <c r="F376" s="3">
        <v>471.49</v>
      </c>
      <c r="G376" s="3">
        <v>297.3</v>
      </c>
      <c r="H376" s="3">
        <v>644.92999999999995</v>
      </c>
      <c r="I376" s="3">
        <v>108.86</v>
      </c>
      <c r="J376" s="3">
        <v>197.89</v>
      </c>
      <c r="K376" s="3">
        <v>206.7</v>
      </c>
      <c r="L376" s="3">
        <v>251.81</v>
      </c>
      <c r="M376" s="3">
        <v>603.36</v>
      </c>
      <c r="N376" s="3">
        <v>404.23</v>
      </c>
      <c r="O376" s="3">
        <v>942.1</v>
      </c>
      <c r="P376" s="3">
        <v>856.7</v>
      </c>
      <c r="Q376" s="3">
        <v>2286.0100000000002</v>
      </c>
      <c r="R376" s="3">
        <v>2286.0100000000002</v>
      </c>
      <c r="S376" s="3">
        <v>43.49</v>
      </c>
      <c r="T376" s="3">
        <v>0.1</v>
      </c>
      <c r="U376" s="3">
        <v>4.43</v>
      </c>
      <c r="V376" s="3">
        <v>0.18</v>
      </c>
      <c r="W376" s="3">
        <v>4.4800000000000004</v>
      </c>
      <c r="X376" s="3">
        <v>-0.21</v>
      </c>
      <c r="Y376" s="3">
        <v>-0.08</v>
      </c>
      <c r="Z376" s="3">
        <v>0.33</v>
      </c>
      <c r="AA376" s="4">
        <f t="shared" si="54"/>
        <v>0</v>
      </c>
      <c r="AB376" s="4">
        <f t="shared" si="59"/>
        <v>1.6</v>
      </c>
      <c r="AC376" s="3">
        <f t="shared" si="56"/>
        <v>69.584000000000003</v>
      </c>
      <c r="AD376" s="4">
        <f t="shared" si="51"/>
        <v>0</v>
      </c>
      <c r="AE376" s="3">
        <f t="shared" si="57"/>
        <v>0.16000000000000003</v>
      </c>
      <c r="AF376" s="4">
        <f t="shared" si="55"/>
        <v>0</v>
      </c>
      <c r="AG376" s="3">
        <f t="shared" si="52"/>
        <v>7.0880000000000001</v>
      </c>
      <c r="AH376" s="4">
        <f t="shared" si="53"/>
        <v>0</v>
      </c>
      <c r="AI376" s="3">
        <f t="shared" si="58"/>
        <v>0.18</v>
      </c>
      <c r="AJ376" s="14"/>
      <c r="AK376" s="14"/>
      <c r="AO376" s="12">
        <v>15</v>
      </c>
      <c r="AP376" s="7"/>
      <c r="AQ376" s="7"/>
      <c r="AR376" s="13"/>
    </row>
    <row r="377" spans="1:44">
      <c r="A377" s="3" t="s">
        <v>52</v>
      </c>
      <c r="B377" s="2">
        <v>0.64362268518518517</v>
      </c>
      <c r="C377" s="3">
        <v>96.01</v>
      </c>
      <c r="D377" s="3">
        <v>326.32</v>
      </c>
      <c r="E377" s="3">
        <v>396.02</v>
      </c>
      <c r="F377" s="3">
        <v>452.94</v>
      </c>
      <c r="G377" s="3">
        <v>291.97000000000003</v>
      </c>
      <c r="H377" s="3">
        <v>630.46</v>
      </c>
      <c r="I377" s="3">
        <v>108.49</v>
      </c>
      <c r="J377" s="3">
        <v>196.52</v>
      </c>
      <c r="K377" s="3">
        <v>206.97</v>
      </c>
      <c r="L377" s="3">
        <v>249.79</v>
      </c>
      <c r="M377" s="3">
        <v>603.23</v>
      </c>
      <c r="N377" s="3">
        <v>402.29</v>
      </c>
      <c r="O377" s="3">
        <v>942.77</v>
      </c>
      <c r="P377" s="3">
        <v>855.38</v>
      </c>
      <c r="Q377" s="3">
        <v>2286.02</v>
      </c>
      <c r="R377" s="3">
        <v>2286.02</v>
      </c>
      <c r="S377" s="3">
        <v>43.56</v>
      </c>
      <c r="T377" s="3">
        <v>0.11</v>
      </c>
      <c r="U377" s="3">
        <v>4.43</v>
      </c>
      <c r="V377" s="3">
        <v>0.2</v>
      </c>
      <c r="W377" s="3">
        <v>4.4000000000000004</v>
      </c>
      <c r="X377" s="3">
        <v>-0.21</v>
      </c>
      <c r="Y377" s="3">
        <v>-0.08</v>
      </c>
      <c r="Z377" s="3">
        <v>0.33</v>
      </c>
      <c r="AA377" s="4">
        <f t="shared" si="54"/>
        <v>0</v>
      </c>
      <c r="AB377" s="4">
        <f t="shared" si="59"/>
        <v>1.6</v>
      </c>
      <c r="AC377" s="3">
        <f t="shared" si="56"/>
        <v>69.696000000000012</v>
      </c>
      <c r="AD377" s="4">
        <f t="shared" si="51"/>
        <v>0</v>
      </c>
      <c r="AE377" s="3">
        <f t="shared" si="57"/>
        <v>0.17600000000000002</v>
      </c>
      <c r="AF377" s="4">
        <f t="shared" si="55"/>
        <v>0</v>
      </c>
      <c r="AG377" s="3">
        <f t="shared" si="52"/>
        <v>7.0880000000000001</v>
      </c>
      <c r="AH377" s="4">
        <f t="shared" si="53"/>
        <v>0</v>
      </c>
      <c r="AI377" s="3">
        <f t="shared" si="58"/>
        <v>0.2</v>
      </c>
      <c r="AJ377" s="14"/>
      <c r="AK377" s="14"/>
      <c r="AO377" s="12">
        <v>15</v>
      </c>
      <c r="AP377" s="7"/>
      <c r="AQ377" s="7"/>
      <c r="AR377" s="13"/>
    </row>
    <row r="378" spans="1:44">
      <c r="A378" s="3" t="s">
        <v>52</v>
      </c>
      <c r="B378" s="2">
        <v>0.64431712962962961</v>
      </c>
      <c r="C378" s="3">
        <v>93.51</v>
      </c>
      <c r="D378" s="3">
        <v>321.19</v>
      </c>
      <c r="E378" s="3">
        <v>390.46</v>
      </c>
      <c r="F378" s="3">
        <v>437.48</v>
      </c>
      <c r="G378" s="3">
        <v>284.77</v>
      </c>
      <c r="H378" s="3">
        <v>615.1</v>
      </c>
      <c r="I378" s="3">
        <v>108.07</v>
      </c>
      <c r="J378" s="3">
        <v>195.18</v>
      </c>
      <c r="K378" s="3">
        <v>206.97</v>
      </c>
      <c r="L378" s="3">
        <v>247.75</v>
      </c>
      <c r="M378" s="3">
        <v>603.32000000000005</v>
      </c>
      <c r="N378" s="3">
        <v>399.9</v>
      </c>
      <c r="O378" s="3">
        <v>942.38</v>
      </c>
      <c r="P378" s="3">
        <v>853.77</v>
      </c>
      <c r="Q378" s="3">
        <v>2286.0300000000002</v>
      </c>
      <c r="R378" s="3">
        <v>2286.0300000000002</v>
      </c>
      <c r="S378" s="3">
        <v>43.32</v>
      </c>
      <c r="T378" s="3">
        <v>0.12</v>
      </c>
      <c r="U378" s="3">
        <v>4.3099999999999996</v>
      </c>
      <c r="V378" s="3">
        <v>0.22</v>
      </c>
      <c r="W378" s="3">
        <v>4.21</v>
      </c>
      <c r="X378" s="3">
        <v>-0.21</v>
      </c>
      <c r="Y378" s="3">
        <v>-0.08</v>
      </c>
      <c r="Z378" s="3">
        <v>0.3</v>
      </c>
      <c r="AA378" s="4">
        <f t="shared" si="54"/>
        <v>0</v>
      </c>
      <c r="AB378" s="4">
        <f t="shared" si="59"/>
        <v>1.6</v>
      </c>
      <c r="AC378" s="3">
        <f t="shared" si="56"/>
        <v>69.311999999999998</v>
      </c>
      <c r="AD378" s="4">
        <f t="shared" si="51"/>
        <v>0</v>
      </c>
      <c r="AE378" s="3">
        <f t="shared" si="57"/>
        <v>0.192</v>
      </c>
      <c r="AF378" s="4">
        <f t="shared" si="55"/>
        <v>0</v>
      </c>
      <c r="AG378" s="3">
        <f t="shared" si="52"/>
        <v>6.8959999999999999</v>
      </c>
      <c r="AH378" s="4">
        <f t="shared" si="53"/>
        <v>0</v>
      </c>
      <c r="AI378" s="3">
        <f t="shared" si="58"/>
        <v>0.22</v>
      </c>
      <c r="AJ378" s="14"/>
      <c r="AK378" s="14"/>
      <c r="AO378" s="12">
        <v>15</v>
      </c>
      <c r="AP378" s="7"/>
      <c r="AQ378" s="7"/>
      <c r="AR378" s="13"/>
    </row>
    <row r="379" spans="1:44">
      <c r="A379" s="3" t="s">
        <v>52</v>
      </c>
      <c r="B379" s="2">
        <v>0.64501157407407406</v>
      </c>
      <c r="C379" s="3">
        <v>90.82</v>
      </c>
      <c r="D379" s="3">
        <v>315.83</v>
      </c>
      <c r="E379" s="3">
        <v>383.91</v>
      </c>
      <c r="F379" s="3">
        <v>423.88</v>
      </c>
      <c r="G379" s="3">
        <v>276.66000000000003</v>
      </c>
      <c r="H379" s="3">
        <v>600.23</v>
      </c>
      <c r="I379" s="3">
        <v>107.59</v>
      </c>
      <c r="J379" s="3">
        <v>193.87</v>
      </c>
      <c r="K379" s="3">
        <v>206.82</v>
      </c>
      <c r="L379" s="3">
        <v>245.76</v>
      </c>
      <c r="M379" s="3">
        <v>603.61</v>
      </c>
      <c r="N379" s="3">
        <v>397.42</v>
      </c>
      <c r="O379" s="3">
        <v>944.51</v>
      </c>
      <c r="P379" s="3">
        <v>852.13</v>
      </c>
      <c r="Q379" s="3">
        <v>2286.04</v>
      </c>
      <c r="R379" s="3">
        <v>2286.04</v>
      </c>
      <c r="S379" s="3">
        <v>43.66</v>
      </c>
      <c r="T379" s="3">
        <v>0.12</v>
      </c>
      <c r="U379" s="3">
        <v>4.3499999999999996</v>
      </c>
      <c r="V379" s="3">
        <v>0.23</v>
      </c>
      <c r="W379" s="3">
        <v>4.33</v>
      </c>
      <c r="X379" s="3">
        <v>-0.2</v>
      </c>
      <c r="Y379" s="3">
        <v>-7.0000000000000007E-2</v>
      </c>
      <c r="Z379" s="3">
        <v>0.3</v>
      </c>
      <c r="AA379" s="4">
        <f t="shared" si="54"/>
        <v>0</v>
      </c>
      <c r="AB379" s="4">
        <f t="shared" si="59"/>
        <v>1.6</v>
      </c>
      <c r="AC379" s="3">
        <f t="shared" si="56"/>
        <v>69.855999999999995</v>
      </c>
      <c r="AD379" s="4">
        <f t="shared" si="51"/>
        <v>0</v>
      </c>
      <c r="AE379" s="3">
        <f t="shared" si="57"/>
        <v>0.192</v>
      </c>
      <c r="AF379" s="4">
        <f t="shared" si="55"/>
        <v>0</v>
      </c>
      <c r="AG379" s="3">
        <f t="shared" si="52"/>
        <v>6.96</v>
      </c>
      <c r="AH379" s="4">
        <f t="shared" si="53"/>
        <v>0</v>
      </c>
      <c r="AI379" s="3">
        <f t="shared" si="58"/>
        <v>0.23</v>
      </c>
      <c r="AJ379" s="14"/>
      <c r="AK379" s="14"/>
      <c r="AO379" s="12">
        <v>15</v>
      </c>
      <c r="AP379" s="7"/>
      <c r="AQ379" s="7"/>
      <c r="AR379" s="13"/>
    </row>
    <row r="380" spans="1:44">
      <c r="A380" s="3" t="s">
        <v>52</v>
      </c>
      <c r="B380" s="2">
        <v>0.6457060185185185</v>
      </c>
      <c r="C380" s="3">
        <v>88.14</v>
      </c>
      <c r="D380" s="3">
        <v>310.58999999999997</v>
      </c>
      <c r="E380" s="3">
        <v>376.58</v>
      </c>
      <c r="F380" s="3">
        <v>411.54</v>
      </c>
      <c r="G380" s="3">
        <v>268.20999999999998</v>
      </c>
      <c r="H380" s="3">
        <v>586.20000000000005</v>
      </c>
      <c r="I380" s="3">
        <v>107.05</v>
      </c>
      <c r="J380" s="3">
        <v>192.58</v>
      </c>
      <c r="K380" s="3">
        <v>206.48</v>
      </c>
      <c r="L380" s="3">
        <v>243.87</v>
      </c>
      <c r="M380" s="3">
        <v>603.36</v>
      </c>
      <c r="N380" s="3">
        <v>394.98</v>
      </c>
      <c r="O380" s="3">
        <v>945.82</v>
      </c>
      <c r="P380" s="3">
        <v>850.63</v>
      </c>
      <c r="Q380" s="3">
        <v>2286.0500000000002</v>
      </c>
      <c r="R380" s="3">
        <v>2286.0500000000002</v>
      </c>
      <c r="S380" s="3">
        <v>42.72</v>
      </c>
      <c r="T380" s="3">
        <v>0.1</v>
      </c>
      <c r="U380" s="3">
        <v>4.38</v>
      </c>
      <c r="V380" s="3">
        <v>0.2</v>
      </c>
      <c r="W380" s="3">
        <v>4.68</v>
      </c>
      <c r="X380" s="3">
        <v>-0.21</v>
      </c>
      <c r="Y380" s="3">
        <v>-7.0000000000000007E-2</v>
      </c>
      <c r="Z380" s="3">
        <v>0.35</v>
      </c>
      <c r="AA380" s="4">
        <f t="shared" si="54"/>
        <v>0</v>
      </c>
      <c r="AB380" s="4">
        <f t="shared" si="59"/>
        <v>1.6</v>
      </c>
      <c r="AC380" s="3">
        <f t="shared" si="56"/>
        <v>68.352000000000004</v>
      </c>
      <c r="AD380" s="4">
        <f t="shared" si="51"/>
        <v>0</v>
      </c>
      <c r="AE380" s="3">
        <f t="shared" si="57"/>
        <v>0.16000000000000003</v>
      </c>
      <c r="AF380" s="4">
        <f t="shared" si="55"/>
        <v>0</v>
      </c>
      <c r="AG380" s="3">
        <f t="shared" si="52"/>
        <v>7.008</v>
      </c>
      <c r="AH380" s="4">
        <f t="shared" si="53"/>
        <v>0</v>
      </c>
      <c r="AI380" s="3">
        <f t="shared" si="58"/>
        <v>0.2</v>
      </c>
      <c r="AJ380" s="14"/>
      <c r="AK380" s="14"/>
      <c r="AO380" s="12">
        <v>15</v>
      </c>
      <c r="AP380" s="7"/>
      <c r="AQ380" s="7"/>
      <c r="AR380" s="13"/>
    </row>
    <row r="381" spans="1:44">
      <c r="A381" s="3" t="s">
        <v>52</v>
      </c>
      <c r="B381" s="2">
        <v>0.64640046296296294</v>
      </c>
      <c r="C381" s="3">
        <v>85.49</v>
      </c>
      <c r="D381" s="3">
        <v>305.56</v>
      </c>
      <c r="E381" s="3">
        <v>368.62</v>
      </c>
      <c r="F381" s="3">
        <v>400.16</v>
      </c>
      <c r="G381" s="3">
        <v>259.85000000000002</v>
      </c>
      <c r="H381" s="3">
        <v>573.04999999999995</v>
      </c>
      <c r="I381" s="3">
        <v>106.44</v>
      </c>
      <c r="J381" s="3">
        <v>191.32</v>
      </c>
      <c r="K381" s="3">
        <v>206</v>
      </c>
      <c r="L381" s="3">
        <v>242.05</v>
      </c>
      <c r="M381" s="3">
        <v>603.19000000000005</v>
      </c>
      <c r="N381" s="3">
        <v>392.63</v>
      </c>
      <c r="O381" s="3">
        <v>942.87</v>
      </c>
      <c r="P381" s="3">
        <v>852.01</v>
      </c>
      <c r="Q381" s="3">
        <v>2286.0500000000002</v>
      </c>
      <c r="R381" s="3">
        <v>2286.0500000000002</v>
      </c>
      <c r="S381" s="3">
        <v>41.56</v>
      </c>
      <c r="T381" s="3">
        <v>-0.02</v>
      </c>
      <c r="U381" s="3">
        <v>6.49</v>
      </c>
      <c r="V381" s="3">
        <v>0.14000000000000001</v>
      </c>
      <c r="W381" s="3">
        <v>4.7300000000000004</v>
      </c>
      <c r="X381" s="3">
        <v>-0.22</v>
      </c>
      <c r="Y381" s="3">
        <v>-0.08</v>
      </c>
      <c r="Z381" s="3">
        <v>0.36</v>
      </c>
      <c r="AA381" s="4">
        <f t="shared" si="54"/>
        <v>0</v>
      </c>
      <c r="AB381" s="4">
        <f t="shared" si="59"/>
        <v>1.6</v>
      </c>
      <c r="AC381" s="3">
        <f t="shared" si="56"/>
        <v>66.496000000000009</v>
      </c>
      <c r="AD381" s="4">
        <f t="shared" si="51"/>
        <v>0</v>
      </c>
      <c r="AE381" s="3">
        <f t="shared" si="57"/>
        <v>-3.2000000000000001E-2</v>
      </c>
      <c r="AF381" s="4">
        <f t="shared" si="55"/>
        <v>0</v>
      </c>
      <c r="AG381" s="3">
        <f t="shared" si="52"/>
        <v>10.384</v>
      </c>
      <c r="AH381" s="4">
        <f t="shared" si="53"/>
        <v>0</v>
      </c>
      <c r="AI381" s="3">
        <f t="shared" si="58"/>
        <v>0.14000000000000001</v>
      </c>
      <c r="AJ381" s="14"/>
      <c r="AK381" s="14"/>
      <c r="AO381" s="12">
        <v>15</v>
      </c>
      <c r="AP381" s="7"/>
      <c r="AQ381" s="7"/>
      <c r="AR381" s="13"/>
    </row>
    <row r="382" spans="1:44">
      <c r="A382" s="3" t="s">
        <v>52</v>
      </c>
      <c r="B382" s="2">
        <v>0.64709490740740738</v>
      </c>
      <c r="C382" s="3">
        <v>82.97</v>
      </c>
      <c r="D382" s="3">
        <v>300.76</v>
      </c>
      <c r="E382" s="3">
        <v>360.39</v>
      </c>
      <c r="F382" s="3">
        <v>389.54</v>
      </c>
      <c r="G382" s="3">
        <v>251.62</v>
      </c>
      <c r="H382" s="3">
        <v>560.72</v>
      </c>
      <c r="I382" s="3">
        <v>105.79</v>
      </c>
      <c r="J382" s="3">
        <v>190.09</v>
      </c>
      <c r="K382" s="3">
        <v>205.42</v>
      </c>
      <c r="L382" s="3">
        <v>240.32</v>
      </c>
      <c r="M382" s="3">
        <v>603.91</v>
      </c>
      <c r="N382" s="3">
        <v>390.32</v>
      </c>
      <c r="O382" s="3">
        <v>940.44</v>
      </c>
      <c r="P382" s="3">
        <v>855.92</v>
      </c>
      <c r="Q382" s="3">
        <v>2286.08</v>
      </c>
      <c r="R382" s="3">
        <v>2286.08</v>
      </c>
      <c r="S382" s="3">
        <v>40.47</v>
      </c>
      <c r="T382" s="3">
        <v>-7.0000000000000007E-2</v>
      </c>
      <c r="U382" s="3">
        <v>7.17</v>
      </c>
      <c r="V382" s="3">
        <v>0.12</v>
      </c>
      <c r="W382" s="3">
        <v>4.53</v>
      </c>
      <c r="X382" s="3">
        <v>-0.22</v>
      </c>
      <c r="Y382" s="3">
        <v>-0.08</v>
      </c>
      <c r="Z382" s="3">
        <v>0.34</v>
      </c>
      <c r="AA382" s="4">
        <f t="shared" si="54"/>
        <v>0</v>
      </c>
      <c r="AB382" s="4">
        <f t="shared" si="59"/>
        <v>1.6</v>
      </c>
      <c r="AC382" s="3">
        <f t="shared" si="56"/>
        <v>64.751999999999995</v>
      </c>
      <c r="AD382" s="4">
        <f t="shared" si="51"/>
        <v>0</v>
      </c>
      <c r="AE382" s="3">
        <f t="shared" si="57"/>
        <v>-0.11200000000000002</v>
      </c>
      <c r="AF382" s="4">
        <f t="shared" si="55"/>
        <v>0</v>
      </c>
      <c r="AG382" s="3">
        <f t="shared" si="52"/>
        <v>11.472000000000001</v>
      </c>
      <c r="AH382" s="4">
        <f t="shared" si="53"/>
        <v>0</v>
      </c>
      <c r="AI382" s="3">
        <f t="shared" si="58"/>
        <v>0.12</v>
      </c>
      <c r="AJ382" s="14"/>
      <c r="AK382" s="14"/>
      <c r="AO382" s="12">
        <v>15</v>
      </c>
      <c r="AP382" s="7"/>
      <c r="AQ382" s="7"/>
      <c r="AR382" s="13"/>
    </row>
    <row r="383" spans="1:44">
      <c r="A383" s="3" t="s">
        <v>52</v>
      </c>
      <c r="B383" s="2">
        <v>0.64778935185185182</v>
      </c>
      <c r="C383" s="3">
        <v>86.36</v>
      </c>
      <c r="D383" s="3">
        <v>298.41000000000003</v>
      </c>
      <c r="E383" s="3">
        <v>368.68</v>
      </c>
      <c r="F383" s="3">
        <v>379.86</v>
      </c>
      <c r="G383" s="3">
        <v>257.89999999999998</v>
      </c>
      <c r="H383" s="3">
        <v>549.15</v>
      </c>
      <c r="I383" s="3">
        <v>102.51</v>
      </c>
      <c r="J383" s="3">
        <v>188.86</v>
      </c>
      <c r="K383" s="3">
        <v>207.36</v>
      </c>
      <c r="L383" s="3">
        <v>238.63</v>
      </c>
      <c r="M383" s="3">
        <v>654.99</v>
      </c>
      <c r="N383" s="3">
        <v>388.08</v>
      </c>
      <c r="O383" s="3">
        <v>925.22</v>
      </c>
      <c r="P383" s="3">
        <v>855.41</v>
      </c>
      <c r="Q383" s="3">
        <v>2286.08</v>
      </c>
      <c r="R383" s="3">
        <v>2286.08</v>
      </c>
      <c r="S383" s="3">
        <v>37.67</v>
      </c>
      <c r="T383" s="3">
        <v>-7.0000000000000007E-2</v>
      </c>
      <c r="U383" s="3">
        <v>7.67</v>
      </c>
      <c r="V383" s="3">
        <v>0.13</v>
      </c>
      <c r="W383" s="3">
        <v>5.29</v>
      </c>
      <c r="X383" s="3">
        <v>-0.21</v>
      </c>
      <c r="Y383" s="3">
        <v>-0.08</v>
      </c>
      <c r="Z383" s="3">
        <v>0.37</v>
      </c>
      <c r="AA383" s="4">
        <f t="shared" si="54"/>
        <v>0</v>
      </c>
      <c r="AB383" s="4">
        <f t="shared" si="59"/>
        <v>1.6</v>
      </c>
      <c r="AC383" s="3">
        <f t="shared" si="56"/>
        <v>60.272000000000006</v>
      </c>
      <c r="AD383" s="4">
        <f t="shared" si="51"/>
        <v>0</v>
      </c>
      <c r="AE383" s="3">
        <f t="shared" si="57"/>
        <v>-0.11200000000000002</v>
      </c>
      <c r="AF383" s="4">
        <f t="shared" si="55"/>
        <v>0</v>
      </c>
      <c r="AG383" s="3">
        <f t="shared" si="52"/>
        <v>12.272</v>
      </c>
      <c r="AH383" s="4">
        <f t="shared" si="53"/>
        <v>0</v>
      </c>
      <c r="AI383" s="3">
        <f t="shared" si="58"/>
        <v>0.13</v>
      </c>
      <c r="AJ383" s="14"/>
      <c r="AK383" s="14"/>
      <c r="AO383" s="12">
        <v>15</v>
      </c>
      <c r="AP383" s="7"/>
      <c r="AQ383" s="7"/>
      <c r="AR383" s="13"/>
    </row>
    <row r="384" spans="1:44">
      <c r="A384" s="3" t="s">
        <v>52</v>
      </c>
      <c r="B384" s="2">
        <v>0.64848379629629627</v>
      </c>
      <c r="C384" s="3">
        <v>97.07</v>
      </c>
      <c r="D384" s="3">
        <v>307.36</v>
      </c>
      <c r="E384" s="3">
        <v>384.9</v>
      </c>
      <c r="F384" s="3">
        <v>372.81</v>
      </c>
      <c r="G384" s="3">
        <v>275.89</v>
      </c>
      <c r="H384" s="3">
        <v>538.64</v>
      </c>
      <c r="I384" s="3">
        <v>101.01</v>
      </c>
      <c r="J384" s="3">
        <v>187.67</v>
      </c>
      <c r="K384" s="3">
        <v>208.87</v>
      </c>
      <c r="L384" s="3">
        <v>237.07</v>
      </c>
      <c r="M384" s="3">
        <v>666.46</v>
      </c>
      <c r="N384" s="3">
        <v>386</v>
      </c>
      <c r="O384" s="3">
        <v>913.46</v>
      </c>
      <c r="P384" s="3">
        <v>853.2</v>
      </c>
      <c r="Q384" s="3">
        <v>2286.1</v>
      </c>
      <c r="R384" s="3">
        <v>2286.1</v>
      </c>
      <c r="S384" s="3">
        <v>15.34</v>
      </c>
      <c r="T384" s="3">
        <v>-0.09</v>
      </c>
      <c r="U384" s="3">
        <v>2.59</v>
      </c>
      <c r="V384" s="3">
        <v>0.13</v>
      </c>
      <c r="W384" s="3">
        <v>2.97</v>
      </c>
      <c r="X384" s="3">
        <v>-0.2</v>
      </c>
      <c r="Y384" s="3">
        <v>-0.09</v>
      </c>
      <c r="Z384" s="3">
        <v>0.28999999999999998</v>
      </c>
      <c r="AA384" s="4">
        <f t="shared" si="54"/>
        <v>0</v>
      </c>
      <c r="AB384" s="4">
        <f t="shared" si="59"/>
        <v>1.6</v>
      </c>
      <c r="AC384" s="3">
        <f t="shared" si="56"/>
        <v>24.544</v>
      </c>
      <c r="AD384" s="4">
        <f t="shared" si="51"/>
        <v>0</v>
      </c>
      <c r="AE384" s="3">
        <f t="shared" si="57"/>
        <v>-0.14399999999999999</v>
      </c>
      <c r="AF384" s="4">
        <f t="shared" si="55"/>
        <v>0</v>
      </c>
      <c r="AG384" s="3">
        <f t="shared" si="52"/>
        <v>4.1440000000000001</v>
      </c>
      <c r="AH384" s="4">
        <f t="shared" si="53"/>
        <v>0</v>
      </c>
      <c r="AI384" s="3">
        <f t="shared" si="58"/>
        <v>0.13</v>
      </c>
      <c r="AJ384" s="14"/>
      <c r="AK384" s="14"/>
      <c r="AO384" s="12">
        <v>15</v>
      </c>
      <c r="AP384" s="7"/>
      <c r="AQ384" s="7"/>
      <c r="AR384" s="13"/>
    </row>
    <row r="385" spans="1:44">
      <c r="A385" s="3" t="s">
        <v>52</v>
      </c>
      <c r="B385" s="2">
        <v>0.64918981481481486</v>
      </c>
      <c r="C385" s="3">
        <v>105.9</v>
      </c>
      <c r="D385" s="3">
        <v>314.97000000000003</v>
      </c>
      <c r="E385" s="3">
        <v>387.13</v>
      </c>
      <c r="F385" s="3">
        <v>367.67</v>
      </c>
      <c r="G385" s="3">
        <v>284.25</v>
      </c>
      <c r="H385" s="3">
        <v>529.37</v>
      </c>
      <c r="I385" s="3">
        <v>101.77</v>
      </c>
      <c r="J385" s="3">
        <v>186.55</v>
      </c>
      <c r="K385" s="3">
        <v>209.12</v>
      </c>
      <c r="L385" s="3">
        <v>235.64</v>
      </c>
      <c r="M385" s="3">
        <v>650.29999999999995</v>
      </c>
      <c r="N385" s="3">
        <v>384.23</v>
      </c>
      <c r="O385" s="3">
        <v>905.31</v>
      </c>
      <c r="P385" s="3">
        <v>850.32</v>
      </c>
      <c r="Q385" s="3">
        <v>2286.1</v>
      </c>
      <c r="R385" s="3">
        <v>2286.1</v>
      </c>
      <c r="S385" s="3">
        <v>6.76</v>
      </c>
      <c r="T385" s="3">
        <v>-0.06</v>
      </c>
      <c r="U385" s="3">
        <v>0.36</v>
      </c>
      <c r="V385" s="3">
        <v>0.13</v>
      </c>
      <c r="W385" s="3">
        <v>0.56000000000000005</v>
      </c>
      <c r="X385" s="3">
        <v>-0.19</v>
      </c>
      <c r="Y385" s="3">
        <v>-0.11</v>
      </c>
      <c r="Z385" s="3">
        <v>0.05</v>
      </c>
      <c r="AA385" s="4">
        <f t="shared" si="54"/>
        <v>0</v>
      </c>
      <c r="AB385" s="4">
        <f t="shared" si="59"/>
        <v>1.6</v>
      </c>
      <c r="AC385" s="3">
        <f t="shared" si="56"/>
        <v>10.816000000000001</v>
      </c>
      <c r="AD385" s="4">
        <f t="shared" si="51"/>
        <v>0</v>
      </c>
      <c r="AE385" s="3">
        <f t="shared" si="57"/>
        <v>-9.6000000000000002E-2</v>
      </c>
      <c r="AF385" s="4">
        <f t="shared" si="55"/>
        <v>0</v>
      </c>
      <c r="AG385" s="3">
        <f t="shared" si="52"/>
        <v>0.57599999999999996</v>
      </c>
      <c r="AH385" s="4">
        <f t="shared" si="53"/>
        <v>0</v>
      </c>
      <c r="AI385" s="3">
        <f t="shared" si="58"/>
        <v>0.13</v>
      </c>
      <c r="AJ385" s="14"/>
      <c r="AK385" s="14"/>
      <c r="AO385" s="12">
        <v>15</v>
      </c>
      <c r="AP385" s="7"/>
      <c r="AQ385" s="7"/>
      <c r="AR385" s="13"/>
    </row>
    <row r="386" spans="1:44">
      <c r="A386" s="3" t="s">
        <v>52</v>
      </c>
      <c r="B386" s="2">
        <v>0.64988425925925919</v>
      </c>
      <c r="C386" s="3">
        <v>113.31</v>
      </c>
      <c r="D386" s="3">
        <v>314.58999999999997</v>
      </c>
      <c r="E386" s="3">
        <v>387.89</v>
      </c>
      <c r="F386" s="3">
        <v>363.6</v>
      </c>
      <c r="G386" s="3">
        <v>290.76</v>
      </c>
      <c r="H386" s="3">
        <v>521.14</v>
      </c>
      <c r="I386" s="3">
        <v>105.22</v>
      </c>
      <c r="J386" s="3">
        <v>185.51</v>
      </c>
      <c r="K386" s="3">
        <v>207.47</v>
      </c>
      <c r="L386" s="3">
        <v>234.34</v>
      </c>
      <c r="M386" s="3">
        <v>608.25</v>
      </c>
      <c r="N386" s="3">
        <v>382.72</v>
      </c>
      <c r="O386" s="3">
        <v>881.51</v>
      </c>
      <c r="P386" s="3">
        <v>854.54</v>
      </c>
      <c r="Q386" s="3">
        <v>2286.11</v>
      </c>
      <c r="R386" s="3">
        <v>2286.11</v>
      </c>
      <c r="S386" s="3">
        <v>7.33</v>
      </c>
      <c r="T386" s="3">
        <v>-0.09</v>
      </c>
      <c r="U386" s="3">
        <v>20.82</v>
      </c>
      <c r="V386" s="3">
        <v>0.11</v>
      </c>
      <c r="W386" s="3">
        <v>0.39</v>
      </c>
      <c r="X386" s="3">
        <v>-0.06</v>
      </c>
      <c r="Y386" s="3">
        <v>-0.11</v>
      </c>
      <c r="Z386" s="3">
        <v>0.01</v>
      </c>
      <c r="AA386" s="4">
        <f t="shared" si="54"/>
        <v>0</v>
      </c>
      <c r="AB386" s="4">
        <f t="shared" si="59"/>
        <v>1.6</v>
      </c>
      <c r="AC386" s="3">
        <f t="shared" si="56"/>
        <v>11.728000000000002</v>
      </c>
      <c r="AD386" s="4">
        <f t="shared" si="51"/>
        <v>0</v>
      </c>
      <c r="AE386" s="3">
        <f t="shared" si="57"/>
        <v>-0.14399999999999999</v>
      </c>
      <c r="AF386" s="4">
        <f t="shared" si="55"/>
        <v>0</v>
      </c>
      <c r="AG386" s="3">
        <f t="shared" si="52"/>
        <v>33.312000000000005</v>
      </c>
      <c r="AH386" s="4">
        <f t="shared" si="53"/>
        <v>0</v>
      </c>
      <c r="AI386" s="3">
        <f t="shared" si="58"/>
        <v>0.11</v>
      </c>
      <c r="AJ386" s="14"/>
      <c r="AK386" s="14"/>
      <c r="AO386" s="12">
        <v>15</v>
      </c>
      <c r="AP386" s="7"/>
      <c r="AQ386" s="7"/>
      <c r="AR386" s="13"/>
    </row>
    <row r="387" spans="1:44">
      <c r="A387" s="3" t="s">
        <v>52</v>
      </c>
      <c r="B387" s="2">
        <v>0.65057870370370374</v>
      </c>
      <c r="C387" s="3">
        <v>119.23</v>
      </c>
      <c r="D387" s="3">
        <v>311.18</v>
      </c>
      <c r="E387" s="3">
        <v>387.83</v>
      </c>
      <c r="F387" s="3">
        <v>360.21</v>
      </c>
      <c r="G387" s="3">
        <v>295.91000000000003</v>
      </c>
      <c r="H387" s="3">
        <v>513.78</v>
      </c>
      <c r="I387" s="3">
        <v>105.13</v>
      </c>
      <c r="J387" s="3">
        <v>184.54</v>
      </c>
      <c r="K387" s="3">
        <v>206.28</v>
      </c>
      <c r="L387" s="3">
        <v>233.1</v>
      </c>
      <c r="M387" s="3">
        <v>603.58000000000004</v>
      </c>
      <c r="N387" s="3">
        <v>381.3</v>
      </c>
      <c r="O387" s="3">
        <v>881.6</v>
      </c>
      <c r="P387" s="3">
        <v>856.08</v>
      </c>
      <c r="Q387" s="3">
        <v>2286.11</v>
      </c>
      <c r="R387" s="3">
        <v>2286.11</v>
      </c>
      <c r="S387" s="3">
        <v>3.27</v>
      </c>
      <c r="T387" s="3">
        <v>-0.14000000000000001</v>
      </c>
      <c r="U387" s="3">
        <v>42.01</v>
      </c>
      <c r="V387" s="3">
        <v>0.09</v>
      </c>
      <c r="W387" s="3">
        <v>0.16</v>
      </c>
      <c r="X387" s="3">
        <v>-0.12</v>
      </c>
      <c r="Y387" s="3">
        <v>-0.12</v>
      </c>
      <c r="Z387" s="3">
        <v>0.01</v>
      </c>
      <c r="AA387" s="4">
        <f t="shared" si="54"/>
        <v>0</v>
      </c>
      <c r="AB387" s="4">
        <f t="shared" si="59"/>
        <v>1.6</v>
      </c>
      <c r="AC387" s="3">
        <f t="shared" si="56"/>
        <v>5.2320000000000002</v>
      </c>
      <c r="AD387" s="4">
        <f t="shared" si="51"/>
        <v>0</v>
      </c>
      <c r="AE387" s="3">
        <f t="shared" si="57"/>
        <v>-0.22400000000000003</v>
      </c>
      <c r="AF387" s="4">
        <f t="shared" si="55"/>
        <v>0</v>
      </c>
      <c r="AG387" s="3">
        <f t="shared" si="52"/>
        <v>67.215999999999994</v>
      </c>
      <c r="AH387" s="4">
        <f t="shared" si="53"/>
        <v>0</v>
      </c>
      <c r="AI387" s="3">
        <f t="shared" si="58"/>
        <v>0.09</v>
      </c>
      <c r="AJ387" s="14"/>
      <c r="AK387" s="14"/>
      <c r="AO387" s="12">
        <v>15</v>
      </c>
      <c r="AP387" s="7"/>
      <c r="AQ387" s="7"/>
      <c r="AR387" s="13"/>
    </row>
    <row r="388" spans="1:44">
      <c r="A388" s="3" t="s">
        <v>52</v>
      </c>
      <c r="B388" s="2">
        <v>0.65127314814814818</v>
      </c>
      <c r="C388" s="3">
        <v>120.24</v>
      </c>
      <c r="D388" s="3">
        <v>307.02999999999997</v>
      </c>
      <c r="E388" s="3">
        <v>380.77</v>
      </c>
      <c r="F388" s="3">
        <v>357.24</v>
      </c>
      <c r="G388" s="3">
        <v>294.26</v>
      </c>
      <c r="H388" s="3">
        <v>507.12</v>
      </c>
      <c r="I388" s="3">
        <v>104.76</v>
      </c>
      <c r="J388" s="3">
        <v>183.6</v>
      </c>
      <c r="K388" s="3">
        <v>204.69</v>
      </c>
      <c r="L388" s="3">
        <v>231.9</v>
      </c>
      <c r="M388" s="3">
        <v>599.09</v>
      </c>
      <c r="N388" s="3">
        <v>379.99</v>
      </c>
      <c r="O388" s="3">
        <v>926.19</v>
      </c>
      <c r="P388" s="3">
        <v>853.22</v>
      </c>
      <c r="Q388" s="3">
        <v>2286.11</v>
      </c>
      <c r="R388" s="3">
        <v>2286.11</v>
      </c>
      <c r="S388" s="3">
        <v>12.45</v>
      </c>
      <c r="T388" s="3">
        <v>-0.12</v>
      </c>
      <c r="U388" s="3">
        <v>41.99</v>
      </c>
      <c r="V388" s="3">
        <v>0.1</v>
      </c>
      <c r="W388" s="3">
        <v>0.15</v>
      </c>
      <c r="X388" s="3">
        <v>-0.13</v>
      </c>
      <c r="Y388" s="3">
        <v>-0.12</v>
      </c>
      <c r="Z388" s="3">
        <v>0</v>
      </c>
      <c r="AA388" s="4">
        <f t="shared" si="54"/>
        <v>0</v>
      </c>
      <c r="AB388" s="4">
        <f t="shared" si="59"/>
        <v>1.6</v>
      </c>
      <c r="AC388" s="3">
        <f t="shared" si="56"/>
        <v>19.920000000000002</v>
      </c>
      <c r="AD388" s="4">
        <f t="shared" ref="AD388:AD451" si="60">AD387</f>
        <v>0</v>
      </c>
      <c r="AE388" s="3">
        <f t="shared" si="57"/>
        <v>-0.192</v>
      </c>
      <c r="AF388" s="4">
        <f t="shared" si="55"/>
        <v>0</v>
      </c>
      <c r="AG388" s="3">
        <f t="shared" ref="AG388:AG451" si="61">U388*AB388+AF388</f>
        <v>67.184000000000012</v>
      </c>
      <c r="AH388" s="4">
        <f t="shared" ref="AH388:AH451" si="62">AH387</f>
        <v>0</v>
      </c>
      <c r="AI388" s="3">
        <f t="shared" si="58"/>
        <v>0.1</v>
      </c>
      <c r="AJ388" s="14"/>
      <c r="AK388" s="14"/>
      <c r="AO388" s="12">
        <v>15</v>
      </c>
      <c r="AP388" s="7"/>
      <c r="AQ388" s="7"/>
      <c r="AR388" s="13"/>
    </row>
    <row r="389" spans="1:44">
      <c r="A389" s="3" t="s">
        <v>52</v>
      </c>
      <c r="B389" s="2">
        <v>0.65196759259259263</v>
      </c>
      <c r="C389" s="3">
        <v>107.88</v>
      </c>
      <c r="D389" s="3">
        <v>302.82</v>
      </c>
      <c r="E389" s="3">
        <v>354.98</v>
      </c>
      <c r="F389" s="3">
        <v>353.61</v>
      </c>
      <c r="G389" s="3">
        <v>271.24</v>
      </c>
      <c r="H389" s="3">
        <v>500.84</v>
      </c>
      <c r="I389" s="3">
        <v>104.15</v>
      </c>
      <c r="J389" s="3">
        <v>182.7</v>
      </c>
      <c r="K389" s="3">
        <v>202.95</v>
      </c>
      <c r="L389" s="3">
        <v>230.7</v>
      </c>
      <c r="M389" s="3">
        <v>599.79999999999995</v>
      </c>
      <c r="N389" s="3">
        <v>385.95</v>
      </c>
      <c r="O389" s="3">
        <v>910.47</v>
      </c>
      <c r="P389" s="3">
        <v>850.6</v>
      </c>
      <c r="Q389" s="3">
        <v>2286.12</v>
      </c>
      <c r="R389" s="3">
        <v>2286.12</v>
      </c>
      <c r="S389" s="3">
        <v>18.39</v>
      </c>
      <c r="T389" s="3">
        <v>-0.12</v>
      </c>
      <c r="U389" s="3">
        <v>40.54</v>
      </c>
      <c r="V389" s="3">
        <v>0.13</v>
      </c>
      <c r="W389" s="3">
        <v>0.81</v>
      </c>
      <c r="X389" s="3">
        <v>0.22</v>
      </c>
      <c r="Y389" s="3">
        <v>-0.08</v>
      </c>
      <c r="Z389" s="3">
        <v>0.03</v>
      </c>
      <c r="AA389" s="4">
        <f t="shared" ref="AA389:AA452" si="63">AA388</f>
        <v>0</v>
      </c>
      <c r="AB389" s="4">
        <f t="shared" si="59"/>
        <v>1.6</v>
      </c>
      <c r="AC389" s="3">
        <f t="shared" si="56"/>
        <v>29.424000000000003</v>
      </c>
      <c r="AD389" s="4">
        <f t="shared" si="60"/>
        <v>0</v>
      </c>
      <c r="AE389" s="3">
        <f t="shared" si="57"/>
        <v>-0.192</v>
      </c>
      <c r="AF389" s="4">
        <f t="shared" ref="AF389:AF452" si="64">AF388</f>
        <v>0</v>
      </c>
      <c r="AG389" s="3">
        <f t="shared" si="61"/>
        <v>64.864000000000004</v>
      </c>
      <c r="AH389" s="4">
        <f t="shared" si="62"/>
        <v>0</v>
      </c>
      <c r="AI389" s="3">
        <f t="shared" si="58"/>
        <v>0.13</v>
      </c>
      <c r="AJ389" s="14"/>
      <c r="AK389" s="14"/>
      <c r="AO389" s="12">
        <v>15</v>
      </c>
      <c r="AP389" s="7"/>
      <c r="AQ389" s="7"/>
      <c r="AR389" s="13"/>
    </row>
    <row r="390" spans="1:44">
      <c r="A390" s="3" t="s">
        <v>52</v>
      </c>
      <c r="B390" s="2">
        <v>0.65266203703703707</v>
      </c>
      <c r="C390" s="3">
        <v>100.25</v>
      </c>
      <c r="D390" s="3">
        <v>298.64</v>
      </c>
      <c r="E390" s="3">
        <v>345.04</v>
      </c>
      <c r="F390" s="3">
        <v>364.89</v>
      </c>
      <c r="G390" s="3">
        <v>256.05</v>
      </c>
      <c r="H390" s="3">
        <v>494.33</v>
      </c>
      <c r="I390" s="3">
        <v>103.32</v>
      </c>
      <c r="J390" s="3">
        <v>181.78</v>
      </c>
      <c r="K390" s="3">
        <v>201.64</v>
      </c>
      <c r="L390" s="3">
        <v>229.5</v>
      </c>
      <c r="M390" s="3">
        <v>597.88</v>
      </c>
      <c r="N390" s="3">
        <v>402.32</v>
      </c>
      <c r="O390" s="3">
        <v>884.69</v>
      </c>
      <c r="P390" s="3">
        <v>853.42</v>
      </c>
      <c r="Q390" s="3">
        <v>2286.11</v>
      </c>
      <c r="R390" s="3">
        <v>2286.11</v>
      </c>
      <c r="S390" s="3">
        <v>16.739999999999998</v>
      </c>
      <c r="T390" s="3">
        <v>-0.12</v>
      </c>
      <c r="U390" s="3">
        <v>30.28</v>
      </c>
      <c r="V390" s="3">
        <v>0.09</v>
      </c>
      <c r="W390" s="3">
        <v>5.77</v>
      </c>
      <c r="X390" s="3">
        <v>-0.17</v>
      </c>
      <c r="Y390" s="3">
        <v>0</v>
      </c>
      <c r="Z390" s="3">
        <v>0.34</v>
      </c>
      <c r="AA390" s="4">
        <f t="shared" si="63"/>
        <v>0</v>
      </c>
      <c r="AB390" s="4">
        <f t="shared" si="59"/>
        <v>1.6</v>
      </c>
      <c r="AC390" s="3">
        <f t="shared" si="56"/>
        <v>26.783999999999999</v>
      </c>
      <c r="AD390" s="4">
        <f t="shared" si="60"/>
        <v>0</v>
      </c>
      <c r="AE390" s="3">
        <f t="shared" si="57"/>
        <v>-0.192</v>
      </c>
      <c r="AF390" s="4">
        <f t="shared" si="64"/>
        <v>0</v>
      </c>
      <c r="AG390" s="3">
        <f t="shared" si="61"/>
        <v>48.448000000000008</v>
      </c>
      <c r="AH390" s="4">
        <f t="shared" si="62"/>
        <v>0</v>
      </c>
      <c r="AI390" s="3">
        <f t="shared" si="58"/>
        <v>0.09</v>
      </c>
      <c r="AJ390" s="14"/>
      <c r="AK390" s="14"/>
      <c r="AO390" s="12">
        <v>15</v>
      </c>
      <c r="AP390" s="7"/>
      <c r="AQ390" s="7"/>
      <c r="AR390" s="13"/>
    </row>
    <row r="391" spans="1:44">
      <c r="A391" s="3" t="s">
        <v>52</v>
      </c>
      <c r="B391" s="2">
        <v>0.65335648148148151</v>
      </c>
      <c r="C391" s="3">
        <v>94.58</v>
      </c>
      <c r="D391" s="3">
        <v>297.61</v>
      </c>
      <c r="E391" s="3">
        <v>340.07</v>
      </c>
      <c r="F391" s="3">
        <v>415.5</v>
      </c>
      <c r="G391" s="3">
        <v>243.93</v>
      </c>
      <c r="H391" s="3">
        <v>488.39</v>
      </c>
      <c r="I391" s="3">
        <v>102.47</v>
      </c>
      <c r="J391" s="3">
        <v>180.85</v>
      </c>
      <c r="K391" s="3">
        <v>200.56</v>
      </c>
      <c r="L391" s="3">
        <v>228.29</v>
      </c>
      <c r="M391" s="3">
        <v>600.59</v>
      </c>
      <c r="N391" s="3">
        <v>427.06</v>
      </c>
      <c r="O391" s="3">
        <v>906.24</v>
      </c>
      <c r="P391" s="3">
        <v>856.69</v>
      </c>
      <c r="Q391" s="3">
        <v>2286.11</v>
      </c>
      <c r="R391" s="3">
        <v>2286.11</v>
      </c>
      <c r="S391" s="3">
        <v>30.61</v>
      </c>
      <c r="T391" s="3">
        <v>-0.08</v>
      </c>
      <c r="U391" s="3">
        <v>14.55</v>
      </c>
      <c r="V391" s="3">
        <v>0.1</v>
      </c>
      <c r="W391" s="3">
        <v>5.18</v>
      </c>
      <c r="X391" s="3">
        <v>-0.21</v>
      </c>
      <c r="Y391" s="3">
        <v>-0.01</v>
      </c>
      <c r="Z391" s="3">
        <v>0.39</v>
      </c>
      <c r="AA391" s="4">
        <f t="shared" si="63"/>
        <v>0</v>
      </c>
      <c r="AB391" s="4">
        <f t="shared" si="59"/>
        <v>1.6</v>
      </c>
      <c r="AC391" s="3">
        <f t="shared" si="56"/>
        <v>48.975999999999999</v>
      </c>
      <c r="AD391" s="4">
        <f t="shared" si="60"/>
        <v>0</v>
      </c>
      <c r="AE391" s="3">
        <f t="shared" si="57"/>
        <v>-0.128</v>
      </c>
      <c r="AF391" s="4">
        <f t="shared" si="64"/>
        <v>0</v>
      </c>
      <c r="AG391" s="3">
        <f t="shared" si="61"/>
        <v>23.28</v>
      </c>
      <c r="AH391" s="4">
        <f t="shared" si="62"/>
        <v>0</v>
      </c>
      <c r="AI391" s="3">
        <f t="shared" si="58"/>
        <v>0.1</v>
      </c>
      <c r="AJ391" s="14"/>
      <c r="AK391" s="14"/>
      <c r="AO391" s="12">
        <v>15</v>
      </c>
      <c r="AP391" s="7"/>
      <c r="AQ391" s="7"/>
      <c r="AR391" s="13"/>
    </row>
    <row r="392" spans="1:44">
      <c r="A392" s="1" t="s">
        <v>52</v>
      </c>
      <c r="B392" s="2">
        <v>0.65405092592592595</v>
      </c>
      <c r="C392" s="3">
        <v>92.49</v>
      </c>
      <c r="D392" s="3">
        <v>308.2</v>
      </c>
      <c r="E392" s="3">
        <v>340.35</v>
      </c>
      <c r="F392" s="3">
        <v>461.31</v>
      </c>
      <c r="G392" s="3">
        <v>237.19</v>
      </c>
      <c r="H392" s="3">
        <v>494.72</v>
      </c>
      <c r="I392" s="3">
        <v>101.59</v>
      </c>
      <c r="J392" s="3">
        <v>179.86</v>
      </c>
      <c r="K392" s="3">
        <v>199.66</v>
      </c>
      <c r="L392" s="3">
        <v>227.45</v>
      </c>
      <c r="M392" s="3">
        <v>604.41999999999996</v>
      </c>
      <c r="N392" s="3">
        <v>451.47</v>
      </c>
      <c r="O392" s="3">
        <v>919.21</v>
      </c>
      <c r="P392" s="3">
        <v>854.6</v>
      </c>
      <c r="Q392" s="3">
        <v>2286.09</v>
      </c>
      <c r="R392" s="3">
        <v>2286.09</v>
      </c>
      <c r="S392" s="3">
        <v>37.72</v>
      </c>
      <c r="T392" s="3">
        <v>0</v>
      </c>
      <c r="U392" s="3">
        <v>8.58</v>
      </c>
      <c r="V392" s="3">
        <v>0.13</v>
      </c>
      <c r="W392" s="3">
        <v>4.58</v>
      </c>
      <c r="X392" s="3">
        <v>-0.21</v>
      </c>
      <c r="Y392" s="3">
        <v>-0.03</v>
      </c>
      <c r="Z392" s="3">
        <v>0.26</v>
      </c>
      <c r="AA392" s="4">
        <f t="shared" si="63"/>
        <v>0</v>
      </c>
      <c r="AB392" s="4">
        <f t="shared" si="59"/>
        <v>1.6</v>
      </c>
      <c r="AC392" s="3">
        <f t="shared" si="56"/>
        <v>60.352000000000004</v>
      </c>
      <c r="AD392" s="4">
        <f t="shared" si="60"/>
        <v>0</v>
      </c>
      <c r="AE392" s="3">
        <f t="shared" si="57"/>
        <v>0</v>
      </c>
      <c r="AF392" s="4">
        <f t="shared" si="64"/>
        <v>0</v>
      </c>
      <c r="AG392" s="3">
        <f t="shared" si="61"/>
        <v>13.728000000000002</v>
      </c>
      <c r="AH392" s="4">
        <f t="shared" si="62"/>
        <v>0</v>
      </c>
      <c r="AI392" s="3">
        <f t="shared" si="58"/>
        <v>0.13</v>
      </c>
      <c r="AJ392" s="14"/>
      <c r="AK392" s="14"/>
      <c r="AO392" s="12">
        <v>15</v>
      </c>
      <c r="AP392" s="7"/>
      <c r="AQ392" s="7"/>
      <c r="AR392" s="13"/>
    </row>
    <row r="393" spans="1:44">
      <c r="A393" s="1" t="s">
        <v>52</v>
      </c>
      <c r="B393" s="2">
        <v>0.65475694444444443</v>
      </c>
      <c r="C393" s="3">
        <v>91.86</v>
      </c>
      <c r="D393" s="3">
        <v>316.16000000000003</v>
      </c>
      <c r="E393" s="3">
        <v>344.65</v>
      </c>
      <c r="F393" s="3">
        <v>493.89</v>
      </c>
      <c r="G393" s="3">
        <v>236.32</v>
      </c>
      <c r="H393" s="3">
        <v>513.95000000000005</v>
      </c>
      <c r="I393" s="3">
        <v>100.76</v>
      </c>
      <c r="J393" s="3">
        <v>178.87</v>
      </c>
      <c r="K393" s="3">
        <v>199.46</v>
      </c>
      <c r="L393" s="3">
        <v>233.41</v>
      </c>
      <c r="M393" s="3">
        <v>607.91</v>
      </c>
      <c r="N393" s="3">
        <v>459.49</v>
      </c>
      <c r="O393" s="3">
        <v>928.61</v>
      </c>
      <c r="P393" s="3">
        <v>851.93</v>
      </c>
      <c r="Q393" s="3">
        <v>2286.11</v>
      </c>
      <c r="R393" s="3">
        <v>2286.11</v>
      </c>
      <c r="S393" s="3">
        <v>40.43</v>
      </c>
      <c r="T393" s="3">
        <v>0.14000000000000001</v>
      </c>
      <c r="U393" s="3">
        <v>6.06</v>
      </c>
      <c r="V393" s="3">
        <v>0.22</v>
      </c>
      <c r="W393" s="3">
        <v>4.66</v>
      </c>
      <c r="X393" s="3">
        <v>-0.21</v>
      </c>
      <c r="Y393" s="3">
        <v>-0.04</v>
      </c>
      <c r="Z393" s="3">
        <v>0.32</v>
      </c>
      <c r="AA393" s="4">
        <f t="shared" si="63"/>
        <v>0</v>
      </c>
      <c r="AB393" s="4">
        <f t="shared" si="59"/>
        <v>1.6</v>
      </c>
      <c r="AC393" s="3">
        <f t="shared" si="56"/>
        <v>64.688000000000002</v>
      </c>
      <c r="AD393" s="4">
        <f t="shared" si="60"/>
        <v>0</v>
      </c>
      <c r="AE393" s="3">
        <f t="shared" si="57"/>
        <v>0.22400000000000003</v>
      </c>
      <c r="AF393" s="4">
        <f t="shared" si="64"/>
        <v>0</v>
      </c>
      <c r="AG393" s="3">
        <f t="shared" si="61"/>
        <v>9.6959999999999997</v>
      </c>
      <c r="AH393" s="4">
        <f t="shared" si="62"/>
        <v>0</v>
      </c>
      <c r="AI393" s="3">
        <f t="shared" si="58"/>
        <v>0.22</v>
      </c>
      <c r="AJ393" s="14"/>
      <c r="AK393" s="14"/>
      <c r="AO393" s="12">
        <v>15</v>
      </c>
      <c r="AP393" s="7"/>
      <c r="AQ393" s="7"/>
      <c r="AR393" s="13"/>
    </row>
    <row r="394" spans="1:44">
      <c r="A394" s="1" t="s">
        <v>52</v>
      </c>
      <c r="B394" s="2">
        <v>0.65545138888888888</v>
      </c>
      <c r="C394" s="3">
        <v>90.67</v>
      </c>
      <c r="D394" s="3">
        <v>315.42</v>
      </c>
      <c r="E394" s="3">
        <v>350.14</v>
      </c>
      <c r="F394" s="3">
        <v>498.03</v>
      </c>
      <c r="G394" s="3">
        <v>235.75</v>
      </c>
      <c r="H394" s="3">
        <v>522.57000000000005</v>
      </c>
      <c r="I394" s="3">
        <v>100.04</v>
      </c>
      <c r="J394" s="3">
        <v>177.86</v>
      </c>
      <c r="K394" s="3">
        <v>200.86</v>
      </c>
      <c r="L394" s="3">
        <v>249.04</v>
      </c>
      <c r="M394" s="3">
        <v>610.24</v>
      </c>
      <c r="N394" s="3">
        <v>458.27</v>
      </c>
      <c r="O394" s="3">
        <v>936.94</v>
      </c>
      <c r="P394" s="3">
        <v>850.56</v>
      </c>
      <c r="Q394" s="3">
        <v>2286.12</v>
      </c>
      <c r="R394" s="3">
        <v>2286.12</v>
      </c>
      <c r="S394" s="3">
        <v>41.32</v>
      </c>
      <c r="T394" s="3">
        <v>0.13</v>
      </c>
      <c r="U394" s="3">
        <v>5.95</v>
      </c>
      <c r="V394" s="3">
        <v>0.22</v>
      </c>
      <c r="W394" s="3">
        <v>4.6900000000000004</v>
      </c>
      <c r="X394" s="3">
        <v>-0.21</v>
      </c>
      <c r="Y394" s="3">
        <v>-0.04</v>
      </c>
      <c r="Z394" s="3">
        <v>0.35</v>
      </c>
      <c r="AA394" s="4">
        <f t="shared" si="63"/>
        <v>0</v>
      </c>
      <c r="AB394" s="4">
        <f t="shared" si="59"/>
        <v>1.6</v>
      </c>
      <c r="AC394" s="3">
        <f t="shared" si="56"/>
        <v>66.112000000000009</v>
      </c>
      <c r="AD394" s="4">
        <f t="shared" si="60"/>
        <v>0</v>
      </c>
      <c r="AE394" s="3">
        <f t="shared" si="57"/>
        <v>0.20800000000000002</v>
      </c>
      <c r="AF394" s="4">
        <f t="shared" si="64"/>
        <v>0</v>
      </c>
      <c r="AG394" s="3">
        <f t="shared" si="61"/>
        <v>9.5200000000000014</v>
      </c>
      <c r="AH394" s="4">
        <f t="shared" si="62"/>
        <v>0</v>
      </c>
      <c r="AI394" s="3">
        <f t="shared" si="58"/>
        <v>0.22</v>
      </c>
      <c r="AJ394" s="14"/>
      <c r="AK394" s="14"/>
      <c r="AO394" s="12">
        <v>15</v>
      </c>
      <c r="AP394" s="7"/>
      <c r="AQ394" s="7"/>
      <c r="AR394" s="13"/>
    </row>
    <row r="395" spans="1:44">
      <c r="A395" s="1" t="s">
        <v>52</v>
      </c>
      <c r="B395" s="2">
        <v>0.65614583333333332</v>
      </c>
      <c r="C395" s="3">
        <v>88.77</v>
      </c>
      <c r="D395" s="3">
        <v>311.38</v>
      </c>
      <c r="E395" s="3">
        <v>353.21</v>
      </c>
      <c r="F395" s="3">
        <v>475.02</v>
      </c>
      <c r="G395" s="3">
        <v>233.13</v>
      </c>
      <c r="H395" s="3">
        <v>518.82000000000005</v>
      </c>
      <c r="I395" s="3">
        <v>99.75</v>
      </c>
      <c r="J395" s="3">
        <v>178.88</v>
      </c>
      <c r="K395" s="3">
        <v>203.1</v>
      </c>
      <c r="L395" s="3">
        <v>262.07</v>
      </c>
      <c r="M395" s="3">
        <v>611.86</v>
      </c>
      <c r="N395" s="3">
        <v>454.29</v>
      </c>
      <c r="O395" s="3">
        <v>910.02</v>
      </c>
      <c r="P395" s="3">
        <v>856.29</v>
      </c>
      <c r="Q395" s="3">
        <v>2286.13</v>
      </c>
      <c r="R395" s="3">
        <v>2286.13</v>
      </c>
      <c r="S395" s="3">
        <v>41.56</v>
      </c>
      <c r="T395" s="3">
        <v>0.11</v>
      </c>
      <c r="U395" s="3">
        <v>6.1</v>
      </c>
      <c r="V395" s="3">
        <v>0.21</v>
      </c>
      <c r="W395" s="3">
        <v>4.7</v>
      </c>
      <c r="X395" s="3">
        <v>-0.21</v>
      </c>
      <c r="Y395" s="3">
        <v>-0.05</v>
      </c>
      <c r="Z395" s="3">
        <v>0.37</v>
      </c>
      <c r="AA395" s="4">
        <f t="shared" si="63"/>
        <v>0</v>
      </c>
      <c r="AB395" s="4">
        <f t="shared" si="59"/>
        <v>1.6</v>
      </c>
      <c r="AC395" s="3">
        <f t="shared" si="56"/>
        <v>66.496000000000009</v>
      </c>
      <c r="AD395" s="4">
        <f t="shared" si="60"/>
        <v>0</v>
      </c>
      <c r="AE395" s="3">
        <f t="shared" si="57"/>
        <v>0.17600000000000002</v>
      </c>
      <c r="AF395" s="4">
        <f t="shared" si="64"/>
        <v>0</v>
      </c>
      <c r="AG395" s="3">
        <f t="shared" si="61"/>
        <v>9.76</v>
      </c>
      <c r="AH395" s="4">
        <f t="shared" si="62"/>
        <v>0</v>
      </c>
      <c r="AI395" s="3">
        <f t="shared" si="58"/>
        <v>0.21</v>
      </c>
      <c r="AJ395" s="14"/>
      <c r="AK395" s="14"/>
      <c r="AO395" s="12">
        <v>15</v>
      </c>
      <c r="AP395" s="7"/>
      <c r="AQ395" s="7"/>
      <c r="AR395" s="13"/>
    </row>
    <row r="396" spans="1:44">
      <c r="A396" s="1" t="s">
        <v>52</v>
      </c>
      <c r="B396" s="2">
        <v>0.65684027777777776</v>
      </c>
      <c r="C396" s="3">
        <v>86.37</v>
      </c>
      <c r="D396" s="3">
        <v>306.41000000000003</v>
      </c>
      <c r="E396" s="3">
        <v>351.72</v>
      </c>
      <c r="F396" s="3">
        <v>446.11</v>
      </c>
      <c r="G396" s="3">
        <v>228.95</v>
      </c>
      <c r="H396" s="3">
        <v>511.01</v>
      </c>
      <c r="I396" s="3">
        <v>100.45</v>
      </c>
      <c r="J396" s="3">
        <v>190.44</v>
      </c>
      <c r="K396" s="3">
        <v>204.99</v>
      </c>
      <c r="L396" s="3">
        <v>265.83999999999997</v>
      </c>
      <c r="M396" s="3">
        <v>610.44000000000005</v>
      </c>
      <c r="N396" s="3">
        <v>449.59</v>
      </c>
      <c r="O396" s="3">
        <v>862.99</v>
      </c>
      <c r="P396" s="3">
        <v>856.08</v>
      </c>
      <c r="Q396" s="3">
        <v>2286.11</v>
      </c>
      <c r="R396" s="3">
        <v>2286.11</v>
      </c>
      <c r="S396" s="3">
        <v>41.49</v>
      </c>
      <c r="T396" s="3">
        <v>0.16</v>
      </c>
      <c r="U396" s="3">
        <v>6.81</v>
      </c>
      <c r="V396" s="3">
        <v>0.19</v>
      </c>
      <c r="W396" s="3">
        <v>4.09</v>
      </c>
      <c r="X396" s="3">
        <v>-0.22</v>
      </c>
      <c r="Y396" s="3">
        <v>-0.05</v>
      </c>
      <c r="Z396" s="3">
        <v>0.34</v>
      </c>
      <c r="AA396" s="4">
        <f t="shared" si="63"/>
        <v>0</v>
      </c>
      <c r="AB396" s="4">
        <f t="shared" si="59"/>
        <v>1.6</v>
      </c>
      <c r="AC396" s="3">
        <f t="shared" si="56"/>
        <v>66.384</v>
      </c>
      <c r="AD396" s="4">
        <f t="shared" si="60"/>
        <v>0</v>
      </c>
      <c r="AE396" s="3">
        <f t="shared" si="57"/>
        <v>0.25600000000000001</v>
      </c>
      <c r="AF396" s="4">
        <f t="shared" si="64"/>
        <v>0</v>
      </c>
      <c r="AG396" s="3">
        <f t="shared" si="61"/>
        <v>10.896000000000001</v>
      </c>
      <c r="AH396" s="4">
        <f t="shared" si="62"/>
        <v>0</v>
      </c>
      <c r="AI396" s="3">
        <f t="shared" si="58"/>
        <v>0.19</v>
      </c>
      <c r="AJ396" s="14"/>
      <c r="AK396" s="14"/>
      <c r="AO396" s="12">
        <v>15</v>
      </c>
      <c r="AP396" s="7"/>
      <c r="AQ396" s="7"/>
      <c r="AR396" s="13"/>
    </row>
    <row r="397" spans="1:44">
      <c r="A397" s="1" t="s">
        <v>52</v>
      </c>
      <c r="B397" s="2">
        <v>0.6575347222222222</v>
      </c>
      <c r="C397" s="3">
        <v>83.92</v>
      </c>
      <c r="D397" s="3">
        <v>301.35000000000002</v>
      </c>
      <c r="E397" s="3">
        <v>347.77</v>
      </c>
      <c r="F397" s="3">
        <v>440.22</v>
      </c>
      <c r="G397" s="3">
        <v>223.84</v>
      </c>
      <c r="H397" s="3">
        <v>502.21</v>
      </c>
      <c r="I397" s="3">
        <v>101.93</v>
      </c>
      <c r="J397" s="3">
        <v>205.44</v>
      </c>
      <c r="K397" s="3">
        <v>206.24</v>
      </c>
      <c r="L397" s="3">
        <v>265.22000000000003</v>
      </c>
      <c r="M397" s="3">
        <v>609.70000000000005</v>
      </c>
      <c r="N397" s="3">
        <v>444.92</v>
      </c>
      <c r="O397" s="3">
        <v>876.47</v>
      </c>
      <c r="P397" s="3">
        <v>852.16</v>
      </c>
      <c r="Q397" s="3">
        <v>2286.13</v>
      </c>
      <c r="R397" s="3">
        <v>2286.13</v>
      </c>
      <c r="S397" s="3">
        <v>50.5</v>
      </c>
      <c r="T397" s="3">
        <v>0.26</v>
      </c>
      <c r="U397" s="3">
        <v>7.38</v>
      </c>
      <c r="V397" s="3">
        <v>0.3</v>
      </c>
      <c r="W397" s="3">
        <v>3.11</v>
      </c>
      <c r="X397" s="3">
        <v>-0.22</v>
      </c>
      <c r="Y397" s="3">
        <v>-0.06</v>
      </c>
      <c r="Z397" s="3">
        <v>0.26</v>
      </c>
      <c r="AA397" s="4">
        <f t="shared" si="63"/>
        <v>0</v>
      </c>
      <c r="AB397" s="4">
        <f t="shared" si="59"/>
        <v>1.6</v>
      </c>
      <c r="AC397" s="3">
        <f t="shared" si="56"/>
        <v>80.800000000000011</v>
      </c>
      <c r="AD397" s="4">
        <f t="shared" si="60"/>
        <v>0</v>
      </c>
      <c r="AE397" s="3">
        <f t="shared" si="57"/>
        <v>0.41600000000000004</v>
      </c>
      <c r="AF397" s="4">
        <f t="shared" si="64"/>
        <v>0</v>
      </c>
      <c r="AG397" s="3">
        <f t="shared" si="61"/>
        <v>11.808</v>
      </c>
      <c r="AH397" s="4">
        <f t="shared" si="62"/>
        <v>0</v>
      </c>
      <c r="AI397" s="3">
        <f t="shared" si="58"/>
        <v>0.3</v>
      </c>
      <c r="AJ397" s="14"/>
      <c r="AK397" s="14"/>
      <c r="AO397" s="12">
        <v>15</v>
      </c>
      <c r="AP397" s="7"/>
      <c r="AQ397" s="7"/>
      <c r="AR397" s="13"/>
    </row>
    <row r="398" spans="1:44">
      <c r="A398" s="1" t="s">
        <v>52</v>
      </c>
      <c r="B398" s="2">
        <v>0.65822916666666664</v>
      </c>
      <c r="C398" s="3">
        <v>81.88</v>
      </c>
      <c r="D398" s="3">
        <v>297.85000000000002</v>
      </c>
      <c r="E398" s="3">
        <v>346.06</v>
      </c>
      <c r="F398" s="3">
        <v>476.46</v>
      </c>
      <c r="G398" s="3">
        <v>219.1</v>
      </c>
      <c r="H398" s="3">
        <v>495.43</v>
      </c>
      <c r="I398" s="3">
        <v>103.45</v>
      </c>
      <c r="J398" s="3">
        <v>212.34</v>
      </c>
      <c r="K398" s="3">
        <v>206.99</v>
      </c>
      <c r="L398" s="3">
        <v>263.11</v>
      </c>
      <c r="M398" s="3">
        <v>608.64</v>
      </c>
      <c r="N398" s="3">
        <v>440.46</v>
      </c>
      <c r="O398" s="3">
        <v>878.99</v>
      </c>
      <c r="P398" s="3">
        <v>851.26</v>
      </c>
      <c r="Q398" s="3">
        <v>2286.11</v>
      </c>
      <c r="R398" s="3">
        <v>2286.11</v>
      </c>
      <c r="S398" s="3">
        <v>54.13</v>
      </c>
      <c r="T398" s="3">
        <v>0.27</v>
      </c>
      <c r="U398" s="3">
        <v>7.35</v>
      </c>
      <c r="V398" s="3">
        <v>0.37</v>
      </c>
      <c r="W398" s="3">
        <v>4.09</v>
      </c>
      <c r="X398" s="3">
        <v>-0.22</v>
      </c>
      <c r="Y398" s="3">
        <v>-0.05</v>
      </c>
      <c r="Z398" s="3">
        <v>0.31</v>
      </c>
      <c r="AA398" s="4">
        <f t="shared" si="63"/>
        <v>0</v>
      </c>
      <c r="AB398" s="4">
        <f t="shared" si="59"/>
        <v>1.6</v>
      </c>
      <c r="AC398" s="3">
        <f t="shared" si="56"/>
        <v>86.608000000000004</v>
      </c>
      <c r="AD398" s="4">
        <f t="shared" si="60"/>
        <v>0</v>
      </c>
      <c r="AE398" s="3">
        <f t="shared" si="57"/>
        <v>0.43200000000000005</v>
      </c>
      <c r="AF398" s="4">
        <f t="shared" si="64"/>
        <v>0</v>
      </c>
      <c r="AG398" s="3">
        <f t="shared" si="61"/>
        <v>11.76</v>
      </c>
      <c r="AH398" s="4">
        <f t="shared" si="62"/>
        <v>0</v>
      </c>
      <c r="AI398" s="3">
        <f t="shared" si="58"/>
        <v>0.37</v>
      </c>
      <c r="AJ398" s="14"/>
      <c r="AK398" s="14"/>
      <c r="AO398" s="12">
        <v>15</v>
      </c>
      <c r="AP398" s="7"/>
      <c r="AQ398" s="7"/>
      <c r="AR398" s="13"/>
    </row>
    <row r="399" spans="1:44">
      <c r="A399" s="1" t="s">
        <v>52</v>
      </c>
      <c r="B399" s="2">
        <v>0.65892361111111108</v>
      </c>
      <c r="C399" s="3">
        <v>82.29</v>
      </c>
      <c r="D399" s="3">
        <v>305.17</v>
      </c>
      <c r="E399" s="3">
        <v>348.25</v>
      </c>
      <c r="F399" s="3">
        <v>498.72</v>
      </c>
      <c r="G399" s="3">
        <v>218.55</v>
      </c>
      <c r="H399" s="3">
        <v>503.63</v>
      </c>
      <c r="I399" s="3">
        <v>104.74</v>
      </c>
      <c r="J399" s="3">
        <v>213.82</v>
      </c>
      <c r="K399" s="3">
        <v>207.38</v>
      </c>
      <c r="L399" s="3">
        <v>260.54000000000002</v>
      </c>
      <c r="M399" s="3">
        <v>608.24</v>
      </c>
      <c r="N399" s="3">
        <v>436.3</v>
      </c>
      <c r="O399" s="3">
        <v>882.9</v>
      </c>
      <c r="P399" s="3">
        <v>857.49</v>
      </c>
      <c r="Q399" s="3">
        <v>2286.11</v>
      </c>
      <c r="R399" s="3">
        <v>2286.11</v>
      </c>
      <c r="S399" s="3">
        <v>54.05</v>
      </c>
      <c r="T399" s="3">
        <v>0.27</v>
      </c>
      <c r="U399" s="3">
        <v>6.97</v>
      </c>
      <c r="V399" s="3">
        <v>0.37</v>
      </c>
      <c r="W399" s="3">
        <v>4.5599999999999996</v>
      </c>
      <c r="X399" s="3">
        <v>-0.22</v>
      </c>
      <c r="Y399" s="3">
        <v>-0.06</v>
      </c>
      <c r="Z399" s="3">
        <v>0.34</v>
      </c>
      <c r="AA399" s="4">
        <f t="shared" si="63"/>
        <v>0</v>
      </c>
      <c r="AB399" s="4">
        <f t="shared" si="59"/>
        <v>1.6</v>
      </c>
      <c r="AC399" s="3">
        <f t="shared" si="56"/>
        <v>86.48</v>
      </c>
      <c r="AD399" s="4">
        <f t="shared" si="60"/>
        <v>0</v>
      </c>
      <c r="AE399" s="3">
        <f t="shared" si="57"/>
        <v>0.43200000000000005</v>
      </c>
      <c r="AF399" s="4">
        <f t="shared" si="64"/>
        <v>0</v>
      </c>
      <c r="AG399" s="3">
        <f t="shared" si="61"/>
        <v>11.152000000000001</v>
      </c>
      <c r="AH399" s="4">
        <f t="shared" si="62"/>
        <v>0</v>
      </c>
      <c r="AI399" s="3">
        <f t="shared" si="58"/>
        <v>0.37</v>
      </c>
      <c r="AJ399" s="14"/>
      <c r="AK399" s="14"/>
      <c r="AO399" s="12">
        <v>15</v>
      </c>
      <c r="AP399" s="7"/>
      <c r="AQ399" s="7"/>
      <c r="AR399" s="13"/>
    </row>
    <row r="400" spans="1:44">
      <c r="A400" s="1" t="s">
        <v>52</v>
      </c>
      <c r="B400" s="2">
        <v>0.65962962962962968</v>
      </c>
      <c r="C400" s="3">
        <v>83.75</v>
      </c>
      <c r="D400" s="3">
        <v>314.01</v>
      </c>
      <c r="E400" s="3">
        <v>350.99</v>
      </c>
      <c r="F400" s="3">
        <v>494.1</v>
      </c>
      <c r="G400" s="3">
        <v>220.63</v>
      </c>
      <c r="H400" s="3">
        <v>516.46</v>
      </c>
      <c r="I400" s="3">
        <v>105.75</v>
      </c>
      <c r="J400" s="3">
        <v>212.98</v>
      </c>
      <c r="K400" s="3">
        <v>207.41</v>
      </c>
      <c r="L400" s="3">
        <v>257.91000000000003</v>
      </c>
      <c r="M400" s="3">
        <v>607.21</v>
      </c>
      <c r="N400" s="3">
        <v>432.34</v>
      </c>
      <c r="O400" s="3">
        <v>889.24</v>
      </c>
      <c r="P400" s="3">
        <v>855.96</v>
      </c>
      <c r="Q400" s="3">
        <v>2286.11</v>
      </c>
      <c r="R400" s="3">
        <v>2286.11</v>
      </c>
      <c r="S400" s="3">
        <v>54.86</v>
      </c>
      <c r="T400" s="3">
        <v>0.41</v>
      </c>
      <c r="U400" s="3">
        <v>5.92</v>
      </c>
      <c r="V400" s="3">
        <v>0.48</v>
      </c>
      <c r="W400" s="3">
        <v>4.3499999999999996</v>
      </c>
      <c r="X400" s="3">
        <v>-0.22</v>
      </c>
      <c r="Y400" s="3">
        <v>-0.06</v>
      </c>
      <c r="Z400" s="3">
        <v>0.33</v>
      </c>
      <c r="AA400" s="4">
        <f t="shared" si="63"/>
        <v>0</v>
      </c>
      <c r="AB400" s="4">
        <f t="shared" si="59"/>
        <v>1.6</v>
      </c>
      <c r="AC400" s="3">
        <f t="shared" si="56"/>
        <v>87.77600000000001</v>
      </c>
      <c r="AD400" s="4">
        <f t="shared" si="60"/>
        <v>0</v>
      </c>
      <c r="AE400" s="3">
        <f t="shared" si="57"/>
        <v>0.65600000000000003</v>
      </c>
      <c r="AF400" s="4">
        <f t="shared" si="64"/>
        <v>0</v>
      </c>
      <c r="AG400" s="3">
        <f t="shared" si="61"/>
        <v>9.4719999999999995</v>
      </c>
      <c r="AH400" s="4">
        <f t="shared" si="62"/>
        <v>0</v>
      </c>
      <c r="AI400" s="3">
        <f t="shared" si="58"/>
        <v>0.48</v>
      </c>
      <c r="AJ400" s="14"/>
      <c r="AK400" s="14"/>
      <c r="AO400" s="12">
        <v>15</v>
      </c>
      <c r="AP400" s="7"/>
      <c r="AQ400" s="7"/>
      <c r="AR400" s="13"/>
    </row>
    <row r="401" spans="1:44">
      <c r="A401" s="1" t="s">
        <v>52</v>
      </c>
      <c r="B401" s="2">
        <v>0.66032407407407401</v>
      </c>
      <c r="C401" s="3">
        <v>84.11</v>
      </c>
      <c r="D401" s="3">
        <v>314.04000000000002</v>
      </c>
      <c r="E401" s="3">
        <v>350.99</v>
      </c>
      <c r="F401" s="3">
        <v>463.61</v>
      </c>
      <c r="G401" s="3">
        <v>220.88</v>
      </c>
      <c r="H401" s="3">
        <v>515.98</v>
      </c>
      <c r="I401" s="3">
        <v>106.52</v>
      </c>
      <c r="J401" s="3">
        <v>211.2</v>
      </c>
      <c r="K401" s="3">
        <v>207.21</v>
      </c>
      <c r="L401" s="3">
        <v>255.32</v>
      </c>
      <c r="M401" s="3">
        <v>606.16999999999996</v>
      </c>
      <c r="N401" s="3">
        <v>428.55</v>
      </c>
      <c r="O401" s="3">
        <v>903.08</v>
      </c>
      <c r="P401" s="3">
        <v>852.56</v>
      </c>
      <c r="Q401" s="3">
        <v>2286.1</v>
      </c>
      <c r="R401" s="3">
        <v>2286.1</v>
      </c>
      <c r="S401" s="3">
        <v>53.25</v>
      </c>
      <c r="T401" s="3">
        <v>0.47</v>
      </c>
      <c r="U401" s="3">
        <v>5.05</v>
      </c>
      <c r="V401" s="3">
        <v>0.54</v>
      </c>
      <c r="W401" s="3">
        <v>4.7300000000000004</v>
      </c>
      <c r="X401" s="3">
        <v>-0.22</v>
      </c>
      <c r="Y401" s="3">
        <v>-7.0000000000000007E-2</v>
      </c>
      <c r="Z401" s="3">
        <v>0.35</v>
      </c>
      <c r="AA401" s="4">
        <f t="shared" si="63"/>
        <v>0</v>
      </c>
      <c r="AB401" s="4">
        <f t="shared" si="59"/>
        <v>1.6</v>
      </c>
      <c r="AC401" s="3">
        <f t="shared" si="56"/>
        <v>85.2</v>
      </c>
      <c r="AD401" s="4">
        <f t="shared" si="60"/>
        <v>0</v>
      </c>
      <c r="AE401" s="3">
        <f t="shared" si="57"/>
        <v>0.752</v>
      </c>
      <c r="AF401" s="4">
        <f t="shared" si="64"/>
        <v>0</v>
      </c>
      <c r="AG401" s="3">
        <f t="shared" si="61"/>
        <v>8.08</v>
      </c>
      <c r="AH401" s="4">
        <f t="shared" si="62"/>
        <v>0</v>
      </c>
      <c r="AI401" s="3">
        <f t="shared" si="58"/>
        <v>0.54</v>
      </c>
      <c r="AJ401" s="14"/>
      <c r="AK401" s="14"/>
      <c r="AO401" s="12">
        <v>15</v>
      </c>
      <c r="AP401" s="7"/>
      <c r="AQ401" s="7"/>
      <c r="AR401" s="13"/>
    </row>
    <row r="402" spans="1:44">
      <c r="A402" s="1" t="s">
        <v>52</v>
      </c>
      <c r="B402" s="2">
        <v>0.66101851851851856</v>
      </c>
      <c r="C402" s="3">
        <v>83.45</v>
      </c>
      <c r="D402" s="3">
        <v>310.14999999999998</v>
      </c>
      <c r="E402" s="3">
        <v>348.16</v>
      </c>
      <c r="F402" s="3">
        <v>458.93</v>
      </c>
      <c r="G402" s="3">
        <v>219.02</v>
      </c>
      <c r="H402" s="3">
        <v>508.94</v>
      </c>
      <c r="I402" s="3">
        <v>107.06</v>
      </c>
      <c r="J402" s="3">
        <v>209.06</v>
      </c>
      <c r="K402" s="3">
        <v>206.86</v>
      </c>
      <c r="L402" s="3">
        <v>252.85</v>
      </c>
      <c r="M402" s="3">
        <v>605.46</v>
      </c>
      <c r="N402" s="3">
        <v>424.87</v>
      </c>
      <c r="O402" s="3">
        <v>918.86</v>
      </c>
      <c r="P402" s="3">
        <v>850.53</v>
      </c>
      <c r="Q402" s="3">
        <v>2286.12</v>
      </c>
      <c r="R402" s="3">
        <v>2286.12</v>
      </c>
      <c r="S402" s="3">
        <v>50.6</v>
      </c>
      <c r="T402" s="3">
        <v>0.64</v>
      </c>
      <c r="U402" s="3">
        <v>3.66</v>
      </c>
      <c r="V402" s="3">
        <v>0.78</v>
      </c>
      <c r="W402" s="3">
        <v>4.7300000000000004</v>
      </c>
      <c r="X402" s="3">
        <v>-0.21</v>
      </c>
      <c r="Y402" s="3">
        <v>-7.0000000000000007E-2</v>
      </c>
      <c r="Z402" s="3">
        <v>0.35</v>
      </c>
      <c r="AA402" s="4">
        <f t="shared" si="63"/>
        <v>0</v>
      </c>
      <c r="AB402" s="4">
        <f t="shared" si="59"/>
        <v>1.6</v>
      </c>
      <c r="AC402" s="3">
        <f t="shared" si="56"/>
        <v>80.960000000000008</v>
      </c>
      <c r="AD402" s="4">
        <f t="shared" si="60"/>
        <v>0</v>
      </c>
      <c r="AE402" s="3">
        <f t="shared" si="57"/>
        <v>1.024</v>
      </c>
      <c r="AF402" s="4">
        <f t="shared" si="64"/>
        <v>0</v>
      </c>
      <c r="AG402" s="3">
        <f t="shared" si="61"/>
        <v>5.8560000000000008</v>
      </c>
      <c r="AH402" s="4">
        <f t="shared" si="62"/>
        <v>0</v>
      </c>
      <c r="AI402" s="3">
        <f t="shared" si="58"/>
        <v>0.78</v>
      </c>
      <c r="AJ402" s="14"/>
      <c r="AK402" s="14"/>
      <c r="AO402" s="12">
        <v>15</v>
      </c>
      <c r="AP402" s="7"/>
      <c r="AQ402" s="7"/>
      <c r="AR402" s="13"/>
    </row>
    <row r="403" spans="1:44">
      <c r="A403" s="1" t="s">
        <v>52</v>
      </c>
      <c r="B403" s="2">
        <v>0.66171296296296289</v>
      </c>
      <c r="C403" s="3">
        <v>82.22</v>
      </c>
      <c r="D403" s="3">
        <v>305.16000000000003</v>
      </c>
      <c r="E403" s="3">
        <v>347.83</v>
      </c>
      <c r="F403" s="3">
        <v>492.94</v>
      </c>
      <c r="G403" s="3">
        <v>215.79</v>
      </c>
      <c r="H403" s="3">
        <v>500.17</v>
      </c>
      <c r="I403" s="3">
        <v>107.3</v>
      </c>
      <c r="J403" s="3">
        <v>206.81</v>
      </c>
      <c r="K403" s="3">
        <v>206.31</v>
      </c>
      <c r="L403" s="3">
        <v>250.47</v>
      </c>
      <c r="M403" s="3">
        <v>605.01</v>
      </c>
      <c r="N403" s="3">
        <v>421.45</v>
      </c>
      <c r="O403" s="3">
        <v>929.97</v>
      </c>
      <c r="P403" s="3">
        <v>856.95</v>
      </c>
      <c r="Q403" s="3">
        <v>2286.1</v>
      </c>
      <c r="R403" s="3">
        <v>2286.1</v>
      </c>
      <c r="S403" s="3">
        <v>49.49</v>
      </c>
      <c r="T403" s="3">
        <v>0.63</v>
      </c>
      <c r="U403" s="3">
        <v>3.69</v>
      </c>
      <c r="V403" s="3">
        <v>0.77</v>
      </c>
      <c r="W403" s="3">
        <v>4.63</v>
      </c>
      <c r="X403" s="3">
        <v>-0.21</v>
      </c>
      <c r="Y403" s="3">
        <v>-7.0000000000000007E-2</v>
      </c>
      <c r="Z403" s="3">
        <v>0.36</v>
      </c>
      <c r="AA403" s="4">
        <f t="shared" si="63"/>
        <v>0</v>
      </c>
      <c r="AB403" s="4">
        <f t="shared" si="59"/>
        <v>1.6</v>
      </c>
      <c r="AC403" s="3">
        <f t="shared" si="56"/>
        <v>79.184000000000012</v>
      </c>
      <c r="AD403" s="4">
        <f t="shared" si="60"/>
        <v>0</v>
      </c>
      <c r="AE403" s="3">
        <f t="shared" si="57"/>
        <v>1.008</v>
      </c>
      <c r="AF403" s="4">
        <f t="shared" si="64"/>
        <v>0</v>
      </c>
      <c r="AG403" s="3">
        <f t="shared" si="61"/>
        <v>5.9039999999999999</v>
      </c>
      <c r="AH403" s="4">
        <f t="shared" si="62"/>
        <v>0</v>
      </c>
      <c r="AI403" s="3">
        <f t="shared" si="58"/>
        <v>0.77</v>
      </c>
      <c r="AJ403" s="14"/>
      <c r="AK403" s="14"/>
      <c r="AO403" s="12">
        <v>15</v>
      </c>
      <c r="AP403" s="7"/>
      <c r="AQ403" s="7"/>
      <c r="AR403" s="13"/>
    </row>
    <row r="404" spans="1:44">
      <c r="A404" s="1" t="s">
        <v>52</v>
      </c>
      <c r="B404" s="2">
        <v>0.66240740740740744</v>
      </c>
      <c r="C404" s="3">
        <v>80.680000000000007</v>
      </c>
      <c r="D404" s="3">
        <v>300.02</v>
      </c>
      <c r="E404" s="3">
        <v>349.65</v>
      </c>
      <c r="F404" s="3">
        <v>499.03</v>
      </c>
      <c r="G404" s="3">
        <v>213.06</v>
      </c>
      <c r="H404" s="3">
        <v>495.44</v>
      </c>
      <c r="I404" s="3">
        <v>107.44</v>
      </c>
      <c r="J404" s="3">
        <v>204.56</v>
      </c>
      <c r="K404" s="3">
        <v>205.57</v>
      </c>
      <c r="L404" s="3">
        <v>248.21</v>
      </c>
      <c r="M404" s="3">
        <v>604.97</v>
      </c>
      <c r="N404" s="3">
        <v>418.11</v>
      </c>
      <c r="O404" s="3">
        <v>931.26</v>
      </c>
      <c r="P404" s="3">
        <v>857.97</v>
      </c>
      <c r="Q404" s="3">
        <v>2286.09</v>
      </c>
      <c r="R404" s="3">
        <v>2286.09</v>
      </c>
      <c r="S404" s="3">
        <v>47.36</v>
      </c>
      <c r="T404" s="3">
        <v>0.22</v>
      </c>
      <c r="U404" s="3">
        <v>6.45</v>
      </c>
      <c r="V404" s="3">
        <v>0.31</v>
      </c>
      <c r="W404" s="3">
        <v>4.7</v>
      </c>
      <c r="X404" s="3">
        <v>-0.21</v>
      </c>
      <c r="Y404" s="3">
        <v>-7.0000000000000007E-2</v>
      </c>
      <c r="Z404" s="3">
        <v>0.35</v>
      </c>
      <c r="AA404" s="4">
        <f t="shared" si="63"/>
        <v>0</v>
      </c>
      <c r="AB404" s="4">
        <f t="shared" si="59"/>
        <v>1.6</v>
      </c>
      <c r="AC404" s="3">
        <f t="shared" si="56"/>
        <v>75.775999999999996</v>
      </c>
      <c r="AD404" s="4">
        <f t="shared" si="60"/>
        <v>0</v>
      </c>
      <c r="AE404" s="3">
        <f t="shared" si="57"/>
        <v>0.35200000000000004</v>
      </c>
      <c r="AF404" s="4">
        <f t="shared" si="64"/>
        <v>0</v>
      </c>
      <c r="AG404" s="3">
        <f t="shared" si="61"/>
        <v>10.32</v>
      </c>
      <c r="AH404" s="4">
        <f t="shared" si="62"/>
        <v>0</v>
      </c>
      <c r="AI404" s="3">
        <f t="shared" si="58"/>
        <v>0.31</v>
      </c>
      <c r="AJ404" s="14"/>
      <c r="AK404" s="14"/>
      <c r="AO404" s="12">
        <v>15</v>
      </c>
      <c r="AP404" s="7"/>
      <c r="AQ404" s="7"/>
      <c r="AR404" s="13"/>
    </row>
    <row r="405" spans="1:44">
      <c r="A405" s="1" t="s">
        <v>52</v>
      </c>
      <c r="B405" s="2">
        <v>0.66310185185185189</v>
      </c>
      <c r="C405" s="3">
        <v>80.19</v>
      </c>
      <c r="D405" s="3">
        <v>298.43</v>
      </c>
      <c r="E405" s="3">
        <v>350.64</v>
      </c>
      <c r="F405" s="3">
        <v>480.26</v>
      </c>
      <c r="G405" s="3">
        <v>214.28</v>
      </c>
      <c r="H405" s="3">
        <v>507.03</v>
      </c>
      <c r="I405" s="3">
        <v>107.38</v>
      </c>
      <c r="J405" s="3">
        <v>202.37</v>
      </c>
      <c r="K405" s="3">
        <v>204.82</v>
      </c>
      <c r="L405" s="3">
        <v>246.06</v>
      </c>
      <c r="M405" s="3">
        <v>604.25</v>
      </c>
      <c r="N405" s="3">
        <v>414.89</v>
      </c>
      <c r="O405" s="3">
        <v>933.6</v>
      </c>
      <c r="P405" s="3">
        <v>856.62</v>
      </c>
      <c r="Q405" s="3">
        <v>2286.09</v>
      </c>
      <c r="R405" s="3">
        <v>2286.09</v>
      </c>
      <c r="S405" s="3">
        <v>45.93</v>
      </c>
      <c r="T405" s="3">
        <v>-0.01</v>
      </c>
      <c r="U405" s="3">
        <v>8.36</v>
      </c>
      <c r="V405" s="3">
        <v>0.12</v>
      </c>
      <c r="W405" s="3">
        <v>4.84</v>
      </c>
      <c r="X405" s="3">
        <v>-0.22</v>
      </c>
      <c r="Y405" s="3">
        <v>-7.0000000000000007E-2</v>
      </c>
      <c r="Z405" s="3">
        <v>0.37</v>
      </c>
      <c r="AA405" s="4">
        <f t="shared" si="63"/>
        <v>0</v>
      </c>
      <c r="AB405" s="4">
        <f t="shared" si="59"/>
        <v>1.6</v>
      </c>
      <c r="AC405" s="3">
        <f t="shared" si="56"/>
        <v>73.488</v>
      </c>
      <c r="AD405" s="4">
        <f t="shared" si="60"/>
        <v>0</v>
      </c>
      <c r="AE405" s="3">
        <f t="shared" si="57"/>
        <v>-1.6E-2</v>
      </c>
      <c r="AF405" s="4">
        <f t="shared" si="64"/>
        <v>0</v>
      </c>
      <c r="AG405" s="3">
        <f t="shared" si="61"/>
        <v>13.375999999999999</v>
      </c>
      <c r="AH405" s="4">
        <f t="shared" si="62"/>
        <v>0</v>
      </c>
      <c r="AI405" s="3">
        <f t="shared" si="58"/>
        <v>0.12</v>
      </c>
      <c r="AJ405" s="14"/>
      <c r="AK405" s="14"/>
      <c r="AO405" s="12">
        <v>15</v>
      </c>
      <c r="AP405" s="7"/>
      <c r="AQ405" s="7"/>
      <c r="AR405" s="13"/>
    </row>
    <row r="406" spans="1:44">
      <c r="A406" s="1" t="s">
        <v>52</v>
      </c>
      <c r="B406" s="2">
        <v>0.66379629629629633</v>
      </c>
      <c r="C406" s="3">
        <v>81.78</v>
      </c>
      <c r="D406" s="3">
        <v>308.36</v>
      </c>
      <c r="E406" s="3">
        <v>348.95</v>
      </c>
      <c r="F406" s="3">
        <v>465.51</v>
      </c>
      <c r="G406" s="3">
        <v>216.81</v>
      </c>
      <c r="H406" s="3">
        <v>517.34</v>
      </c>
      <c r="I406" s="3">
        <v>107.19</v>
      </c>
      <c r="J406" s="3">
        <v>200.25</v>
      </c>
      <c r="K406" s="3">
        <v>204.06</v>
      </c>
      <c r="L406" s="3">
        <v>244</v>
      </c>
      <c r="M406" s="3">
        <v>602.99</v>
      </c>
      <c r="N406" s="3">
        <v>411.74</v>
      </c>
      <c r="O406" s="3">
        <v>907.47</v>
      </c>
      <c r="P406" s="3">
        <v>854.68</v>
      </c>
      <c r="Q406" s="3">
        <v>2286.11</v>
      </c>
      <c r="R406" s="3">
        <v>2286.11</v>
      </c>
      <c r="S406" s="3">
        <v>45.54</v>
      </c>
      <c r="T406" s="3">
        <v>-0.02</v>
      </c>
      <c r="U406" s="3">
        <v>8.2799999999999994</v>
      </c>
      <c r="V406" s="3">
        <v>0.13</v>
      </c>
      <c r="W406" s="3">
        <v>4.51</v>
      </c>
      <c r="X406" s="3">
        <v>-0.22</v>
      </c>
      <c r="Y406" s="3">
        <v>-7.0000000000000007E-2</v>
      </c>
      <c r="Z406" s="3">
        <v>0.34</v>
      </c>
      <c r="AA406" s="4">
        <f t="shared" si="63"/>
        <v>0</v>
      </c>
      <c r="AB406" s="4">
        <f t="shared" si="59"/>
        <v>1.6</v>
      </c>
      <c r="AC406" s="3">
        <f t="shared" si="56"/>
        <v>72.864000000000004</v>
      </c>
      <c r="AD406" s="4">
        <f t="shared" si="60"/>
        <v>0</v>
      </c>
      <c r="AE406" s="3">
        <f t="shared" si="57"/>
        <v>-3.2000000000000001E-2</v>
      </c>
      <c r="AF406" s="4">
        <f t="shared" si="64"/>
        <v>0</v>
      </c>
      <c r="AG406" s="3">
        <f t="shared" si="61"/>
        <v>13.247999999999999</v>
      </c>
      <c r="AH406" s="4">
        <f t="shared" si="62"/>
        <v>0</v>
      </c>
      <c r="AI406" s="3">
        <f t="shared" si="58"/>
        <v>0.13</v>
      </c>
      <c r="AJ406" s="14"/>
      <c r="AK406" s="14"/>
      <c r="AO406" s="12">
        <v>15</v>
      </c>
      <c r="AP406" s="7"/>
      <c r="AQ406" s="7"/>
      <c r="AR406" s="13"/>
    </row>
    <row r="407" spans="1:44">
      <c r="A407" s="1" t="s">
        <v>52</v>
      </c>
      <c r="B407" s="2">
        <v>0.66449074074074077</v>
      </c>
      <c r="C407" s="3">
        <v>83.1</v>
      </c>
      <c r="D407" s="3">
        <v>314.83</v>
      </c>
      <c r="E407" s="3">
        <v>349.05</v>
      </c>
      <c r="F407" s="3">
        <v>494.91</v>
      </c>
      <c r="G407" s="3">
        <v>217.26</v>
      </c>
      <c r="H407" s="3">
        <v>514.53</v>
      </c>
      <c r="I407" s="3">
        <v>106.86</v>
      </c>
      <c r="J407" s="3">
        <v>198.16</v>
      </c>
      <c r="K407" s="3">
        <v>203.15</v>
      </c>
      <c r="L407" s="3">
        <v>242.01</v>
      </c>
      <c r="M407" s="3">
        <v>600.12</v>
      </c>
      <c r="N407" s="3">
        <v>408.77</v>
      </c>
      <c r="O407" s="3">
        <v>871.87</v>
      </c>
      <c r="P407" s="3">
        <v>851.6</v>
      </c>
      <c r="Q407" s="3">
        <v>2286.1</v>
      </c>
      <c r="R407" s="3">
        <v>2286.1</v>
      </c>
      <c r="S407" s="3">
        <v>44.8</v>
      </c>
      <c r="T407" s="3">
        <v>0.02</v>
      </c>
      <c r="U407" s="3">
        <v>9</v>
      </c>
      <c r="V407" s="3">
        <v>0.15</v>
      </c>
      <c r="W407" s="3">
        <v>4.07</v>
      </c>
      <c r="X407" s="3">
        <v>-0.21</v>
      </c>
      <c r="Y407" s="3">
        <v>-7.0000000000000007E-2</v>
      </c>
      <c r="Z407" s="3">
        <v>0.32</v>
      </c>
      <c r="AA407" s="4">
        <f t="shared" si="63"/>
        <v>0</v>
      </c>
      <c r="AB407" s="4">
        <f t="shared" si="59"/>
        <v>1.6</v>
      </c>
      <c r="AC407" s="3">
        <f t="shared" si="56"/>
        <v>71.679999999999993</v>
      </c>
      <c r="AD407" s="4">
        <f t="shared" si="60"/>
        <v>0</v>
      </c>
      <c r="AE407" s="3">
        <f t="shared" si="57"/>
        <v>3.2000000000000001E-2</v>
      </c>
      <c r="AF407" s="4">
        <f t="shared" si="64"/>
        <v>0</v>
      </c>
      <c r="AG407" s="3">
        <f t="shared" si="61"/>
        <v>14.4</v>
      </c>
      <c r="AH407" s="4">
        <f t="shared" si="62"/>
        <v>0</v>
      </c>
      <c r="AI407" s="3">
        <f t="shared" si="58"/>
        <v>0.15</v>
      </c>
      <c r="AJ407" s="14"/>
      <c r="AK407" s="14"/>
      <c r="AO407" s="12">
        <v>15</v>
      </c>
      <c r="AP407" s="7"/>
      <c r="AQ407" s="7"/>
      <c r="AR407" s="13"/>
    </row>
    <row r="408" spans="1:44">
      <c r="A408" s="1" t="s">
        <v>52</v>
      </c>
      <c r="B408" s="2">
        <v>0.66519675925925925</v>
      </c>
      <c r="C408" s="3">
        <v>83.34</v>
      </c>
      <c r="D408" s="3">
        <v>313.3</v>
      </c>
      <c r="E408" s="3">
        <v>350.31</v>
      </c>
      <c r="F408" s="3">
        <v>482.75</v>
      </c>
      <c r="G408" s="3">
        <v>215.68</v>
      </c>
      <c r="H408" s="3">
        <v>506.64</v>
      </c>
      <c r="I408" s="3">
        <v>106.45</v>
      </c>
      <c r="J408" s="3">
        <v>196.11</v>
      </c>
      <c r="K408" s="3">
        <v>202.12</v>
      </c>
      <c r="L408" s="3">
        <v>240.08</v>
      </c>
      <c r="M408" s="3">
        <v>598.97</v>
      </c>
      <c r="N408" s="3">
        <v>409.07</v>
      </c>
      <c r="O408" s="3">
        <v>879.32</v>
      </c>
      <c r="P408" s="3">
        <v>851.94</v>
      </c>
      <c r="Q408" s="3">
        <v>2286.12</v>
      </c>
      <c r="R408" s="3">
        <v>2286.12</v>
      </c>
      <c r="S408" s="3">
        <v>54.23</v>
      </c>
      <c r="T408" s="3">
        <v>0.14000000000000001</v>
      </c>
      <c r="U408" s="3">
        <v>9.06</v>
      </c>
      <c r="V408" s="3">
        <v>0.24</v>
      </c>
      <c r="W408" s="3">
        <v>3.13</v>
      </c>
      <c r="X408" s="3">
        <v>-0.22</v>
      </c>
      <c r="Y408" s="3">
        <v>-7.0000000000000007E-2</v>
      </c>
      <c r="Z408" s="3">
        <v>0.25</v>
      </c>
      <c r="AA408" s="4">
        <f t="shared" si="63"/>
        <v>0</v>
      </c>
      <c r="AB408" s="4">
        <f t="shared" si="59"/>
        <v>1.6</v>
      </c>
      <c r="AC408" s="3">
        <f t="shared" si="56"/>
        <v>86.768000000000001</v>
      </c>
      <c r="AD408" s="4">
        <f t="shared" si="60"/>
        <v>0</v>
      </c>
      <c r="AE408" s="3">
        <f t="shared" si="57"/>
        <v>0.22400000000000003</v>
      </c>
      <c r="AF408" s="4">
        <f t="shared" si="64"/>
        <v>0</v>
      </c>
      <c r="AG408" s="3">
        <f t="shared" si="61"/>
        <v>14.496000000000002</v>
      </c>
      <c r="AH408" s="4">
        <f t="shared" si="62"/>
        <v>0</v>
      </c>
      <c r="AI408" s="3">
        <f t="shared" si="58"/>
        <v>0.24</v>
      </c>
      <c r="AJ408" s="14"/>
      <c r="AK408" s="14"/>
      <c r="AO408" s="12">
        <v>15</v>
      </c>
      <c r="AP408" s="7"/>
      <c r="AQ408" s="7"/>
      <c r="AR408" s="13"/>
    </row>
    <row r="409" spans="1:44">
      <c r="A409" s="1" t="s">
        <v>52</v>
      </c>
      <c r="B409" s="2">
        <v>0.66589120370370369</v>
      </c>
      <c r="C409" s="3">
        <v>82.54</v>
      </c>
      <c r="D409" s="3">
        <v>308.89</v>
      </c>
      <c r="E409" s="3">
        <v>348.87</v>
      </c>
      <c r="F409" s="3">
        <v>477.36</v>
      </c>
      <c r="G409" s="3">
        <v>212.79</v>
      </c>
      <c r="H409" s="3">
        <v>497.72</v>
      </c>
      <c r="I409" s="3">
        <v>105.9</v>
      </c>
      <c r="J409" s="3">
        <v>194.16</v>
      </c>
      <c r="K409" s="3">
        <v>201.15</v>
      </c>
      <c r="L409" s="3">
        <v>238.22</v>
      </c>
      <c r="M409" s="3">
        <v>599.29</v>
      </c>
      <c r="N409" s="3">
        <v>422.93</v>
      </c>
      <c r="O409" s="3">
        <v>881.9</v>
      </c>
      <c r="P409" s="3">
        <v>857.22</v>
      </c>
      <c r="Q409" s="3">
        <v>2286.13</v>
      </c>
      <c r="R409" s="3">
        <v>2286.13</v>
      </c>
      <c r="S409" s="3">
        <v>58.17</v>
      </c>
      <c r="T409" s="3">
        <v>0.28000000000000003</v>
      </c>
      <c r="U409" s="3">
        <v>7.6</v>
      </c>
      <c r="V409" s="3">
        <v>0.32</v>
      </c>
      <c r="W409" s="3">
        <v>3.66</v>
      </c>
      <c r="X409" s="3">
        <v>-0.22</v>
      </c>
      <c r="Y409" s="3">
        <v>-7.0000000000000007E-2</v>
      </c>
      <c r="Z409" s="3">
        <v>0.27</v>
      </c>
      <c r="AA409" s="4">
        <f t="shared" si="63"/>
        <v>0</v>
      </c>
      <c r="AB409" s="4">
        <f t="shared" si="59"/>
        <v>1.6</v>
      </c>
      <c r="AC409" s="3">
        <f t="shared" si="56"/>
        <v>93.072000000000003</v>
      </c>
      <c r="AD409" s="4">
        <f t="shared" si="60"/>
        <v>0</v>
      </c>
      <c r="AE409" s="3">
        <f t="shared" si="57"/>
        <v>0.44800000000000006</v>
      </c>
      <c r="AF409" s="4">
        <f t="shared" si="64"/>
        <v>0</v>
      </c>
      <c r="AG409" s="3">
        <f t="shared" si="61"/>
        <v>12.16</v>
      </c>
      <c r="AH409" s="4">
        <f t="shared" si="62"/>
        <v>0</v>
      </c>
      <c r="AI409" s="3">
        <f t="shared" si="58"/>
        <v>0.32</v>
      </c>
      <c r="AJ409" s="14"/>
      <c r="AK409" s="14"/>
      <c r="AO409" s="12">
        <v>15</v>
      </c>
      <c r="AP409" s="7"/>
      <c r="AQ409" s="7"/>
      <c r="AR409" s="13"/>
    </row>
    <row r="410" spans="1:44">
      <c r="A410" s="1" t="s">
        <v>52</v>
      </c>
      <c r="B410" s="2">
        <v>0.66658564814814814</v>
      </c>
      <c r="C410" s="3">
        <v>81.52</v>
      </c>
      <c r="D410" s="3">
        <v>303.74</v>
      </c>
      <c r="E410" s="3">
        <v>349.55</v>
      </c>
      <c r="F410" s="3">
        <v>498.73</v>
      </c>
      <c r="G410" s="3">
        <v>211.45</v>
      </c>
      <c r="H410" s="3">
        <v>496.98</v>
      </c>
      <c r="I410" s="3">
        <v>105.31</v>
      </c>
      <c r="J410" s="3">
        <v>192.32</v>
      </c>
      <c r="K410" s="3">
        <v>200.33</v>
      </c>
      <c r="L410" s="3">
        <v>236.42</v>
      </c>
      <c r="M410" s="3">
        <v>601.95000000000005</v>
      </c>
      <c r="N410" s="3">
        <v>446.1</v>
      </c>
      <c r="O410" s="3">
        <v>888.84</v>
      </c>
      <c r="P410" s="3">
        <v>855.16</v>
      </c>
      <c r="Q410" s="3">
        <v>2286.14</v>
      </c>
      <c r="R410" s="3">
        <v>2286.14</v>
      </c>
      <c r="S410" s="3">
        <v>56.78</v>
      </c>
      <c r="T410" s="3">
        <v>0.26</v>
      </c>
      <c r="U410" s="3">
        <v>7.1</v>
      </c>
      <c r="V410" s="3">
        <v>0.26</v>
      </c>
      <c r="W410" s="3">
        <v>4.09</v>
      </c>
      <c r="X410" s="3">
        <v>-0.22</v>
      </c>
      <c r="Y410" s="3">
        <v>-7.0000000000000007E-2</v>
      </c>
      <c r="Z410" s="3">
        <v>0.32</v>
      </c>
      <c r="AA410" s="4">
        <f t="shared" si="63"/>
        <v>0</v>
      </c>
      <c r="AB410" s="4">
        <f t="shared" si="59"/>
        <v>1.6</v>
      </c>
      <c r="AC410" s="3">
        <f t="shared" si="56"/>
        <v>90.848000000000013</v>
      </c>
      <c r="AD410" s="4">
        <f t="shared" si="60"/>
        <v>0</v>
      </c>
      <c r="AE410" s="3">
        <f t="shared" si="57"/>
        <v>0.41600000000000004</v>
      </c>
      <c r="AF410" s="4">
        <f t="shared" si="64"/>
        <v>0</v>
      </c>
      <c r="AG410" s="3">
        <f t="shared" si="61"/>
        <v>11.36</v>
      </c>
      <c r="AH410" s="4">
        <f t="shared" si="62"/>
        <v>0</v>
      </c>
      <c r="AI410" s="3">
        <f t="shared" si="58"/>
        <v>0.26</v>
      </c>
      <c r="AJ410" s="14"/>
      <c r="AK410" s="14"/>
      <c r="AO410" s="12">
        <v>15</v>
      </c>
      <c r="AP410" s="7"/>
      <c r="AQ410" s="7"/>
      <c r="AR410" s="13"/>
    </row>
    <row r="411" spans="1:44">
      <c r="A411" s="1" t="s">
        <v>52</v>
      </c>
      <c r="B411" s="2">
        <v>0.66728009259259258</v>
      </c>
      <c r="C411" s="3">
        <v>80.680000000000007</v>
      </c>
      <c r="D411" s="3">
        <v>298.69</v>
      </c>
      <c r="E411" s="3">
        <v>350.18</v>
      </c>
      <c r="F411" s="3">
        <v>479.03</v>
      </c>
      <c r="G411" s="3">
        <v>213.81</v>
      </c>
      <c r="H411" s="3">
        <v>511.4</v>
      </c>
      <c r="I411" s="3">
        <v>104.64</v>
      </c>
      <c r="J411" s="3">
        <v>190.55</v>
      </c>
      <c r="K411" s="3">
        <v>199.63</v>
      </c>
      <c r="L411" s="3">
        <v>235.31</v>
      </c>
      <c r="M411" s="3">
        <v>604.67999999999995</v>
      </c>
      <c r="N411" s="3">
        <v>458.74</v>
      </c>
      <c r="O411" s="3">
        <v>900.72</v>
      </c>
      <c r="P411" s="3">
        <v>851.65</v>
      </c>
      <c r="Q411" s="3">
        <v>2286.13</v>
      </c>
      <c r="R411" s="3">
        <v>2286.13</v>
      </c>
      <c r="S411" s="3">
        <v>55</v>
      </c>
      <c r="T411" s="3">
        <v>0.43</v>
      </c>
      <c r="U411" s="3">
        <v>5.37</v>
      </c>
      <c r="V411" s="3">
        <v>0.42</v>
      </c>
      <c r="W411" s="3">
        <v>3.84</v>
      </c>
      <c r="X411" s="3">
        <v>-0.21</v>
      </c>
      <c r="Y411" s="3">
        <v>-0.08</v>
      </c>
      <c r="Z411" s="3">
        <v>0.3</v>
      </c>
      <c r="AA411" s="4">
        <f t="shared" si="63"/>
        <v>0</v>
      </c>
      <c r="AB411" s="4">
        <f t="shared" si="59"/>
        <v>1.6</v>
      </c>
      <c r="AC411" s="3">
        <f t="shared" si="56"/>
        <v>88</v>
      </c>
      <c r="AD411" s="4">
        <f t="shared" si="60"/>
        <v>0</v>
      </c>
      <c r="AE411" s="3">
        <f t="shared" si="57"/>
        <v>0.68800000000000006</v>
      </c>
      <c r="AF411" s="4">
        <f t="shared" si="64"/>
        <v>0</v>
      </c>
      <c r="AG411" s="3">
        <f t="shared" si="61"/>
        <v>8.5920000000000005</v>
      </c>
      <c r="AH411" s="4">
        <f t="shared" si="62"/>
        <v>0</v>
      </c>
      <c r="AI411" s="3">
        <f t="shared" si="58"/>
        <v>0.42</v>
      </c>
      <c r="AJ411" s="14"/>
      <c r="AK411" s="14"/>
      <c r="AO411" s="12">
        <v>15</v>
      </c>
      <c r="AP411" s="7"/>
      <c r="AQ411" s="7"/>
      <c r="AR411" s="13"/>
    </row>
    <row r="412" spans="1:44">
      <c r="A412" s="1" t="s">
        <v>52</v>
      </c>
      <c r="B412" s="2">
        <v>0.66797453703703702</v>
      </c>
      <c r="C412" s="3">
        <v>80.89</v>
      </c>
      <c r="D412" s="3">
        <v>300.51</v>
      </c>
      <c r="E412" s="3">
        <v>349.07</v>
      </c>
      <c r="F412" s="3">
        <v>479.16</v>
      </c>
      <c r="G412" s="3">
        <v>215.78</v>
      </c>
      <c r="H412" s="3">
        <v>517.78</v>
      </c>
      <c r="I412" s="3">
        <v>104.02</v>
      </c>
      <c r="J412" s="3">
        <v>188.87</v>
      </c>
      <c r="K412" s="3">
        <v>199.76</v>
      </c>
      <c r="L412" s="3">
        <v>242.13</v>
      </c>
      <c r="M412" s="3">
        <v>606.67999999999995</v>
      </c>
      <c r="N412" s="3">
        <v>459.67</v>
      </c>
      <c r="O412" s="3">
        <v>917.31</v>
      </c>
      <c r="P412" s="3">
        <v>851.89</v>
      </c>
      <c r="Q412" s="3">
        <v>2286.15</v>
      </c>
      <c r="R412" s="3">
        <v>2286.15</v>
      </c>
      <c r="S412" s="3">
        <v>50.92</v>
      </c>
      <c r="T412" s="3">
        <v>0.39</v>
      </c>
      <c r="U412" s="3">
        <v>4.84</v>
      </c>
      <c r="V412" s="3">
        <v>0.41</v>
      </c>
      <c r="W412" s="3">
        <v>4.4800000000000004</v>
      </c>
      <c r="X412" s="3">
        <v>-0.21</v>
      </c>
      <c r="Y412" s="3">
        <v>-0.08</v>
      </c>
      <c r="Z412" s="3">
        <v>0.34</v>
      </c>
      <c r="AA412" s="4">
        <f t="shared" si="63"/>
        <v>0</v>
      </c>
      <c r="AB412" s="4">
        <f t="shared" si="59"/>
        <v>1.6</v>
      </c>
      <c r="AC412" s="3">
        <f t="shared" si="56"/>
        <v>81.472000000000008</v>
      </c>
      <c r="AD412" s="4">
        <f t="shared" si="60"/>
        <v>0</v>
      </c>
      <c r="AE412" s="3">
        <f t="shared" si="57"/>
        <v>0.62400000000000011</v>
      </c>
      <c r="AF412" s="4">
        <f t="shared" si="64"/>
        <v>0</v>
      </c>
      <c r="AG412" s="3">
        <f t="shared" si="61"/>
        <v>7.7439999999999998</v>
      </c>
      <c r="AH412" s="4">
        <f t="shared" si="62"/>
        <v>0</v>
      </c>
      <c r="AI412" s="3">
        <f t="shared" si="58"/>
        <v>0.41</v>
      </c>
      <c r="AJ412" s="14"/>
      <c r="AK412" s="14"/>
      <c r="AO412" s="12">
        <v>15</v>
      </c>
      <c r="AP412" s="7"/>
      <c r="AQ412" s="7"/>
      <c r="AR412" s="13"/>
    </row>
    <row r="413" spans="1:44">
      <c r="A413" s="1" t="s">
        <v>52</v>
      </c>
      <c r="B413" s="2">
        <v>0.66866898148148157</v>
      </c>
      <c r="C413" s="3">
        <v>82.36</v>
      </c>
      <c r="D413" s="3">
        <v>311.63</v>
      </c>
      <c r="E413" s="3">
        <v>350.2</v>
      </c>
      <c r="F413" s="3">
        <v>496.77</v>
      </c>
      <c r="G413" s="3">
        <v>215.62</v>
      </c>
      <c r="H413" s="3">
        <v>512.77</v>
      </c>
      <c r="I413" s="3">
        <v>103.58</v>
      </c>
      <c r="J413" s="3">
        <v>187.26</v>
      </c>
      <c r="K413" s="3">
        <v>201.37</v>
      </c>
      <c r="L413" s="3">
        <v>257.31</v>
      </c>
      <c r="M413" s="3">
        <v>608.41999999999996</v>
      </c>
      <c r="N413" s="3">
        <v>456.44</v>
      </c>
      <c r="O413" s="3">
        <v>925.84</v>
      </c>
      <c r="P413" s="3">
        <v>858.21</v>
      </c>
      <c r="Q413" s="3">
        <v>2286.16</v>
      </c>
      <c r="R413" s="3">
        <v>2286.16</v>
      </c>
      <c r="S413" s="3">
        <v>49.22</v>
      </c>
      <c r="T413" s="3">
        <v>0.36</v>
      </c>
      <c r="U413" s="3">
        <v>4.84</v>
      </c>
      <c r="V413" s="3">
        <v>0.39</v>
      </c>
      <c r="W413" s="3">
        <v>4.67</v>
      </c>
      <c r="X413" s="3">
        <v>-0.21</v>
      </c>
      <c r="Y413" s="3">
        <v>-7.0000000000000007E-2</v>
      </c>
      <c r="Z413" s="3">
        <v>0.36</v>
      </c>
      <c r="AA413" s="4">
        <f t="shared" si="63"/>
        <v>0</v>
      </c>
      <c r="AB413" s="4">
        <f t="shared" si="59"/>
        <v>1.6</v>
      </c>
      <c r="AC413" s="3">
        <f t="shared" si="56"/>
        <v>78.75200000000001</v>
      </c>
      <c r="AD413" s="4">
        <f t="shared" si="60"/>
        <v>0</v>
      </c>
      <c r="AE413" s="3">
        <f t="shared" si="57"/>
        <v>0.57599999999999996</v>
      </c>
      <c r="AF413" s="4">
        <f t="shared" si="64"/>
        <v>0</v>
      </c>
      <c r="AG413" s="3">
        <f t="shared" si="61"/>
        <v>7.7439999999999998</v>
      </c>
      <c r="AH413" s="4">
        <f t="shared" si="62"/>
        <v>0</v>
      </c>
      <c r="AI413" s="3">
        <f t="shared" si="58"/>
        <v>0.39</v>
      </c>
      <c r="AJ413" s="14"/>
      <c r="AK413" s="14"/>
      <c r="AO413" s="12">
        <v>15</v>
      </c>
      <c r="AP413" s="7"/>
      <c r="AQ413" s="7"/>
      <c r="AR413" s="13"/>
    </row>
    <row r="414" spans="1:44">
      <c r="A414" s="1" t="s">
        <v>52</v>
      </c>
      <c r="B414" s="2">
        <v>0.6693634259259259</v>
      </c>
      <c r="C414" s="3">
        <v>83.28</v>
      </c>
      <c r="D414" s="3">
        <v>315.19</v>
      </c>
      <c r="E414" s="3">
        <v>349.79</v>
      </c>
      <c r="F414" s="3">
        <v>472</v>
      </c>
      <c r="G414" s="3">
        <v>213.8</v>
      </c>
      <c r="H414" s="3">
        <v>504.15</v>
      </c>
      <c r="I414" s="3">
        <v>103.16</v>
      </c>
      <c r="J414" s="3">
        <v>185.74</v>
      </c>
      <c r="K414" s="3">
        <v>203.36</v>
      </c>
      <c r="L414" s="3">
        <v>266.98</v>
      </c>
      <c r="M414" s="3">
        <v>609.82000000000005</v>
      </c>
      <c r="N414" s="3">
        <v>451.97</v>
      </c>
      <c r="O414" s="3">
        <v>935.31</v>
      </c>
      <c r="P414" s="3">
        <v>858.13</v>
      </c>
      <c r="Q414" s="3">
        <v>2286.1799999999998</v>
      </c>
      <c r="R414" s="3">
        <v>2286.1799999999998</v>
      </c>
      <c r="S414" s="3">
        <v>49.71</v>
      </c>
      <c r="T414" s="3">
        <v>0.35</v>
      </c>
      <c r="U414" s="3">
        <v>4.8499999999999996</v>
      </c>
      <c r="V414" s="3">
        <v>0.38</v>
      </c>
      <c r="W414" s="3">
        <v>4.54</v>
      </c>
      <c r="X414" s="3">
        <v>-0.24</v>
      </c>
      <c r="Y414" s="3">
        <v>-0.08</v>
      </c>
      <c r="Z414" s="3">
        <v>0.38</v>
      </c>
      <c r="AA414" s="4">
        <f t="shared" si="63"/>
        <v>0</v>
      </c>
      <c r="AB414" s="4">
        <f t="shared" si="59"/>
        <v>1.6</v>
      </c>
      <c r="AC414" s="3">
        <f t="shared" si="56"/>
        <v>79.536000000000001</v>
      </c>
      <c r="AD414" s="4">
        <f t="shared" si="60"/>
        <v>0</v>
      </c>
      <c r="AE414" s="3">
        <f t="shared" si="57"/>
        <v>0.55999999999999994</v>
      </c>
      <c r="AF414" s="4">
        <f t="shared" si="64"/>
        <v>0</v>
      </c>
      <c r="AG414" s="3">
        <f t="shared" si="61"/>
        <v>7.76</v>
      </c>
      <c r="AH414" s="4">
        <f t="shared" si="62"/>
        <v>0</v>
      </c>
      <c r="AI414" s="3">
        <f t="shared" si="58"/>
        <v>0.38</v>
      </c>
      <c r="AJ414" s="14"/>
      <c r="AK414" s="14"/>
      <c r="AO414" s="12">
        <v>15</v>
      </c>
      <c r="AP414" s="7"/>
      <c r="AQ414" s="7"/>
      <c r="AR414" s="13"/>
    </row>
    <row r="415" spans="1:44">
      <c r="A415" s="1" t="s">
        <v>52</v>
      </c>
      <c r="B415" s="2">
        <v>0.6700694444444445</v>
      </c>
      <c r="C415" s="3">
        <v>83.19</v>
      </c>
      <c r="D415" s="3">
        <v>312.33</v>
      </c>
      <c r="E415" s="3">
        <v>348.64</v>
      </c>
      <c r="F415" s="3">
        <v>491.39</v>
      </c>
      <c r="G415" s="3">
        <v>211.28</v>
      </c>
      <c r="H415" s="3">
        <v>496.22</v>
      </c>
      <c r="I415" s="3">
        <v>102.93</v>
      </c>
      <c r="J415" s="3">
        <v>184.27</v>
      </c>
      <c r="K415" s="3">
        <v>205.1</v>
      </c>
      <c r="L415" s="3">
        <v>268.77</v>
      </c>
      <c r="M415" s="3">
        <v>611</v>
      </c>
      <c r="N415" s="3">
        <v>447.34</v>
      </c>
      <c r="O415" s="3">
        <v>941.51</v>
      </c>
      <c r="P415" s="3">
        <v>856.63</v>
      </c>
      <c r="Q415" s="3">
        <v>2286.17</v>
      </c>
      <c r="R415" s="3">
        <v>2286.17</v>
      </c>
      <c r="S415" s="3">
        <v>49.04</v>
      </c>
      <c r="T415" s="3">
        <v>0.34</v>
      </c>
      <c r="U415" s="3">
        <v>4.91</v>
      </c>
      <c r="V415" s="3">
        <v>0.41</v>
      </c>
      <c r="W415" s="3">
        <v>4.3499999999999996</v>
      </c>
      <c r="X415" s="3">
        <v>-0.22</v>
      </c>
      <c r="Y415" s="3">
        <v>-7.0000000000000007E-2</v>
      </c>
      <c r="Z415" s="3">
        <v>0.34</v>
      </c>
      <c r="AA415" s="4">
        <f t="shared" si="63"/>
        <v>0</v>
      </c>
      <c r="AB415" s="4">
        <f t="shared" si="59"/>
        <v>1.6</v>
      </c>
      <c r="AC415" s="3">
        <f t="shared" si="56"/>
        <v>78.463999999999999</v>
      </c>
      <c r="AD415" s="4">
        <f t="shared" si="60"/>
        <v>0</v>
      </c>
      <c r="AE415" s="3">
        <f t="shared" si="57"/>
        <v>0.54400000000000004</v>
      </c>
      <c r="AF415" s="4">
        <f t="shared" si="64"/>
        <v>0</v>
      </c>
      <c r="AG415" s="3">
        <f t="shared" si="61"/>
        <v>7.8560000000000008</v>
      </c>
      <c r="AH415" s="4">
        <f t="shared" si="62"/>
        <v>0</v>
      </c>
      <c r="AI415" s="3">
        <f t="shared" si="58"/>
        <v>0.41</v>
      </c>
      <c r="AJ415" s="14"/>
      <c r="AK415" s="14"/>
      <c r="AO415" s="12">
        <v>15</v>
      </c>
      <c r="AP415" s="7"/>
      <c r="AQ415" s="7"/>
      <c r="AR415" s="13"/>
    </row>
    <row r="416" spans="1:44">
      <c r="A416" s="1" t="s">
        <v>52</v>
      </c>
      <c r="B416" s="2">
        <v>0.67076388888888883</v>
      </c>
      <c r="C416" s="3">
        <v>82.71</v>
      </c>
      <c r="D416" s="3">
        <v>307.51</v>
      </c>
      <c r="E416" s="3">
        <v>351.19</v>
      </c>
      <c r="F416" s="3">
        <v>520.80999999999995</v>
      </c>
      <c r="G416" s="3">
        <v>211.86</v>
      </c>
      <c r="H416" s="3">
        <v>502.35</v>
      </c>
      <c r="I416" s="3">
        <v>102.79</v>
      </c>
      <c r="J416" s="3">
        <v>182.86</v>
      </c>
      <c r="K416" s="3">
        <v>206.73</v>
      </c>
      <c r="L416" s="3">
        <v>267.42</v>
      </c>
      <c r="M416" s="3">
        <v>613.87</v>
      </c>
      <c r="N416" s="3">
        <v>442.85</v>
      </c>
      <c r="O416" s="3">
        <v>938.09</v>
      </c>
      <c r="P416" s="3">
        <v>854.99</v>
      </c>
      <c r="Q416" s="3">
        <v>2286.17</v>
      </c>
      <c r="R416" s="3">
        <v>2286.17</v>
      </c>
      <c r="S416" s="3">
        <v>47.94</v>
      </c>
      <c r="T416" s="3">
        <v>0.4</v>
      </c>
      <c r="U416" s="3">
        <v>3.67</v>
      </c>
      <c r="V416" s="3">
        <v>0.53</v>
      </c>
      <c r="W416" s="3">
        <v>4.91</v>
      </c>
      <c r="X416" s="3">
        <v>-0.22</v>
      </c>
      <c r="Y416" s="3">
        <v>-7.0000000000000007E-2</v>
      </c>
      <c r="Z416" s="3">
        <v>0.36</v>
      </c>
      <c r="AA416" s="4">
        <f t="shared" si="63"/>
        <v>0</v>
      </c>
      <c r="AB416" s="4">
        <f t="shared" si="59"/>
        <v>1.6</v>
      </c>
      <c r="AC416" s="3">
        <f t="shared" si="56"/>
        <v>76.703999999999994</v>
      </c>
      <c r="AD416" s="4">
        <f t="shared" si="60"/>
        <v>0</v>
      </c>
      <c r="AE416" s="3">
        <f t="shared" si="57"/>
        <v>0.64000000000000012</v>
      </c>
      <c r="AF416" s="4">
        <f t="shared" si="64"/>
        <v>0</v>
      </c>
      <c r="AG416" s="3">
        <f t="shared" si="61"/>
        <v>5.8719999999999999</v>
      </c>
      <c r="AH416" s="4">
        <f t="shared" si="62"/>
        <v>0</v>
      </c>
      <c r="AI416" s="3">
        <f t="shared" si="58"/>
        <v>0.53</v>
      </c>
      <c r="AJ416" s="14"/>
      <c r="AK416" s="14"/>
      <c r="AO416" s="12">
        <v>15</v>
      </c>
      <c r="AP416" s="7"/>
      <c r="AQ416" s="7"/>
      <c r="AR416" s="13"/>
    </row>
    <row r="417" spans="1:44">
      <c r="A417" s="1" t="s">
        <v>52</v>
      </c>
      <c r="B417" s="2">
        <v>0.67145833333333327</v>
      </c>
      <c r="C417" s="3">
        <v>82.39</v>
      </c>
      <c r="D417" s="3">
        <v>302.22000000000003</v>
      </c>
      <c r="E417" s="3">
        <v>356.92</v>
      </c>
      <c r="F417" s="3">
        <v>541.37</v>
      </c>
      <c r="G417" s="3">
        <v>216.93</v>
      </c>
      <c r="H417" s="3">
        <v>522.54999999999995</v>
      </c>
      <c r="I417" s="3">
        <v>102.37</v>
      </c>
      <c r="J417" s="3">
        <v>181.5</v>
      </c>
      <c r="K417" s="3">
        <v>206.93</v>
      </c>
      <c r="L417" s="3">
        <v>265.02999999999997</v>
      </c>
      <c r="M417" s="3">
        <v>612.95000000000005</v>
      </c>
      <c r="N417" s="3">
        <v>438.56</v>
      </c>
      <c r="O417" s="3">
        <v>933.87</v>
      </c>
      <c r="P417" s="3">
        <v>853.25</v>
      </c>
      <c r="Q417" s="3">
        <v>2286.16</v>
      </c>
      <c r="R417" s="3">
        <v>2286.16</v>
      </c>
      <c r="S417" s="3">
        <v>46</v>
      </c>
      <c r="T417" s="3">
        <v>0.34</v>
      </c>
      <c r="U417" s="3">
        <v>3.93</v>
      </c>
      <c r="V417" s="3">
        <v>0.51</v>
      </c>
      <c r="W417" s="3">
        <v>5.16</v>
      </c>
      <c r="X417" s="3">
        <v>-0.21</v>
      </c>
      <c r="Y417" s="3">
        <v>-7.0000000000000007E-2</v>
      </c>
      <c r="Z417" s="3">
        <v>0.39</v>
      </c>
      <c r="AA417" s="4">
        <f t="shared" si="63"/>
        <v>0</v>
      </c>
      <c r="AB417" s="4">
        <f t="shared" si="59"/>
        <v>1.6</v>
      </c>
      <c r="AC417" s="3">
        <f t="shared" si="56"/>
        <v>73.600000000000009</v>
      </c>
      <c r="AD417" s="4">
        <f t="shared" si="60"/>
        <v>0</v>
      </c>
      <c r="AE417" s="3">
        <f t="shared" si="57"/>
        <v>0.54400000000000004</v>
      </c>
      <c r="AF417" s="4">
        <f t="shared" si="64"/>
        <v>0</v>
      </c>
      <c r="AG417" s="3">
        <f t="shared" si="61"/>
        <v>6.2880000000000003</v>
      </c>
      <c r="AH417" s="4">
        <f t="shared" si="62"/>
        <v>0</v>
      </c>
      <c r="AI417" s="3">
        <f t="shared" si="58"/>
        <v>0.51</v>
      </c>
      <c r="AJ417" s="14"/>
      <c r="AK417" s="14"/>
      <c r="AO417" s="12">
        <v>15</v>
      </c>
      <c r="AP417" s="7"/>
      <c r="AQ417" s="7"/>
      <c r="AR417" s="13"/>
    </row>
    <row r="418" spans="1:44">
      <c r="A418" s="1" t="s">
        <v>52</v>
      </c>
      <c r="B418" s="2">
        <v>0.67215277777777782</v>
      </c>
      <c r="C418" s="3">
        <v>82.26</v>
      </c>
      <c r="D418" s="3">
        <v>297.79000000000002</v>
      </c>
      <c r="E418" s="3">
        <v>364.78</v>
      </c>
      <c r="F418" s="3">
        <v>556.37</v>
      </c>
      <c r="G418" s="3">
        <v>225.27</v>
      </c>
      <c r="H418" s="3">
        <v>546.65</v>
      </c>
      <c r="I418" s="3">
        <v>101.89</v>
      </c>
      <c r="J418" s="3">
        <v>180.12</v>
      </c>
      <c r="K418" s="3">
        <v>206.87</v>
      </c>
      <c r="L418" s="3">
        <v>262.33999999999997</v>
      </c>
      <c r="M418" s="3">
        <v>610.64</v>
      </c>
      <c r="N418" s="3">
        <v>434.54</v>
      </c>
      <c r="O418" s="3">
        <v>868.51</v>
      </c>
      <c r="P418" s="3">
        <v>850.98</v>
      </c>
      <c r="Q418" s="3">
        <v>2286.15</v>
      </c>
      <c r="R418" s="3">
        <v>2286.15</v>
      </c>
      <c r="S418" s="3">
        <v>43.29</v>
      </c>
      <c r="T418" s="3">
        <v>0</v>
      </c>
      <c r="U418" s="3">
        <v>8.75</v>
      </c>
      <c r="V418" s="3">
        <v>0.21</v>
      </c>
      <c r="W418" s="3">
        <v>4.29</v>
      </c>
      <c r="X418" s="3">
        <v>-0.22</v>
      </c>
      <c r="Y418" s="3">
        <v>-7.0000000000000007E-2</v>
      </c>
      <c r="Z418" s="3">
        <v>0.34</v>
      </c>
      <c r="AA418" s="4">
        <f t="shared" si="63"/>
        <v>0</v>
      </c>
      <c r="AB418" s="4">
        <f t="shared" si="59"/>
        <v>1.6</v>
      </c>
      <c r="AC418" s="3">
        <f t="shared" si="56"/>
        <v>69.263999999999996</v>
      </c>
      <c r="AD418" s="4">
        <f t="shared" si="60"/>
        <v>0</v>
      </c>
      <c r="AE418" s="3">
        <f t="shared" si="57"/>
        <v>0</v>
      </c>
      <c r="AF418" s="4">
        <f t="shared" si="64"/>
        <v>0</v>
      </c>
      <c r="AG418" s="3">
        <f t="shared" si="61"/>
        <v>14</v>
      </c>
      <c r="AH418" s="4">
        <f t="shared" si="62"/>
        <v>0</v>
      </c>
      <c r="AI418" s="3">
        <f>AH418*AB418+V418</f>
        <v>0.21</v>
      </c>
      <c r="AJ418" s="14"/>
      <c r="AK418" s="14"/>
      <c r="AO418" s="12">
        <v>15</v>
      </c>
      <c r="AP418" s="7"/>
      <c r="AQ418" s="7"/>
      <c r="AR418" s="13"/>
    </row>
    <row r="419" spans="1:44">
      <c r="A419" s="1" t="s">
        <v>52</v>
      </c>
      <c r="B419" s="2">
        <v>0.67284722222222226</v>
      </c>
      <c r="C419" s="3">
        <v>84.01</v>
      </c>
      <c r="D419" s="3">
        <v>303.29000000000002</v>
      </c>
      <c r="E419" s="3">
        <v>373.92</v>
      </c>
      <c r="F419" s="3">
        <v>568.48</v>
      </c>
      <c r="G419" s="3">
        <v>235.82</v>
      </c>
      <c r="H419" s="3">
        <v>570.4</v>
      </c>
      <c r="I419" s="3">
        <v>101.32</v>
      </c>
      <c r="J419" s="3">
        <v>178.72</v>
      </c>
      <c r="K419" s="3">
        <v>206.53</v>
      </c>
      <c r="L419" s="3">
        <v>259.58</v>
      </c>
      <c r="M419" s="3">
        <v>607.58000000000004</v>
      </c>
      <c r="N419" s="3">
        <v>430.66</v>
      </c>
      <c r="O419" s="3">
        <v>873.83</v>
      </c>
      <c r="P419" s="3">
        <v>852.54</v>
      </c>
      <c r="Q419" s="3">
        <v>2286.15</v>
      </c>
      <c r="R419" s="3">
        <v>2286.15</v>
      </c>
      <c r="S419" s="3">
        <v>45.64</v>
      </c>
      <c r="T419" s="3">
        <v>0.01</v>
      </c>
      <c r="U419" s="3">
        <v>10.039999999999999</v>
      </c>
      <c r="V419" s="3">
        <v>0.22</v>
      </c>
      <c r="W419" s="3">
        <v>3.29</v>
      </c>
      <c r="X419" s="3">
        <v>-0.26</v>
      </c>
      <c r="Y419" s="3">
        <v>-0.08</v>
      </c>
      <c r="Z419" s="3">
        <v>0.28999999999999998</v>
      </c>
      <c r="AA419" s="4">
        <f t="shared" si="63"/>
        <v>0</v>
      </c>
      <c r="AB419" s="4">
        <f t="shared" si="59"/>
        <v>1.6</v>
      </c>
      <c r="AC419" s="3">
        <f t="shared" si="56"/>
        <v>73.024000000000001</v>
      </c>
      <c r="AD419" s="4">
        <f t="shared" si="60"/>
        <v>0</v>
      </c>
      <c r="AE419" s="3">
        <f t="shared" si="57"/>
        <v>1.6E-2</v>
      </c>
      <c r="AF419" s="4">
        <f t="shared" si="64"/>
        <v>0</v>
      </c>
      <c r="AG419" s="3">
        <f t="shared" si="61"/>
        <v>16.064</v>
      </c>
      <c r="AH419" s="4">
        <f t="shared" si="62"/>
        <v>0</v>
      </c>
      <c r="AI419" s="3">
        <f t="shared" si="58"/>
        <v>0.22</v>
      </c>
      <c r="AJ419" s="14"/>
      <c r="AK419" s="14"/>
      <c r="AO419" s="12">
        <v>15</v>
      </c>
      <c r="AP419" s="7"/>
      <c r="AQ419" s="7"/>
      <c r="AR419" s="13"/>
    </row>
    <row r="420" spans="1:44">
      <c r="A420" s="1" t="s">
        <v>52</v>
      </c>
      <c r="B420" s="2">
        <v>0.67354166666666659</v>
      </c>
      <c r="C420" s="3">
        <v>86.98</v>
      </c>
      <c r="D420" s="3">
        <v>313.38</v>
      </c>
      <c r="E420" s="3">
        <v>383.81</v>
      </c>
      <c r="F420" s="3">
        <v>579.21</v>
      </c>
      <c r="G420" s="3">
        <v>247.69</v>
      </c>
      <c r="H420" s="3">
        <v>592.78</v>
      </c>
      <c r="I420" s="3">
        <v>100.66</v>
      </c>
      <c r="J420" s="3">
        <v>177.32</v>
      </c>
      <c r="K420" s="3">
        <v>206.01</v>
      </c>
      <c r="L420" s="3">
        <v>256.88</v>
      </c>
      <c r="M420" s="3">
        <v>605.79</v>
      </c>
      <c r="N420" s="3">
        <v>427.03</v>
      </c>
      <c r="O420" s="3">
        <v>877.14</v>
      </c>
      <c r="P420" s="3">
        <v>856.63</v>
      </c>
      <c r="Q420" s="3">
        <v>2286.15</v>
      </c>
      <c r="R420" s="3">
        <v>2286.15</v>
      </c>
      <c r="S420" s="3">
        <v>52.99</v>
      </c>
      <c r="T420" s="3">
        <v>0.03</v>
      </c>
      <c r="U420" s="3">
        <v>9.9600000000000009</v>
      </c>
      <c r="V420" s="3">
        <v>0.22</v>
      </c>
      <c r="W420" s="3">
        <v>3.1</v>
      </c>
      <c r="X420" s="3">
        <v>-0.33</v>
      </c>
      <c r="Y420" s="3">
        <v>-0.08</v>
      </c>
      <c r="Z420" s="3">
        <v>0.31</v>
      </c>
      <c r="AA420" s="4">
        <f t="shared" si="63"/>
        <v>0</v>
      </c>
      <c r="AB420" s="4">
        <f t="shared" si="59"/>
        <v>1.6</v>
      </c>
      <c r="AC420" s="3">
        <f t="shared" ref="AC420:AC483" si="65">S420*AB420+AA420</f>
        <v>84.784000000000006</v>
      </c>
      <c r="AD420" s="4">
        <f t="shared" si="60"/>
        <v>0</v>
      </c>
      <c r="AE420" s="3">
        <f t="shared" ref="AE420:AE483" si="66">T420*AB420+AD420</f>
        <v>4.8000000000000001E-2</v>
      </c>
      <c r="AF420" s="4">
        <f t="shared" si="64"/>
        <v>0</v>
      </c>
      <c r="AG420" s="3">
        <f t="shared" si="61"/>
        <v>15.936000000000002</v>
      </c>
      <c r="AH420" s="4">
        <f t="shared" si="62"/>
        <v>0</v>
      </c>
      <c r="AI420" s="3">
        <f t="shared" ref="AI420:AI483" si="67">AH420*AB420+V420</f>
        <v>0.22</v>
      </c>
      <c r="AJ420" s="14"/>
      <c r="AK420" s="14"/>
      <c r="AO420" s="12">
        <v>15</v>
      </c>
      <c r="AP420" s="7"/>
      <c r="AQ420" s="7"/>
      <c r="AR420" s="13"/>
    </row>
    <row r="421" spans="1:44">
      <c r="A421" s="1" t="s">
        <v>52</v>
      </c>
      <c r="B421" s="2">
        <v>0.67423611111111115</v>
      </c>
      <c r="C421" s="3">
        <v>89.01</v>
      </c>
      <c r="D421" s="3">
        <v>314.44</v>
      </c>
      <c r="E421" s="3">
        <v>394.05</v>
      </c>
      <c r="F421" s="3">
        <v>589.23</v>
      </c>
      <c r="G421" s="3">
        <v>258.87</v>
      </c>
      <c r="H421" s="3">
        <v>611.24</v>
      </c>
      <c r="I421" s="3">
        <v>100.04</v>
      </c>
      <c r="J421" s="3">
        <v>175.99</v>
      </c>
      <c r="K421" s="3">
        <v>205.32</v>
      </c>
      <c r="L421" s="3">
        <v>254.3</v>
      </c>
      <c r="M421" s="3">
        <v>603.38</v>
      </c>
      <c r="N421" s="3">
        <v>423.51</v>
      </c>
      <c r="O421" s="3">
        <v>879.59</v>
      </c>
      <c r="P421" s="3">
        <v>853.95</v>
      </c>
      <c r="Q421" s="3">
        <v>2286.15</v>
      </c>
      <c r="R421" s="3">
        <v>2286.15</v>
      </c>
      <c r="S421" s="3">
        <v>53.9</v>
      </c>
      <c r="T421" s="3">
        <v>0.09</v>
      </c>
      <c r="U421" s="3">
        <v>8.74</v>
      </c>
      <c r="V421" s="3">
        <v>0.27</v>
      </c>
      <c r="W421" s="3">
        <v>3.85</v>
      </c>
      <c r="X421" s="3">
        <v>-0.23</v>
      </c>
      <c r="Y421" s="3">
        <v>-7.0000000000000007E-2</v>
      </c>
      <c r="Z421" s="3">
        <v>0.28999999999999998</v>
      </c>
      <c r="AA421" s="4">
        <f t="shared" si="63"/>
        <v>0</v>
      </c>
      <c r="AB421" s="4">
        <f t="shared" si="59"/>
        <v>1.6</v>
      </c>
      <c r="AC421" s="3">
        <f t="shared" si="65"/>
        <v>86.240000000000009</v>
      </c>
      <c r="AD421" s="4">
        <f t="shared" si="60"/>
        <v>0</v>
      </c>
      <c r="AE421" s="3">
        <f t="shared" si="66"/>
        <v>0.14399999999999999</v>
      </c>
      <c r="AF421" s="4">
        <f t="shared" si="64"/>
        <v>0</v>
      </c>
      <c r="AG421" s="3">
        <f t="shared" si="61"/>
        <v>13.984000000000002</v>
      </c>
      <c r="AH421" s="4">
        <f t="shared" si="62"/>
        <v>0</v>
      </c>
      <c r="AI421" s="3">
        <f t="shared" si="67"/>
        <v>0.27</v>
      </c>
      <c r="AJ421" s="14"/>
      <c r="AK421" s="14"/>
      <c r="AO421" s="12">
        <v>15</v>
      </c>
      <c r="AP421" s="7"/>
      <c r="AQ421" s="7"/>
      <c r="AR421" s="13"/>
    </row>
    <row r="422" spans="1:44">
      <c r="A422" s="1" t="s">
        <v>52</v>
      </c>
      <c r="B422" s="2">
        <v>0.67494212962962974</v>
      </c>
      <c r="C422" s="3">
        <v>89.35</v>
      </c>
      <c r="D422" s="3">
        <v>310.68</v>
      </c>
      <c r="E422" s="3">
        <v>403.26</v>
      </c>
      <c r="F422" s="3">
        <v>582.69000000000005</v>
      </c>
      <c r="G422" s="3">
        <v>264.33999999999997</v>
      </c>
      <c r="H422" s="3">
        <v>612.41</v>
      </c>
      <c r="I422" s="3">
        <v>99.51</v>
      </c>
      <c r="J422" s="3">
        <v>176.89</v>
      </c>
      <c r="K422" s="3">
        <v>204.51</v>
      </c>
      <c r="L422" s="3">
        <v>251.82</v>
      </c>
      <c r="M422" s="3">
        <v>602.98</v>
      </c>
      <c r="N422" s="3">
        <v>420.18</v>
      </c>
      <c r="O422" s="3">
        <v>882.97</v>
      </c>
      <c r="P422" s="3">
        <v>850.25</v>
      </c>
      <c r="Q422" s="3">
        <v>2286.14</v>
      </c>
      <c r="R422" s="3">
        <v>2286.14</v>
      </c>
      <c r="S422" s="3">
        <v>54.94</v>
      </c>
      <c r="T422" s="3">
        <v>0.18</v>
      </c>
      <c r="U422" s="3">
        <v>7.26</v>
      </c>
      <c r="V422" s="3">
        <v>0.28000000000000003</v>
      </c>
      <c r="W422" s="3">
        <v>3.97</v>
      </c>
      <c r="X422" s="3">
        <v>-0.28000000000000003</v>
      </c>
      <c r="Y422" s="3">
        <v>-0.06</v>
      </c>
      <c r="Z422" s="3">
        <v>0.35</v>
      </c>
      <c r="AA422" s="4">
        <f t="shared" si="63"/>
        <v>0</v>
      </c>
      <c r="AB422" s="4">
        <f t="shared" si="59"/>
        <v>1.6</v>
      </c>
      <c r="AC422" s="3">
        <f t="shared" si="65"/>
        <v>87.903999999999996</v>
      </c>
      <c r="AD422" s="4">
        <f t="shared" si="60"/>
        <v>0</v>
      </c>
      <c r="AE422" s="3">
        <f t="shared" si="66"/>
        <v>0.28799999999999998</v>
      </c>
      <c r="AF422" s="4">
        <f t="shared" si="64"/>
        <v>0</v>
      </c>
      <c r="AG422" s="3">
        <f t="shared" si="61"/>
        <v>11.616</v>
      </c>
      <c r="AH422" s="4">
        <f t="shared" si="62"/>
        <v>0</v>
      </c>
      <c r="AI422" s="3">
        <f t="shared" si="67"/>
        <v>0.28000000000000003</v>
      </c>
      <c r="AJ422" s="14"/>
      <c r="AK422" s="14"/>
      <c r="AO422" s="12">
        <v>15</v>
      </c>
      <c r="AP422" s="7"/>
      <c r="AQ422" s="7"/>
      <c r="AR422" s="13"/>
    </row>
    <row r="423" spans="1:44">
      <c r="A423" s="1" t="s">
        <v>52</v>
      </c>
      <c r="B423" s="2">
        <v>0.67563657407407407</v>
      </c>
      <c r="C423" s="3">
        <v>88.34</v>
      </c>
      <c r="D423" s="3">
        <v>305.58</v>
      </c>
      <c r="E423" s="3">
        <v>406.43</v>
      </c>
      <c r="F423" s="3">
        <v>541.28</v>
      </c>
      <c r="G423" s="3">
        <v>263.92</v>
      </c>
      <c r="H423" s="3">
        <v>600.67999999999995</v>
      </c>
      <c r="I423" s="3">
        <v>99.96</v>
      </c>
      <c r="J423" s="3">
        <v>188.86</v>
      </c>
      <c r="K423" s="3">
        <v>203.68</v>
      </c>
      <c r="L423" s="3">
        <v>249.45</v>
      </c>
      <c r="M423" s="3">
        <v>601.47</v>
      </c>
      <c r="N423" s="3">
        <v>416.81</v>
      </c>
      <c r="O423" s="3">
        <v>891.17</v>
      </c>
      <c r="P423" s="3">
        <v>855.33</v>
      </c>
      <c r="Q423" s="3">
        <v>2286.14</v>
      </c>
      <c r="R423" s="3">
        <v>2286.14</v>
      </c>
      <c r="S423" s="3">
        <v>55.14</v>
      </c>
      <c r="T423" s="3">
        <v>0.34</v>
      </c>
      <c r="U423" s="3">
        <v>5.6</v>
      </c>
      <c r="V423" s="3">
        <v>0.38</v>
      </c>
      <c r="W423" s="3">
        <v>3.88</v>
      </c>
      <c r="X423" s="3">
        <v>-0.22</v>
      </c>
      <c r="Y423" s="3">
        <v>-0.06</v>
      </c>
      <c r="Z423" s="3">
        <v>0.28999999999999998</v>
      </c>
      <c r="AA423" s="4">
        <f t="shared" si="63"/>
        <v>0</v>
      </c>
      <c r="AB423" s="4">
        <f t="shared" si="59"/>
        <v>1.6</v>
      </c>
      <c r="AC423" s="3">
        <f t="shared" si="65"/>
        <v>88.224000000000004</v>
      </c>
      <c r="AD423" s="4">
        <f t="shared" si="60"/>
        <v>0</v>
      </c>
      <c r="AE423" s="3">
        <f t="shared" si="66"/>
        <v>0.54400000000000004</v>
      </c>
      <c r="AF423" s="4">
        <f t="shared" si="64"/>
        <v>0</v>
      </c>
      <c r="AG423" s="3">
        <f t="shared" si="61"/>
        <v>8.9599999999999991</v>
      </c>
      <c r="AH423" s="4">
        <f t="shared" si="62"/>
        <v>0</v>
      </c>
      <c r="AI423" s="3">
        <f t="shared" si="67"/>
        <v>0.38</v>
      </c>
      <c r="AJ423" s="14"/>
      <c r="AK423" s="14"/>
      <c r="AO423" s="12">
        <v>15</v>
      </c>
      <c r="AP423" s="7"/>
      <c r="AQ423" s="7"/>
      <c r="AR423" s="13"/>
    </row>
    <row r="424" spans="1:44">
      <c r="A424" s="1" t="s">
        <v>52</v>
      </c>
      <c r="B424" s="2">
        <v>0.67633101851851851</v>
      </c>
      <c r="C424" s="3">
        <v>87</v>
      </c>
      <c r="D424" s="3">
        <v>301.18</v>
      </c>
      <c r="E424" s="3">
        <v>403.79</v>
      </c>
      <c r="F424" s="3">
        <v>509.14</v>
      </c>
      <c r="G424" s="3">
        <v>261.43</v>
      </c>
      <c r="H424" s="3">
        <v>590.38</v>
      </c>
      <c r="I424" s="3">
        <v>101.58</v>
      </c>
      <c r="J424" s="3">
        <v>208.21</v>
      </c>
      <c r="K424" s="3">
        <v>202.88</v>
      </c>
      <c r="L424" s="3">
        <v>247.19</v>
      </c>
      <c r="M424" s="3">
        <v>600.28</v>
      </c>
      <c r="N424" s="3">
        <v>413.85</v>
      </c>
      <c r="O424" s="3">
        <v>901.56</v>
      </c>
      <c r="P424" s="3">
        <v>857.41</v>
      </c>
      <c r="Q424" s="3">
        <v>2286.13</v>
      </c>
      <c r="R424" s="3">
        <v>2286.13</v>
      </c>
      <c r="S424" s="3">
        <v>53.76</v>
      </c>
      <c r="T424" s="3">
        <v>0.39</v>
      </c>
      <c r="U424" s="3">
        <v>4.99</v>
      </c>
      <c r="V424" s="3">
        <v>0.43</v>
      </c>
      <c r="W424" s="3">
        <v>4.04</v>
      </c>
      <c r="X424" s="3">
        <v>-0.22</v>
      </c>
      <c r="Y424" s="3">
        <v>-0.06</v>
      </c>
      <c r="Z424" s="3">
        <v>0.31</v>
      </c>
      <c r="AA424" s="4">
        <f t="shared" si="63"/>
        <v>0</v>
      </c>
      <c r="AB424" s="4">
        <f t="shared" si="59"/>
        <v>1.6</v>
      </c>
      <c r="AC424" s="3">
        <f t="shared" si="65"/>
        <v>86.016000000000005</v>
      </c>
      <c r="AD424" s="4">
        <f t="shared" si="60"/>
        <v>0</v>
      </c>
      <c r="AE424" s="3">
        <f t="shared" si="66"/>
        <v>0.62400000000000011</v>
      </c>
      <c r="AF424" s="4">
        <f t="shared" si="64"/>
        <v>0</v>
      </c>
      <c r="AG424" s="3">
        <f t="shared" si="61"/>
        <v>7.9840000000000009</v>
      </c>
      <c r="AH424" s="4">
        <f t="shared" si="62"/>
        <v>0</v>
      </c>
      <c r="AI424" s="3">
        <f t="shared" si="67"/>
        <v>0.43</v>
      </c>
      <c r="AJ424" s="14"/>
      <c r="AK424" s="14"/>
      <c r="AO424" s="12">
        <v>15</v>
      </c>
      <c r="AP424" s="7"/>
      <c r="AQ424" s="7"/>
      <c r="AR424" s="13"/>
    </row>
    <row r="425" spans="1:44">
      <c r="A425" s="1" t="s">
        <v>52</v>
      </c>
      <c r="B425" s="2">
        <v>0.67702546296296295</v>
      </c>
      <c r="C425" s="3">
        <v>87.9</v>
      </c>
      <c r="D425" s="3">
        <v>307</v>
      </c>
      <c r="E425" s="3">
        <v>398.64</v>
      </c>
      <c r="F425" s="3">
        <v>492.17</v>
      </c>
      <c r="G425" s="3">
        <v>262.62</v>
      </c>
      <c r="H425" s="3">
        <v>596.92999999999995</v>
      </c>
      <c r="I425" s="3">
        <v>103.51</v>
      </c>
      <c r="J425" s="3">
        <v>220.3</v>
      </c>
      <c r="K425" s="3">
        <v>202.16</v>
      </c>
      <c r="L425" s="3">
        <v>245.02</v>
      </c>
      <c r="M425" s="3">
        <v>599.99</v>
      </c>
      <c r="N425" s="3">
        <v>414.69</v>
      </c>
      <c r="O425" s="3">
        <v>911.56</v>
      </c>
      <c r="P425" s="3">
        <v>855.11</v>
      </c>
      <c r="Q425" s="3">
        <v>2286.11</v>
      </c>
      <c r="R425" s="3">
        <v>2286.11</v>
      </c>
      <c r="S425" s="3">
        <v>51.79</v>
      </c>
      <c r="T425" s="3">
        <v>0.37</v>
      </c>
      <c r="U425" s="3">
        <v>4.93</v>
      </c>
      <c r="V425" s="3">
        <v>0.45</v>
      </c>
      <c r="W425" s="3">
        <v>4.08</v>
      </c>
      <c r="X425" s="3">
        <v>-0.22</v>
      </c>
      <c r="Y425" s="3">
        <v>-7.0000000000000007E-2</v>
      </c>
      <c r="Z425" s="3">
        <v>0.31</v>
      </c>
      <c r="AA425" s="4">
        <f t="shared" si="63"/>
        <v>0</v>
      </c>
      <c r="AB425" s="4">
        <f t="shared" si="59"/>
        <v>1.6</v>
      </c>
      <c r="AC425" s="3">
        <f t="shared" si="65"/>
        <v>82.864000000000004</v>
      </c>
      <c r="AD425" s="4">
        <f t="shared" si="60"/>
        <v>0</v>
      </c>
      <c r="AE425" s="3">
        <f t="shared" si="66"/>
        <v>0.59199999999999997</v>
      </c>
      <c r="AF425" s="4">
        <f t="shared" si="64"/>
        <v>0</v>
      </c>
      <c r="AG425" s="3">
        <f t="shared" si="61"/>
        <v>7.8879999999999999</v>
      </c>
      <c r="AH425" s="4">
        <f t="shared" si="62"/>
        <v>0</v>
      </c>
      <c r="AI425" s="3">
        <f t="shared" si="67"/>
        <v>0.45</v>
      </c>
      <c r="AJ425" s="14"/>
      <c r="AK425" s="14"/>
      <c r="AO425" s="12">
        <v>15</v>
      </c>
      <c r="AP425" s="7"/>
      <c r="AQ425" s="7"/>
      <c r="AR425" s="13"/>
    </row>
    <row r="426" spans="1:44">
      <c r="A426" s="1" t="s">
        <v>52</v>
      </c>
      <c r="B426" s="2">
        <v>0.67771990740740751</v>
      </c>
      <c r="C426" s="3">
        <v>91.51</v>
      </c>
      <c r="D426" s="3">
        <v>323.63</v>
      </c>
      <c r="E426" s="3">
        <v>395.91</v>
      </c>
      <c r="F426" s="3">
        <v>520.22</v>
      </c>
      <c r="G426" s="3">
        <v>266.77999999999997</v>
      </c>
      <c r="H426" s="3">
        <v>609.98</v>
      </c>
      <c r="I426" s="3">
        <v>105.24</v>
      </c>
      <c r="J426" s="3">
        <v>223.8</v>
      </c>
      <c r="K426" s="3">
        <v>201.45</v>
      </c>
      <c r="L426" s="3">
        <v>242.93</v>
      </c>
      <c r="M426" s="3">
        <v>600.66999999999996</v>
      </c>
      <c r="N426" s="3">
        <v>422.31</v>
      </c>
      <c r="O426" s="3">
        <v>923.41</v>
      </c>
      <c r="P426" s="3">
        <v>852.38</v>
      </c>
      <c r="Q426" s="3">
        <v>2286.11</v>
      </c>
      <c r="R426" s="3">
        <v>2286.11</v>
      </c>
      <c r="S426" s="3">
        <v>50.06</v>
      </c>
      <c r="T426" s="3">
        <v>0.35</v>
      </c>
      <c r="U426" s="3">
        <v>4.87</v>
      </c>
      <c r="V426" s="3">
        <v>0.42</v>
      </c>
      <c r="W426" s="3">
        <v>4.21</v>
      </c>
      <c r="X426" s="3">
        <v>-0.22</v>
      </c>
      <c r="Y426" s="3">
        <v>-7.0000000000000007E-2</v>
      </c>
      <c r="Z426" s="3">
        <v>0.31</v>
      </c>
      <c r="AA426" s="4">
        <f t="shared" si="63"/>
        <v>0</v>
      </c>
      <c r="AB426" s="4">
        <f t="shared" si="59"/>
        <v>1.6</v>
      </c>
      <c r="AC426" s="3">
        <f t="shared" si="65"/>
        <v>80.096000000000004</v>
      </c>
      <c r="AD426" s="4">
        <f t="shared" si="60"/>
        <v>0</v>
      </c>
      <c r="AE426" s="3">
        <f t="shared" si="66"/>
        <v>0.55999999999999994</v>
      </c>
      <c r="AF426" s="4">
        <f t="shared" si="64"/>
        <v>0</v>
      </c>
      <c r="AG426" s="3">
        <f t="shared" si="61"/>
        <v>7.7920000000000007</v>
      </c>
      <c r="AH426" s="4">
        <f t="shared" si="62"/>
        <v>0</v>
      </c>
      <c r="AI426" s="3">
        <f t="shared" si="67"/>
        <v>0.42</v>
      </c>
      <c r="AJ426" s="14"/>
      <c r="AK426" s="14"/>
      <c r="AO426" s="12">
        <v>15</v>
      </c>
      <c r="AP426" s="7"/>
      <c r="AQ426" s="7"/>
      <c r="AR426" s="13"/>
    </row>
    <row r="427" spans="1:44">
      <c r="A427" s="1" t="s">
        <v>52</v>
      </c>
      <c r="B427" s="2">
        <v>0.67841435185185184</v>
      </c>
      <c r="C427" s="3">
        <v>96.59</v>
      </c>
      <c r="D427" s="3">
        <v>343.52</v>
      </c>
      <c r="E427" s="3">
        <v>397.7</v>
      </c>
      <c r="F427" s="3">
        <v>549.27</v>
      </c>
      <c r="G427" s="3">
        <v>268.45999999999998</v>
      </c>
      <c r="H427" s="3">
        <v>608.65</v>
      </c>
      <c r="I427" s="3">
        <v>106.69</v>
      </c>
      <c r="J427" s="3">
        <v>223.38</v>
      </c>
      <c r="K427" s="3">
        <v>200.79</v>
      </c>
      <c r="L427" s="3">
        <v>240.93</v>
      </c>
      <c r="M427" s="3">
        <v>602.39</v>
      </c>
      <c r="N427" s="3">
        <v>434.3</v>
      </c>
      <c r="O427" s="3">
        <v>929.26</v>
      </c>
      <c r="P427" s="3">
        <v>850.32</v>
      </c>
      <c r="Q427" s="3">
        <v>2286.1</v>
      </c>
      <c r="R427" s="3">
        <v>2286.1</v>
      </c>
      <c r="S427" s="3">
        <v>48.49</v>
      </c>
      <c r="T427" s="3">
        <v>0.32</v>
      </c>
      <c r="U427" s="3">
        <v>4.74</v>
      </c>
      <c r="V427" s="3">
        <v>0.4</v>
      </c>
      <c r="W427" s="3">
        <v>4.2300000000000004</v>
      </c>
      <c r="X427" s="3">
        <v>-0.22</v>
      </c>
      <c r="Y427" s="3">
        <v>-7.0000000000000007E-2</v>
      </c>
      <c r="Z427" s="3">
        <v>0.33</v>
      </c>
      <c r="AA427" s="4">
        <f t="shared" si="63"/>
        <v>0</v>
      </c>
      <c r="AB427" s="4">
        <f t="shared" si="59"/>
        <v>1.6</v>
      </c>
      <c r="AC427" s="3">
        <f t="shared" si="65"/>
        <v>77.584000000000003</v>
      </c>
      <c r="AD427" s="4">
        <f t="shared" si="60"/>
        <v>0</v>
      </c>
      <c r="AE427" s="3">
        <f t="shared" si="66"/>
        <v>0.51200000000000001</v>
      </c>
      <c r="AF427" s="4">
        <f t="shared" si="64"/>
        <v>0</v>
      </c>
      <c r="AG427" s="3">
        <f t="shared" si="61"/>
        <v>7.5840000000000005</v>
      </c>
      <c r="AH427" s="4">
        <f t="shared" si="62"/>
        <v>0</v>
      </c>
      <c r="AI427" s="3">
        <f t="shared" si="67"/>
        <v>0.4</v>
      </c>
      <c r="AJ427" s="14"/>
      <c r="AK427" s="14"/>
      <c r="AO427" s="12">
        <v>15</v>
      </c>
      <c r="AP427" s="7"/>
      <c r="AQ427" s="7"/>
      <c r="AR427" s="13"/>
    </row>
    <row r="428" spans="1:44">
      <c r="A428" s="1" t="s">
        <v>52</v>
      </c>
      <c r="B428" s="2">
        <v>0.67910879629629628</v>
      </c>
      <c r="C428" s="3">
        <v>102.37</v>
      </c>
      <c r="D428" s="3">
        <v>362.9</v>
      </c>
      <c r="E428" s="3">
        <v>401.65</v>
      </c>
      <c r="F428" s="3">
        <v>552.74</v>
      </c>
      <c r="G428" s="3">
        <v>267.31</v>
      </c>
      <c r="H428" s="3">
        <v>596.91999999999996</v>
      </c>
      <c r="I428" s="3">
        <v>107.97</v>
      </c>
      <c r="J428" s="3">
        <v>221.39</v>
      </c>
      <c r="K428" s="3">
        <v>200.16</v>
      </c>
      <c r="L428" s="3">
        <v>238.99</v>
      </c>
      <c r="M428" s="3">
        <v>604.58000000000004</v>
      </c>
      <c r="N428" s="3">
        <v>438.71</v>
      </c>
      <c r="O428" s="3">
        <v>930.47</v>
      </c>
      <c r="P428" s="3">
        <v>855.31</v>
      </c>
      <c r="Q428" s="3">
        <v>2286.09</v>
      </c>
      <c r="R428" s="3">
        <v>2286.09</v>
      </c>
      <c r="S428" s="3">
        <v>49.21</v>
      </c>
      <c r="T428" s="3">
        <v>0.34</v>
      </c>
      <c r="U428" s="3">
        <v>4.6900000000000004</v>
      </c>
      <c r="V428" s="3">
        <v>0.42</v>
      </c>
      <c r="W428" s="3">
        <v>3.9</v>
      </c>
      <c r="X428" s="3">
        <v>-0.22</v>
      </c>
      <c r="Y428" s="3">
        <v>-7.0000000000000007E-2</v>
      </c>
      <c r="Z428" s="3">
        <v>0.31</v>
      </c>
      <c r="AA428" s="4">
        <f t="shared" si="63"/>
        <v>0</v>
      </c>
      <c r="AB428" s="4">
        <f t="shared" si="59"/>
        <v>1.6</v>
      </c>
      <c r="AC428" s="3">
        <f t="shared" si="65"/>
        <v>78.736000000000004</v>
      </c>
      <c r="AD428" s="4">
        <f t="shared" si="60"/>
        <v>0</v>
      </c>
      <c r="AE428" s="3">
        <f t="shared" si="66"/>
        <v>0.54400000000000004</v>
      </c>
      <c r="AF428" s="4">
        <f t="shared" si="64"/>
        <v>0</v>
      </c>
      <c r="AG428" s="3">
        <f t="shared" si="61"/>
        <v>7.5040000000000013</v>
      </c>
      <c r="AH428" s="4">
        <f t="shared" si="62"/>
        <v>0</v>
      </c>
      <c r="AI428" s="3">
        <f t="shared" si="67"/>
        <v>0.42</v>
      </c>
      <c r="AJ428" s="14"/>
      <c r="AK428" s="14"/>
      <c r="AO428" s="12">
        <v>15</v>
      </c>
      <c r="AP428" s="7"/>
      <c r="AQ428" s="7"/>
      <c r="AR428" s="13"/>
    </row>
    <row r="429" spans="1:44">
      <c r="A429" s="1" t="s">
        <v>52</v>
      </c>
      <c r="B429" s="2">
        <v>0.67981481481481476</v>
      </c>
      <c r="C429" s="3">
        <v>106.9</v>
      </c>
      <c r="D429" s="3">
        <v>372.54</v>
      </c>
      <c r="E429" s="3">
        <v>402.12</v>
      </c>
      <c r="F429" s="3">
        <v>516.87</v>
      </c>
      <c r="G429" s="3">
        <v>267.04000000000002</v>
      </c>
      <c r="H429" s="3">
        <v>591.53</v>
      </c>
      <c r="I429" s="3">
        <v>108.96</v>
      </c>
      <c r="J429" s="3">
        <v>218.79</v>
      </c>
      <c r="K429" s="3">
        <v>199.72</v>
      </c>
      <c r="L429" s="3">
        <v>238.56</v>
      </c>
      <c r="M429" s="3">
        <v>606.42999999999995</v>
      </c>
      <c r="N429" s="3">
        <v>437.22</v>
      </c>
      <c r="O429" s="3">
        <v>929.17</v>
      </c>
      <c r="P429" s="3">
        <v>857.05</v>
      </c>
      <c r="Q429" s="3">
        <v>2286.09</v>
      </c>
      <c r="R429" s="3">
        <v>2286.09</v>
      </c>
      <c r="S429" s="3">
        <v>50.04</v>
      </c>
      <c r="T429" s="3">
        <v>0.32</v>
      </c>
      <c r="U429" s="3">
        <v>4.88</v>
      </c>
      <c r="V429" s="3">
        <v>0.38</v>
      </c>
      <c r="W429" s="3">
        <v>3.8</v>
      </c>
      <c r="X429" s="3">
        <v>-0.21</v>
      </c>
      <c r="Y429" s="3">
        <v>-7.0000000000000007E-2</v>
      </c>
      <c r="Z429" s="3">
        <v>0.3</v>
      </c>
      <c r="AA429" s="4">
        <f t="shared" si="63"/>
        <v>0</v>
      </c>
      <c r="AB429" s="4">
        <f t="shared" si="59"/>
        <v>1.6</v>
      </c>
      <c r="AC429" s="3">
        <f t="shared" si="65"/>
        <v>80.064000000000007</v>
      </c>
      <c r="AD429" s="4">
        <f t="shared" si="60"/>
        <v>0</v>
      </c>
      <c r="AE429" s="3">
        <f t="shared" si="66"/>
        <v>0.51200000000000001</v>
      </c>
      <c r="AF429" s="4">
        <f t="shared" si="64"/>
        <v>0</v>
      </c>
      <c r="AG429" s="3">
        <f t="shared" si="61"/>
        <v>7.8079999999999998</v>
      </c>
      <c r="AH429" s="4">
        <f t="shared" si="62"/>
        <v>0</v>
      </c>
      <c r="AI429" s="3">
        <f t="shared" si="67"/>
        <v>0.38</v>
      </c>
      <c r="AJ429" s="14"/>
      <c r="AK429" s="14"/>
      <c r="AO429" s="12">
        <v>15</v>
      </c>
      <c r="AP429" s="7"/>
      <c r="AQ429" s="7"/>
      <c r="AR429" s="13"/>
    </row>
    <row r="430" spans="1:44">
      <c r="A430" s="1" t="s">
        <v>52</v>
      </c>
      <c r="B430" s="2">
        <v>0.6805092592592592</v>
      </c>
      <c r="C430" s="3">
        <v>109.32</v>
      </c>
      <c r="D430" s="3">
        <v>369.95</v>
      </c>
      <c r="E430" s="3">
        <v>399.11</v>
      </c>
      <c r="F430" s="3">
        <v>496.5</v>
      </c>
      <c r="G430" s="3">
        <v>270.81</v>
      </c>
      <c r="H430" s="3">
        <v>602.6</v>
      </c>
      <c r="I430" s="3">
        <v>109.78</v>
      </c>
      <c r="J430" s="3">
        <v>216.02</v>
      </c>
      <c r="K430" s="3">
        <v>200.18</v>
      </c>
      <c r="L430" s="3">
        <v>247.46</v>
      </c>
      <c r="M430" s="3">
        <v>606.17999999999995</v>
      </c>
      <c r="N430" s="3">
        <v>433.87</v>
      </c>
      <c r="O430" s="3">
        <v>932.76</v>
      </c>
      <c r="P430" s="3">
        <v>855.88</v>
      </c>
      <c r="Q430" s="3">
        <v>2286.08</v>
      </c>
      <c r="R430" s="3">
        <v>2286.08</v>
      </c>
      <c r="S430" s="3">
        <v>50.19</v>
      </c>
      <c r="T430" s="3">
        <v>0.32</v>
      </c>
      <c r="U430" s="3">
        <v>4.9400000000000004</v>
      </c>
      <c r="V430" s="3">
        <v>0.42</v>
      </c>
      <c r="W430" s="3">
        <v>3.7</v>
      </c>
      <c r="X430" s="3">
        <v>-0.21</v>
      </c>
      <c r="Y430" s="3">
        <v>-7.0000000000000007E-2</v>
      </c>
      <c r="Z430" s="3">
        <v>0.3</v>
      </c>
      <c r="AA430" s="4">
        <f t="shared" si="63"/>
        <v>0</v>
      </c>
      <c r="AB430" s="4">
        <f t="shared" si="59"/>
        <v>1.6</v>
      </c>
      <c r="AC430" s="3">
        <f t="shared" si="65"/>
        <v>80.304000000000002</v>
      </c>
      <c r="AD430" s="4">
        <f t="shared" si="60"/>
        <v>0</v>
      </c>
      <c r="AE430" s="3">
        <f t="shared" si="66"/>
        <v>0.51200000000000001</v>
      </c>
      <c r="AF430" s="4">
        <f t="shared" si="64"/>
        <v>0</v>
      </c>
      <c r="AG430" s="3">
        <f t="shared" si="61"/>
        <v>7.9040000000000008</v>
      </c>
      <c r="AH430" s="4">
        <f t="shared" si="62"/>
        <v>0</v>
      </c>
      <c r="AI430" s="3">
        <f t="shared" si="67"/>
        <v>0.42</v>
      </c>
      <c r="AJ430" s="14"/>
      <c r="AK430" s="14"/>
      <c r="AO430" s="12">
        <v>15</v>
      </c>
      <c r="AP430" s="7"/>
      <c r="AQ430" s="7"/>
      <c r="AR430" s="13"/>
    </row>
    <row r="431" spans="1:44">
      <c r="A431" s="1" t="s">
        <v>52</v>
      </c>
      <c r="B431" s="2">
        <v>0.68120370370370376</v>
      </c>
      <c r="C431" s="3">
        <v>109.8</v>
      </c>
      <c r="D431" s="3">
        <v>362.8</v>
      </c>
      <c r="E431" s="3">
        <v>397.77</v>
      </c>
      <c r="F431" s="3">
        <v>523.58000000000004</v>
      </c>
      <c r="G431" s="3">
        <v>274.72000000000003</v>
      </c>
      <c r="H431" s="3">
        <v>611.94000000000005</v>
      </c>
      <c r="I431" s="3">
        <v>110.57</v>
      </c>
      <c r="J431" s="3">
        <v>213.28</v>
      </c>
      <c r="K431" s="3">
        <v>201.87</v>
      </c>
      <c r="L431" s="3">
        <v>261.02</v>
      </c>
      <c r="M431" s="3">
        <v>605.96</v>
      </c>
      <c r="N431" s="3">
        <v>430.06</v>
      </c>
      <c r="O431" s="3">
        <v>935.32</v>
      </c>
      <c r="P431" s="3">
        <v>854.13</v>
      </c>
      <c r="Q431" s="3">
        <v>2286.08</v>
      </c>
      <c r="R431" s="3">
        <v>2286.08</v>
      </c>
      <c r="S431" s="3">
        <v>50.1</v>
      </c>
      <c r="T431" s="3">
        <v>0.26</v>
      </c>
      <c r="U431" s="3">
        <v>4.9400000000000004</v>
      </c>
      <c r="V431" s="3">
        <v>0.28999999999999998</v>
      </c>
      <c r="W431" s="3">
        <v>3.81</v>
      </c>
      <c r="X431" s="3">
        <v>-0.22</v>
      </c>
      <c r="Y431" s="3">
        <v>-7.0000000000000007E-2</v>
      </c>
      <c r="Z431" s="3">
        <v>0.28999999999999998</v>
      </c>
      <c r="AA431" s="4">
        <f t="shared" si="63"/>
        <v>0</v>
      </c>
      <c r="AB431" s="4">
        <f t="shared" ref="AB431:AB494" si="68">AB430</f>
        <v>1.6</v>
      </c>
      <c r="AC431" s="3">
        <f t="shared" si="65"/>
        <v>80.160000000000011</v>
      </c>
      <c r="AD431" s="4">
        <f t="shared" si="60"/>
        <v>0</v>
      </c>
      <c r="AE431" s="3">
        <f t="shared" si="66"/>
        <v>0.41600000000000004</v>
      </c>
      <c r="AF431" s="4">
        <f t="shared" si="64"/>
        <v>0</v>
      </c>
      <c r="AG431" s="3">
        <f t="shared" si="61"/>
        <v>7.9040000000000008</v>
      </c>
      <c r="AH431" s="4">
        <f t="shared" si="62"/>
        <v>0</v>
      </c>
      <c r="AI431" s="3">
        <f t="shared" si="67"/>
        <v>0.28999999999999998</v>
      </c>
      <c r="AJ431" s="14"/>
      <c r="AK431" s="14"/>
      <c r="AO431" s="12">
        <v>15</v>
      </c>
      <c r="AP431" s="7"/>
      <c r="AQ431" s="7"/>
      <c r="AR431" s="13"/>
    </row>
    <row r="432" spans="1:44">
      <c r="A432" s="1" t="s">
        <v>52</v>
      </c>
      <c r="B432" s="2">
        <v>0.6818981481481482</v>
      </c>
      <c r="C432" s="3">
        <v>108.26</v>
      </c>
      <c r="D432" s="3">
        <v>354.61</v>
      </c>
      <c r="E432" s="3">
        <v>400.32</v>
      </c>
      <c r="F432" s="3">
        <v>546.97</v>
      </c>
      <c r="G432" s="3">
        <v>274.39999999999998</v>
      </c>
      <c r="H432" s="3">
        <v>605.46</v>
      </c>
      <c r="I432" s="3">
        <v>111.17</v>
      </c>
      <c r="J432" s="3">
        <v>210.63</v>
      </c>
      <c r="K432" s="3">
        <v>203.61</v>
      </c>
      <c r="L432" s="3">
        <v>266.70999999999998</v>
      </c>
      <c r="M432" s="3">
        <v>606.29999999999995</v>
      </c>
      <c r="N432" s="3">
        <v>426.15</v>
      </c>
      <c r="O432" s="3">
        <v>936.94</v>
      </c>
      <c r="P432" s="3">
        <v>852.28</v>
      </c>
      <c r="Q432" s="3">
        <v>2286.08</v>
      </c>
      <c r="R432" s="3">
        <v>2286.08</v>
      </c>
      <c r="S432" s="3">
        <v>50.05</v>
      </c>
      <c r="T432" s="3">
        <v>0.27</v>
      </c>
      <c r="U432" s="3">
        <v>4.9000000000000004</v>
      </c>
      <c r="V432" s="3">
        <v>0.34</v>
      </c>
      <c r="W432" s="3">
        <v>3.68</v>
      </c>
      <c r="X432" s="3">
        <v>-0.23</v>
      </c>
      <c r="Y432" s="3">
        <v>-0.08</v>
      </c>
      <c r="Z432" s="3">
        <v>0.28999999999999998</v>
      </c>
      <c r="AA432" s="4">
        <f t="shared" si="63"/>
        <v>0</v>
      </c>
      <c r="AB432" s="4">
        <f t="shared" si="68"/>
        <v>1.6</v>
      </c>
      <c r="AC432" s="3">
        <f t="shared" si="65"/>
        <v>80.08</v>
      </c>
      <c r="AD432" s="4">
        <f t="shared" si="60"/>
        <v>0</v>
      </c>
      <c r="AE432" s="3">
        <f t="shared" si="66"/>
        <v>0.43200000000000005</v>
      </c>
      <c r="AF432" s="4">
        <f t="shared" si="64"/>
        <v>0</v>
      </c>
      <c r="AG432" s="3">
        <f t="shared" si="61"/>
        <v>7.8400000000000007</v>
      </c>
      <c r="AH432" s="4">
        <f t="shared" si="62"/>
        <v>0</v>
      </c>
      <c r="AI432" s="3">
        <f t="shared" si="67"/>
        <v>0.34</v>
      </c>
      <c r="AJ432" s="14"/>
      <c r="AK432" s="14"/>
      <c r="AO432" s="12">
        <v>15</v>
      </c>
      <c r="AP432" s="7"/>
      <c r="AQ432" s="7"/>
      <c r="AR432" s="13"/>
    </row>
    <row r="433" spans="1:44">
      <c r="A433" s="1" t="s">
        <v>52</v>
      </c>
      <c r="B433" s="2">
        <v>0.68259259259259253</v>
      </c>
      <c r="C433" s="3">
        <v>105.66</v>
      </c>
      <c r="D433" s="3">
        <v>346.46</v>
      </c>
      <c r="E433" s="3">
        <v>401.87</v>
      </c>
      <c r="F433" s="3">
        <v>521.4</v>
      </c>
      <c r="G433" s="3">
        <v>271.05</v>
      </c>
      <c r="H433" s="3">
        <v>593.58000000000004</v>
      </c>
      <c r="I433" s="3">
        <v>111.68</v>
      </c>
      <c r="J433" s="3">
        <v>208.08</v>
      </c>
      <c r="K433" s="3">
        <v>204.79</v>
      </c>
      <c r="L433" s="3">
        <v>266.81</v>
      </c>
      <c r="M433" s="3">
        <v>605.82000000000005</v>
      </c>
      <c r="N433" s="3">
        <v>422.39</v>
      </c>
      <c r="O433" s="3">
        <v>936.05</v>
      </c>
      <c r="P433" s="3">
        <v>850.51</v>
      </c>
      <c r="Q433" s="3">
        <v>2286.08</v>
      </c>
      <c r="R433" s="3">
        <v>2286.08</v>
      </c>
      <c r="S433" s="3">
        <v>49.18</v>
      </c>
      <c r="T433" s="3">
        <v>0.27</v>
      </c>
      <c r="U433" s="3">
        <v>4.87</v>
      </c>
      <c r="V433" s="3">
        <v>0.38</v>
      </c>
      <c r="W433" s="3">
        <v>3.67</v>
      </c>
      <c r="X433" s="3">
        <v>-0.22</v>
      </c>
      <c r="Y433" s="3">
        <v>-0.08</v>
      </c>
      <c r="Z433" s="3">
        <v>0.28000000000000003</v>
      </c>
      <c r="AA433" s="4">
        <f t="shared" si="63"/>
        <v>0</v>
      </c>
      <c r="AB433" s="4">
        <f t="shared" si="68"/>
        <v>1.6</v>
      </c>
      <c r="AC433" s="3">
        <f t="shared" si="65"/>
        <v>78.688000000000002</v>
      </c>
      <c r="AD433" s="4">
        <f t="shared" si="60"/>
        <v>0</v>
      </c>
      <c r="AE433" s="3">
        <f t="shared" si="66"/>
        <v>0.43200000000000005</v>
      </c>
      <c r="AF433" s="4">
        <f t="shared" si="64"/>
        <v>0</v>
      </c>
      <c r="AG433" s="3">
        <f t="shared" si="61"/>
        <v>7.7920000000000007</v>
      </c>
      <c r="AH433" s="4">
        <f t="shared" si="62"/>
        <v>0</v>
      </c>
      <c r="AI433" s="3">
        <f t="shared" si="67"/>
        <v>0.38</v>
      </c>
      <c r="AJ433" s="14"/>
      <c r="AK433" s="14"/>
      <c r="AO433" s="12">
        <v>15</v>
      </c>
      <c r="AP433" s="7"/>
      <c r="AQ433" s="7"/>
      <c r="AR433" s="13"/>
    </row>
    <row r="434" spans="1:44">
      <c r="A434" s="1" t="s">
        <v>52</v>
      </c>
      <c r="B434" s="2">
        <v>0.68328703703703697</v>
      </c>
      <c r="C434" s="3">
        <v>103.03</v>
      </c>
      <c r="D434" s="3">
        <v>338.71</v>
      </c>
      <c r="E434" s="3">
        <v>399.29</v>
      </c>
      <c r="F434" s="3">
        <v>498.06</v>
      </c>
      <c r="G434" s="3">
        <v>269.75</v>
      </c>
      <c r="H434" s="3">
        <v>593.91</v>
      </c>
      <c r="I434" s="3">
        <v>111.9</v>
      </c>
      <c r="J434" s="3">
        <v>205.62</v>
      </c>
      <c r="K434" s="3">
        <v>205.49</v>
      </c>
      <c r="L434" s="3">
        <v>264.93</v>
      </c>
      <c r="M434" s="3">
        <v>606.1</v>
      </c>
      <c r="N434" s="3">
        <v>418.8</v>
      </c>
      <c r="O434" s="3">
        <v>935.88</v>
      </c>
      <c r="P434" s="3">
        <v>852.97</v>
      </c>
      <c r="Q434" s="3">
        <v>2286.06</v>
      </c>
      <c r="R434" s="3">
        <v>2286.06</v>
      </c>
      <c r="S434" s="3">
        <v>49.99</v>
      </c>
      <c r="T434" s="3">
        <v>0.27</v>
      </c>
      <c r="U434" s="3">
        <v>4.83</v>
      </c>
      <c r="V434" s="3">
        <v>0.42</v>
      </c>
      <c r="W434" s="3">
        <v>3.45</v>
      </c>
      <c r="X434" s="3">
        <v>-0.22</v>
      </c>
      <c r="Y434" s="3">
        <v>-0.08</v>
      </c>
      <c r="Z434" s="3">
        <v>0.26</v>
      </c>
      <c r="AA434" s="4">
        <f t="shared" si="63"/>
        <v>0</v>
      </c>
      <c r="AB434" s="4">
        <f t="shared" si="68"/>
        <v>1.6</v>
      </c>
      <c r="AC434" s="3">
        <f t="shared" si="65"/>
        <v>79.984000000000009</v>
      </c>
      <c r="AD434" s="4">
        <f t="shared" si="60"/>
        <v>0</v>
      </c>
      <c r="AE434" s="3">
        <f t="shared" si="66"/>
        <v>0.43200000000000005</v>
      </c>
      <c r="AF434" s="4">
        <f t="shared" si="64"/>
        <v>0</v>
      </c>
      <c r="AG434" s="3">
        <f t="shared" si="61"/>
        <v>7.7280000000000006</v>
      </c>
      <c r="AH434" s="4">
        <f t="shared" si="62"/>
        <v>0</v>
      </c>
      <c r="AI434" s="3">
        <f t="shared" si="67"/>
        <v>0.42</v>
      </c>
      <c r="AJ434" s="14"/>
      <c r="AK434" s="14"/>
      <c r="AO434" s="12">
        <v>15</v>
      </c>
      <c r="AP434" s="7"/>
      <c r="AQ434" s="7"/>
      <c r="AR434" s="13"/>
    </row>
    <row r="435" spans="1:44">
      <c r="A435" s="1" t="s">
        <v>52</v>
      </c>
      <c r="B435" s="2">
        <v>0.68398148148148152</v>
      </c>
      <c r="C435" s="3">
        <v>100.55</v>
      </c>
      <c r="D435" s="3">
        <v>331.38</v>
      </c>
      <c r="E435" s="3">
        <v>397.76</v>
      </c>
      <c r="F435" s="3">
        <v>522.66</v>
      </c>
      <c r="G435" s="3">
        <v>272.08</v>
      </c>
      <c r="H435" s="3">
        <v>607.13</v>
      </c>
      <c r="I435" s="3">
        <v>111.9</v>
      </c>
      <c r="J435" s="3">
        <v>203.24</v>
      </c>
      <c r="K435" s="3">
        <v>205.75</v>
      </c>
      <c r="L435" s="3">
        <v>262.43</v>
      </c>
      <c r="M435" s="3">
        <v>605.03</v>
      </c>
      <c r="N435" s="3">
        <v>415.34</v>
      </c>
      <c r="O435" s="3">
        <v>937.63</v>
      </c>
      <c r="P435" s="3">
        <v>857.01</v>
      </c>
      <c r="Q435" s="3">
        <v>2286.0500000000002</v>
      </c>
      <c r="R435" s="3">
        <v>2286.0500000000002</v>
      </c>
      <c r="S435" s="3">
        <v>49.33</v>
      </c>
      <c r="T435" s="3">
        <v>0.28000000000000003</v>
      </c>
      <c r="U435" s="3">
        <v>4.74</v>
      </c>
      <c r="V435" s="3">
        <v>0.42</v>
      </c>
      <c r="W435" s="3">
        <v>3.25</v>
      </c>
      <c r="X435" s="3">
        <v>-0.22</v>
      </c>
      <c r="Y435" s="3">
        <v>-0.08</v>
      </c>
      <c r="Z435" s="3">
        <v>0.24</v>
      </c>
      <c r="AA435" s="4">
        <f t="shared" si="63"/>
        <v>0</v>
      </c>
      <c r="AB435" s="4">
        <f t="shared" si="68"/>
        <v>1.6</v>
      </c>
      <c r="AC435" s="3">
        <f t="shared" si="65"/>
        <v>78.927999999999997</v>
      </c>
      <c r="AD435" s="4">
        <f t="shared" si="60"/>
        <v>0</v>
      </c>
      <c r="AE435" s="3">
        <f t="shared" si="66"/>
        <v>0.44800000000000006</v>
      </c>
      <c r="AF435" s="4">
        <f t="shared" si="64"/>
        <v>0</v>
      </c>
      <c r="AG435" s="3">
        <f t="shared" si="61"/>
        <v>7.5840000000000005</v>
      </c>
      <c r="AH435" s="4">
        <f t="shared" si="62"/>
        <v>0</v>
      </c>
      <c r="AI435" s="3">
        <f t="shared" si="67"/>
        <v>0.42</v>
      </c>
      <c r="AJ435" s="14"/>
      <c r="AK435" s="14"/>
      <c r="AO435" s="12">
        <v>15</v>
      </c>
      <c r="AP435" s="7"/>
      <c r="AQ435" s="7"/>
      <c r="AR435" s="13"/>
    </row>
    <row r="436" spans="1:44">
      <c r="A436" s="1" t="s">
        <v>52</v>
      </c>
      <c r="B436" s="2">
        <v>0.68467592592592597</v>
      </c>
      <c r="C436" s="3">
        <v>98.4</v>
      </c>
      <c r="D436" s="3">
        <v>326.57</v>
      </c>
      <c r="E436" s="3">
        <v>400.21</v>
      </c>
      <c r="F436" s="3">
        <v>547.07000000000005</v>
      </c>
      <c r="G436" s="3">
        <v>272.97000000000003</v>
      </c>
      <c r="H436" s="3">
        <v>611.11</v>
      </c>
      <c r="I436" s="3">
        <v>111.72</v>
      </c>
      <c r="J436" s="3">
        <v>200.98</v>
      </c>
      <c r="K436" s="3">
        <v>205.7</v>
      </c>
      <c r="L436" s="3">
        <v>259.81</v>
      </c>
      <c r="M436" s="3">
        <v>604.97</v>
      </c>
      <c r="N436" s="3">
        <v>412.02</v>
      </c>
      <c r="O436" s="3">
        <v>938.26</v>
      </c>
      <c r="P436" s="3">
        <v>856.59</v>
      </c>
      <c r="Q436" s="3">
        <v>2286.06</v>
      </c>
      <c r="R436" s="3">
        <v>2286.06</v>
      </c>
      <c r="S436" s="3">
        <v>49.77</v>
      </c>
      <c r="T436" s="3">
        <v>0.27</v>
      </c>
      <c r="U436" s="3">
        <v>4.96</v>
      </c>
      <c r="V436" s="3">
        <v>0.4</v>
      </c>
      <c r="W436" s="3">
        <v>3.49</v>
      </c>
      <c r="X436" s="3">
        <v>-0.22</v>
      </c>
      <c r="Y436" s="3">
        <v>-0.08</v>
      </c>
      <c r="Z436" s="3">
        <v>0.26</v>
      </c>
      <c r="AA436" s="4">
        <f t="shared" si="63"/>
        <v>0</v>
      </c>
      <c r="AB436" s="4">
        <f t="shared" si="68"/>
        <v>1.6</v>
      </c>
      <c r="AC436" s="3">
        <f t="shared" si="65"/>
        <v>79.632000000000005</v>
      </c>
      <c r="AD436" s="4">
        <f t="shared" si="60"/>
        <v>0</v>
      </c>
      <c r="AE436" s="3">
        <f t="shared" si="66"/>
        <v>0.43200000000000005</v>
      </c>
      <c r="AF436" s="4">
        <f t="shared" si="64"/>
        <v>0</v>
      </c>
      <c r="AG436" s="3">
        <f t="shared" si="61"/>
        <v>7.9359999999999999</v>
      </c>
      <c r="AH436" s="4">
        <f t="shared" si="62"/>
        <v>0</v>
      </c>
      <c r="AI436" s="3">
        <f t="shared" si="67"/>
        <v>0.4</v>
      </c>
      <c r="AJ436" s="14"/>
      <c r="AK436" s="14"/>
      <c r="AO436" s="12">
        <v>15</v>
      </c>
      <c r="AP436" s="7"/>
      <c r="AQ436" s="7"/>
      <c r="AR436" s="13"/>
    </row>
    <row r="437" spans="1:44">
      <c r="A437" s="1" t="s">
        <v>52</v>
      </c>
      <c r="B437" s="2">
        <v>0.68538194444444445</v>
      </c>
      <c r="C437" s="3">
        <v>98.25</v>
      </c>
      <c r="D437" s="3">
        <v>334.2</v>
      </c>
      <c r="E437" s="3">
        <v>402</v>
      </c>
      <c r="F437" s="3">
        <v>523.04999999999995</v>
      </c>
      <c r="G437" s="3">
        <v>270.48</v>
      </c>
      <c r="H437" s="3">
        <v>601.51</v>
      </c>
      <c r="I437" s="3">
        <v>111.44</v>
      </c>
      <c r="J437" s="3">
        <v>198.8</v>
      </c>
      <c r="K437" s="3">
        <v>205.44</v>
      </c>
      <c r="L437" s="3">
        <v>257.2</v>
      </c>
      <c r="M437" s="3">
        <v>604.03</v>
      </c>
      <c r="N437" s="3">
        <v>408.82</v>
      </c>
      <c r="O437" s="3">
        <v>938.75</v>
      </c>
      <c r="P437" s="3">
        <v>855.17</v>
      </c>
      <c r="Q437" s="3">
        <v>2286.06</v>
      </c>
      <c r="R437" s="3">
        <v>2286.06</v>
      </c>
      <c r="S437" s="3">
        <v>49.57</v>
      </c>
      <c r="T437" s="3">
        <v>0.26</v>
      </c>
      <c r="U437" s="3">
        <v>4.93</v>
      </c>
      <c r="V437" s="3">
        <v>0.36</v>
      </c>
      <c r="W437" s="3">
        <v>3.57</v>
      </c>
      <c r="X437" s="3">
        <v>-0.22</v>
      </c>
      <c r="Y437" s="3">
        <v>-0.08</v>
      </c>
      <c r="Z437" s="3">
        <v>0.28000000000000003</v>
      </c>
      <c r="AA437" s="4">
        <f t="shared" si="63"/>
        <v>0</v>
      </c>
      <c r="AB437" s="4">
        <f t="shared" si="68"/>
        <v>1.6</v>
      </c>
      <c r="AC437" s="3">
        <f t="shared" si="65"/>
        <v>79.312000000000012</v>
      </c>
      <c r="AD437" s="4">
        <f t="shared" si="60"/>
        <v>0</v>
      </c>
      <c r="AE437" s="3">
        <f t="shared" si="66"/>
        <v>0.41600000000000004</v>
      </c>
      <c r="AF437" s="4">
        <f t="shared" si="64"/>
        <v>0</v>
      </c>
      <c r="AG437" s="3">
        <f t="shared" si="61"/>
        <v>7.8879999999999999</v>
      </c>
      <c r="AH437" s="4">
        <f t="shared" si="62"/>
        <v>0</v>
      </c>
      <c r="AI437" s="3">
        <f t="shared" si="67"/>
        <v>0.36</v>
      </c>
      <c r="AJ437" s="14"/>
      <c r="AK437" s="14"/>
      <c r="AO437" s="12">
        <v>15</v>
      </c>
      <c r="AP437" s="7"/>
      <c r="AQ437" s="7"/>
      <c r="AR437" s="13"/>
    </row>
    <row r="438" spans="1:44">
      <c r="A438" s="1" t="s">
        <v>52</v>
      </c>
      <c r="B438" s="2">
        <v>0.68607638888888889</v>
      </c>
      <c r="C438" s="3">
        <v>100.53</v>
      </c>
      <c r="D438" s="3">
        <v>350.94</v>
      </c>
      <c r="E438" s="3">
        <v>399.35</v>
      </c>
      <c r="F438" s="3">
        <v>497.62</v>
      </c>
      <c r="G438" s="3">
        <v>267.54000000000002</v>
      </c>
      <c r="H438" s="3">
        <v>591.59</v>
      </c>
      <c r="I438" s="3">
        <v>111.06</v>
      </c>
      <c r="J438" s="3">
        <v>196.72</v>
      </c>
      <c r="K438" s="3">
        <v>204.9</v>
      </c>
      <c r="L438" s="3">
        <v>254.68</v>
      </c>
      <c r="M438" s="3">
        <v>604.04999999999995</v>
      </c>
      <c r="N438" s="3">
        <v>405.74</v>
      </c>
      <c r="O438" s="3">
        <v>936.56</v>
      </c>
      <c r="P438" s="3">
        <v>853.5</v>
      </c>
      <c r="Q438" s="3">
        <v>2286.06</v>
      </c>
      <c r="R438" s="3">
        <v>2286.06</v>
      </c>
      <c r="S438" s="3">
        <v>49.09</v>
      </c>
      <c r="T438" s="3">
        <v>0.25</v>
      </c>
      <c r="U438" s="3">
        <v>4.76</v>
      </c>
      <c r="V438" s="3">
        <v>0.37</v>
      </c>
      <c r="W438" s="3">
        <v>3.49</v>
      </c>
      <c r="X438" s="3">
        <v>-0.22</v>
      </c>
      <c r="Y438" s="3">
        <v>-7.0000000000000007E-2</v>
      </c>
      <c r="Z438" s="3">
        <v>0.27</v>
      </c>
      <c r="AA438" s="4">
        <f t="shared" si="63"/>
        <v>0</v>
      </c>
      <c r="AB438" s="4">
        <f t="shared" si="68"/>
        <v>1.6</v>
      </c>
      <c r="AC438" s="3">
        <f t="shared" si="65"/>
        <v>78.544000000000011</v>
      </c>
      <c r="AD438" s="4">
        <f t="shared" si="60"/>
        <v>0</v>
      </c>
      <c r="AE438" s="3">
        <f t="shared" si="66"/>
        <v>0.4</v>
      </c>
      <c r="AF438" s="4">
        <f t="shared" si="64"/>
        <v>0</v>
      </c>
      <c r="AG438" s="3">
        <f t="shared" si="61"/>
        <v>7.6159999999999997</v>
      </c>
      <c r="AH438" s="4">
        <f t="shared" si="62"/>
        <v>0</v>
      </c>
      <c r="AI438" s="3">
        <f t="shared" si="67"/>
        <v>0.37</v>
      </c>
      <c r="AJ438" s="14"/>
      <c r="AK438" s="14"/>
      <c r="AO438" s="12">
        <v>15</v>
      </c>
      <c r="AP438" s="7"/>
      <c r="AQ438" s="7"/>
      <c r="AR438" s="13"/>
    </row>
    <row r="439" spans="1:44">
      <c r="A439" s="1" t="s">
        <v>52</v>
      </c>
      <c r="B439" s="2">
        <v>0.68677083333333344</v>
      </c>
      <c r="C439" s="3">
        <v>104.3</v>
      </c>
      <c r="D439" s="3">
        <v>364.55</v>
      </c>
      <c r="E439" s="3">
        <v>397.34</v>
      </c>
      <c r="F439" s="3">
        <v>520.67999999999995</v>
      </c>
      <c r="G439" s="3">
        <v>268.98</v>
      </c>
      <c r="H439" s="3">
        <v>597.96</v>
      </c>
      <c r="I439" s="3">
        <v>110.4</v>
      </c>
      <c r="J439" s="3">
        <v>194.7</v>
      </c>
      <c r="K439" s="3">
        <v>204.27</v>
      </c>
      <c r="L439" s="3">
        <v>252.26</v>
      </c>
      <c r="M439" s="3">
        <v>602.62</v>
      </c>
      <c r="N439" s="3">
        <v>402.75</v>
      </c>
      <c r="O439" s="3">
        <v>938.2</v>
      </c>
      <c r="P439" s="3">
        <v>851.76</v>
      </c>
      <c r="Q439" s="3">
        <v>2286.06</v>
      </c>
      <c r="R439" s="3">
        <v>2286.06</v>
      </c>
      <c r="S439" s="3">
        <v>49.3</v>
      </c>
      <c r="T439" s="3">
        <v>0.26</v>
      </c>
      <c r="U439" s="3">
        <v>4.84</v>
      </c>
      <c r="V439" s="3">
        <v>0.36</v>
      </c>
      <c r="W439" s="3">
        <v>3.44</v>
      </c>
      <c r="X439" s="3">
        <v>-0.23</v>
      </c>
      <c r="Y439" s="3">
        <v>-7.0000000000000007E-2</v>
      </c>
      <c r="Z439" s="3">
        <v>0.27</v>
      </c>
      <c r="AA439" s="4">
        <f t="shared" si="63"/>
        <v>0</v>
      </c>
      <c r="AB439" s="4">
        <f t="shared" si="68"/>
        <v>1.6</v>
      </c>
      <c r="AC439" s="3">
        <f t="shared" si="65"/>
        <v>78.88</v>
      </c>
      <c r="AD439" s="4">
        <f t="shared" si="60"/>
        <v>0</v>
      </c>
      <c r="AE439" s="3">
        <f t="shared" si="66"/>
        <v>0.41600000000000004</v>
      </c>
      <c r="AF439" s="4">
        <f t="shared" si="64"/>
        <v>0</v>
      </c>
      <c r="AG439" s="3">
        <f t="shared" si="61"/>
        <v>7.7439999999999998</v>
      </c>
      <c r="AH439" s="4">
        <f t="shared" si="62"/>
        <v>0</v>
      </c>
      <c r="AI439" s="3">
        <f t="shared" si="67"/>
        <v>0.36</v>
      </c>
      <c r="AJ439" s="14"/>
      <c r="AK439" s="14"/>
      <c r="AO439" s="12">
        <v>15</v>
      </c>
      <c r="AP439" s="7"/>
      <c r="AQ439" s="7"/>
      <c r="AR439" s="13"/>
    </row>
    <row r="440" spans="1:44">
      <c r="A440" s="1" t="s">
        <v>52</v>
      </c>
      <c r="B440" s="2">
        <v>0.68746527777777777</v>
      </c>
      <c r="C440" s="3">
        <v>106.39</v>
      </c>
      <c r="D440" s="3">
        <v>365.26</v>
      </c>
      <c r="E440" s="3">
        <v>399.85</v>
      </c>
      <c r="F440" s="3">
        <v>548.03</v>
      </c>
      <c r="G440" s="3">
        <v>273.2</v>
      </c>
      <c r="H440" s="3">
        <v>610.97</v>
      </c>
      <c r="I440" s="3">
        <v>109.71</v>
      </c>
      <c r="J440" s="3">
        <v>192.75</v>
      </c>
      <c r="K440" s="3">
        <v>203.52</v>
      </c>
      <c r="L440" s="3">
        <v>249.95</v>
      </c>
      <c r="M440" s="3">
        <v>601.88</v>
      </c>
      <c r="N440" s="3">
        <v>399.81</v>
      </c>
      <c r="O440" s="3">
        <v>937.03</v>
      </c>
      <c r="P440" s="3">
        <v>850.27</v>
      </c>
      <c r="Q440" s="3">
        <v>2286.06</v>
      </c>
      <c r="R440" s="3">
        <v>2286.06</v>
      </c>
      <c r="S440" s="3">
        <v>48.61</v>
      </c>
      <c r="T440" s="3">
        <v>0.22</v>
      </c>
      <c r="U440" s="3">
        <v>4.6500000000000004</v>
      </c>
      <c r="V440" s="3">
        <v>0.34</v>
      </c>
      <c r="W440" s="3">
        <v>3.49</v>
      </c>
      <c r="X440" s="3">
        <v>-0.22</v>
      </c>
      <c r="Y440" s="3">
        <v>-0.06</v>
      </c>
      <c r="Z440" s="3">
        <v>0.26</v>
      </c>
      <c r="AA440" s="4">
        <f t="shared" si="63"/>
        <v>0</v>
      </c>
      <c r="AB440" s="4">
        <f t="shared" si="68"/>
        <v>1.6</v>
      </c>
      <c r="AC440" s="3">
        <f t="shared" si="65"/>
        <v>77.77600000000001</v>
      </c>
      <c r="AD440" s="4">
        <f t="shared" si="60"/>
        <v>0</v>
      </c>
      <c r="AE440" s="3">
        <f t="shared" si="66"/>
        <v>0.35200000000000004</v>
      </c>
      <c r="AF440" s="4">
        <f t="shared" si="64"/>
        <v>0</v>
      </c>
      <c r="AG440" s="3">
        <f t="shared" si="61"/>
        <v>7.4400000000000013</v>
      </c>
      <c r="AH440" s="4">
        <f t="shared" si="62"/>
        <v>0</v>
      </c>
      <c r="AI440" s="3">
        <f t="shared" si="67"/>
        <v>0.34</v>
      </c>
      <c r="AJ440" s="14"/>
      <c r="AK440" s="14"/>
      <c r="AO440" s="12">
        <v>15</v>
      </c>
      <c r="AP440" s="7"/>
      <c r="AQ440" s="7"/>
      <c r="AR440" s="13"/>
    </row>
    <row r="441" spans="1:44">
      <c r="A441" s="1" t="s">
        <v>52</v>
      </c>
      <c r="B441" s="2">
        <v>0.68815972222222221</v>
      </c>
      <c r="C441" s="3">
        <v>106.41</v>
      </c>
      <c r="D441" s="3">
        <v>359.52</v>
      </c>
      <c r="E441" s="3">
        <v>402.61</v>
      </c>
      <c r="F441" s="3">
        <v>527.16</v>
      </c>
      <c r="G441" s="3">
        <v>274.20999999999998</v>
      </c>
      <c r="H441" s="3">
        <v>609.32000000000005</v>
      </c>
      <c r="I441" s="3">
        <v>108.97</v>
      </c>
      <c r="J441" s="3">
        <v>190.87</v>
      </c>
      <c r="K441" s="3">
        <v>202.68</v>
      </c>
      <c r="L441" s="3">
        <v>247.72</v>
      </c>
      <c r="M441" s="3">
        <v>600.41999999999996</v>
      </c>
      <c r="N441" s="3">
        <v>397.11</v>
      </c>
      <c r="O441" s="3">
        <v>934.33</v>
      </c>
      <c r="P441" s="3">
        <v>854.86</v>
      </c>
      <c r="Q441" s="3">
        <v>2286.0300000000002</v>
      </c>
      <c r="R441" s="3">
        <v>2286.0300000000002</v>
      </c>
      <c r="S441" s="3">
        <v>49.47</v>
      </c>
      <c r="T441" s="3">
        <v>0.24</v>
      </c>
      <c r="U441" s="3">
        <v>4.79</v>
      </c>
      <c r="V441" s="3">
        <v>0.37</v>
      </c>
      <c r="W441" s="3">
        <v>3.38</v>
      </c>
      <c r="X441" s="3">
        <v>-0.2</v>
      </c>
      <c r="Y441" s="3">
        <v>-7.0000000000000007E-2</v>
      </c>
      <c r="Z441" s="3">
        <v>0.25</v>
      </c>
      <c r="AA441" s="4">
        <f t="shared" si="63"/>
        <v>0</v>
      </c>
      <c r="AB441" s="4">
        <f t="shared" si="68"/>
        <v>1.6</v>
      </c>
      <c r="AC441" s="3">
        <f t="shared" si="65"/>
        <v>79.152000000000001</v>
      </c>
      <c r="AD441" s="4">
        <f t="shared" si="60"/>
        <v>0</v>
      </c>
      <c r="AE441" s="3">
        <f t="shared" si="66"/>
        <v>0.38400000000000001</v>
      </c>
      <c r="AF441" s="4">
        <f t="shared" si="64"/>
        <v>0</v>
      </c>
      <c r="AG441" s="3">
        <f t="shared" si="61"/>
        <v>7.6640000000000006</v>
      </c>
      <c r="AH441" s="4">
        <f t="shared" si="62"/>
        <v>0</v>
      </c>
      <c r="AI441" s="3">
        <f t="shared" si="67"/>
        <v>0.37</v>
      </c>
      <c r="AJ441" s="14"/>
      <c r="AK441" s="14"/>
      <c r="AO441" s="12">
        <v>15</v>
      </c>
      <c r="AP441" s="7"/>
      <c r="AQ441" s="7"/>
      <c r="AR441" s="13"/>
    </row>
    <row r="442" spans="1:44">
      <c r="A442" s="1" t="s">
        <v>52</v>
      </c>
      <c r="B442" s="2">
        <v>0.68885416666666666</v>
      </c>
      <c r="C442" s="3">
        <v>104.86</v>
      </c>
      <c r="D442" s="3">
        <v>352.07</v>
      </c>
      <c r="E442" s="3">
        <v>400.66</v>
      </c>
      <c r="F442" s="3">
        <v>496.18</v>
      </c>
      <c r="G442" s="3">
        <v>271.49</v>
      </c>
      <c r="H442" s="3">
        <v>597.84</v>
      </c>
      <c r="I442" s="3">
        <v>108.16</v>
      </c>
      <c r="J442" s="3">
        <v>189.06</v>
      </c>
      <c r="K442" s="3">
        <v>201.74</v>
      </c>
      <c r="L442" s="3">
        <v>245.59</v>
      </c>
      <c r="M442" s="3">
        <v>599.99</v>
      </c>
      <c r="N442" s="3">
        <v>396.93</v>
      </c>
      <c r="O442" s="3">
        <v>937.81</v>
      </c>
      <c r="P442" s="3">
        <v>857.1</v>
      </c>
      <c r="Q442" s="3">
        <v>2286.0300000000002</v>
      </c>
      <c r="R442" s="3">
        <v>2286.0300000000002</v>
      </c>
      <c r="S442" s="3">
        <v>48.75</v>
      </c>
      <c r="T442" s="3">
        <v>0.22</v>
      </c>
      <c r="U442" s="3">
        <v>4.5199999999999996</v>
      </c>
      <c r="V442" s="3">
        <v>0.33</v>
      </c>
      <c r="W442" s="3">
        <v>3.31</v>
      </c>
      <c r="X442" s="3">
        <v>-0.23</v>
      </c>
      <c r="Y442" s="3">
        <v>-0.06</v>
      </c>
      <c r="Z442" s="3">
        <v>0.26</v>
      </c>
      <c r="AA442" s="4">
        <f t="shared" si="63"/>
        <v>0</v>
      </c>
      <c r="AB442" s="4">
        <f t="shared" si="68"/>
        <v>1.6</v>
      </c>
      <c r="AC442" s="3">
        <f t="shared" si="65"/>
        <v>78</v>
      </c>
      <c r="AD442" s="4">
        <f t="shared" si="60"/>
        <v>0</v>
      </c>
      <c r="AE442" s="3">
        <f t="shared" si="66"/>
        <v>0.35200000000000004</v>
      </c>
      <c r="AF442" s="4">
        <f t="shared" si="64"/>
        <v>0</v>
      </c>
      <c r="AG442" s="3">
        <f t="shared" si="61"/>
        <v>7.2319999999999993</v>
      </c>
      <c r="AH442" s="4">
        <f t="shared" si="62"/>
        <v>0</v>
      </c>
      <c r="AI442" s="3">
        <f t="shared" si="67"/>
        <v>0.33</v>
      </c>
      <c r="AJ442" s="14"/>
      <c r="AK442" s="14"/>
      <c r="AO442" s="12">
        <v>15</v>
      </c>
      <c r="AP442" s="7"/>
      <c r="AQ442" s="7"/>
      <c r="AR442" s="13"/>
    </row>
    <row r="443" spans="1:44">
      <c r="A443" s="1" t="s">
        <v>52</v>
      </c>
      <c r="B443" s="2">
        <v>0.68954861111111121</v>
      </c>
      <c r="C443" s="3">
        <v>102.66</v>
      </c>
      <c r="D443" s="3">
        <v>344.42</v>
      </c>
      <c r="E443" s="3">
        <v>397.11</v>
      </c>
      <c r="F443" s="3">
        <v>504.53</v>
      </c>
      <c r="G443" s="3">
        <v>268.89</v>
      </c>
      <c r="H443" s="3">
        <v>591.72</v>
      </c>
      <c r="I443" s="3">
        <v>107.33</v>
      </c>
      <c r="J443" s="3">
        <v>187.31</v>
      </c>
      <c r="K443" s="3">
        <v>200.8</v>
      </c>
      <c r="L443" s="3">
        <v>243.54</v>
      </c>
      <c r="M443" s="3">
        <v>601.32000000000005</v>
      </c>
      <c r="N443" s="3">
        <v>403.52</v>
      </c>
      <c r="O443" s="3">
        <v>934.76</v>
      </c>
      <c r="P443" s="3">
        <v>856.21</v>
      </c>
      <c r="Q443" s="3">
        <v>2286.0300000000002</v>
      </c>
      <c r="R443" s="3">
        <v>2286.0300000000002</v>
      </c>
      <c r="S443" s="3">
        <v>49.26</v>
      </c>
      <c r="T443" s="3">
        <v>0.23</v>
      </c>
      <c r="U443" s="3">
        <v>4.78</v>
      </c>
      <c r="V443" s="3">
        <v>0.38</v>
      </c>
      <c r="W443" s="3">
        <v>3.4</v>
      </c>
      <c r="X443" s="3">
        <v>-0.22</v>
      </c>
      <c r="Y443" s="3">
        <v>-0.06</v>
      </c>
      <c r="Z443" s="3">
        <v>0.25</v>
      </c>
      <c r="AA443" s="4">
        <f t="shared" si="63"/>
        <v>0</v>
      </c>
      <c r="AB443" s="4">
        <f t="shared" si="68"/>
        <v>1.6</v>
      </c>
      <c r="AC443" s="3">
        <f t="shared" si="65"/>
        <v>78.816000000000003</v>
      </c>
      <c r="AD443" s="4">
        <f t="shared" si="60"/>
        <v>0</v>
      </c>
      <c r="AE443" s="3">
        <f t="shared" si="66"/>
        <v>0.36800000000000005</v>
      </c>
      <c r="AF443" s="4">
        <f t="shared" si="64"/>
        <v>0</v>
      </c>
      <c r="AG443" s="3">
        <f t="shared" si="61"/>
        <v>7.6480000000000006</v>
      </c>
      <c r="AH443" s="4">
        <f t="shared" si="62"/>
        <v>0</v>
      </c>
      <c r="AI443" s="3">
        <f t="shared" si="67"/>
        <v>0.38</v>
      </c>
      <c r="AJ443" s="14"/>
      <c r="AK443" s="14"/>
      <c r="AO443" s="12">
        <v>15</v>
      </c>
      <c r="AP443" s="7"/>
      <c r="AQ443" s="7"/>
      <c r="AR443" s="13"/>
    </row>
    <row r="444" spans="1:44">
      <c r="A444" s="1" t="s">
        <v>52</v>
      </c>
      <c r="B444" s="2">
        <v>0.69025462962962969</v>
      </c>
      <c r="C444" s="3">
        <v>101.04</v>
      </c>
      <c r="D444" s="3">
        <v>338.59</v>
      </c>
      <c r="E444" s="3">
        <v>397.73</v>
      </c>
      <c r="F444" s="3">
        <v>538.13</v>
      </c>
      <c r="G444" s="3">
        <v>270.45999999999998</v>
      </c>
      <c r="H444" s="3">
        <v>602.49</v>
      </c>
      <c r="I444" s="3">
        <v>106.43</v>
      </c>
      <c r="J444" s="3">
        <v>185.6</v>
      </c>
      <c r="K444" s="3">
        <v>199.84</v>
      </c>
      <c r="L444" s="3">
        <v>241.6</v>
      </c>
      <c r="M444" s="3">
        <v>601.83000000000004</v>
      </c>
      <c r="N444" s="3">
        <v>411.05</v>
      </c>
      <c r="O444" s="3">
        <v>936.64</v>
      </c>
      <c r="P444" s="3">
        <v>854.59</v>
      </c>
      <c r="Q444" s="3">
        <v>2286.02</v>
      </c>
      <c r="R444" s="3">
        <v>2286.02</v>
      </c>
      <c r="S444" s="3">
        <v>49.34</v>
      </c>
      <c r="T444" s="3">
        <v>0.21</v>
      </c>
      <c r="U444" s="3">
        <v>4.7699999999999996</v>
      </c>
      <c r="V444" s="3">
        <v>0.3</v>
      </c>
      <c r="W444" s="3">
        <v>3.41</v>
      </c>
      <c r="X444" s="3">
        <v>-0.22</v>
      </c>
      <c r="Y444" s="3">
        <v>-0.06</v>
      </c>
      <c r="Z444" s="3">
        <v>0.26</v>
      </c>
      <c r="AA444" s="4">
        <f t="shared" si="63"/>
        <v>0</v>
      </c>
      <c r="AB444" s="4">
        <f t="shared" si="68"/>
        <v>1.6</v>
      </c>
      <c r="AC444" s="3">
        <f t="shared" si="65"/>
        <v>78.944000000000017</v>
      </c>
      <c r="AD444" s="4">
        <f t="shared" si="60"/>
        <v>0</v>
      </c>
      <c r="AE444" s="3">
        <f t="shared" si="66"/>
        <v>0.33600000000000002</v>
      </c>
      <c r="AF444" s="4">
        <f t="shared" si="64"/>
        <v>0</v>
      </c>
      <c r="AG444" s="3">
        <f t="shared" si="61"/>
        <v>7.6319999999999997</v>
      </c>
      <c r="AH444" s="4">
        <f t="shared" si="62"/>
        <v>0</v>
      </c>
      <c r="AI444" s="3">
        <f t="shared" si="67"/>
        <v>0.3</v>
      </c>
      <c r="AJ444" s="14"/>
      <c r="AK444" s="14"/>
      <c r="AO444" s="12">
        <v>15</v>
      </c>
      <c r="AP444" s="7"/>
      <c r="AQ444" s="7"/>
      <c r="AR444" s="13"/>
    </row>
    <row r="445" spans="1:44">
      <c r="A445" s="1" t="s">
        <v>52</v>
      </c>
      <c r="B445" s="2">
        <v>0.69094907407407413</v>
      </c>
      <c r="C445" s="3">
        <v>101.67</v>
      </c>
      <c r="D445" s="3">
        <v>344.61</v>
      </c>
      <c r="E445" s="3">
        <v>401.63</v>
      </c>
      <c r="F445" s="3">
        <v>546.75</v>
      </c>
      <c r="G445" s="3">
        <v>273.27</v>
      </c>
      <c r="H445" s="3">
        <v>612.41</v>
      </c>
      <c r="I445" s="3">
        <v>105.54</v>
      </c>
      <c r="J445" s="3">
        <v>183.95</v>
      </c>
      <c r="K445" s="3">
        <v>199.29</v>
      </c>
      <c r="L445" s="3">
        <v>243.79</v>
      </c>
      <c r="M445" s="3">
        <v>602.53</v>
      </c>
      <c r="N445" s="3">
        <v>412.2</v>
      </c>
      <c r="O445" s="3">
        <v>937.98</v>
      </c>
      <c r="P445" s="3">
        <v>852.78</v>
      </c>
      <c r="Q445" s="3">
        <v>2286.02</v>
      </c>
      <c r="R445" s="3">
        <v>2286.02</v>
      </c>
      <c r="S445" s="3">
        <v>48.52</v>
      </c>
      <c r="T445" s="3">
        <v>0.2</v>
      </c>
      <c r="U445" s="3">
        <v>4.8099999999999996</v>
      </c>
      <c r="V445" s="3">
        <v>0.28999999999999998</v>
      </c>
      <c r="W445" s="3">
        <v>3.43</v>
      </c>
      <c r="X445" s="3">
        <v>-0.22</v>
      </c>
      <c r="Y445" s="3">
        <v>-0.05</v>
      </c>
      <c r="Z445" s="3">
        <v>0.26</v>
      </c>
      <c r="AA445" s="4">
        <f t="shared" si="63"/>
        <v>0</v>
      </c>
      <c r="AB445" s="4">
        <f t="shared" si="68"/>
        <v>1.6</v>
      </c>
      <c r="AC445" s="3">
        <f t="shared" si="65"/>
        <v>77.632000000000005</v>
      </c>
      <c r="AD445" s="4">
        <f t="shared" si="60"/>
        <v>0</v>
      </c>
      <c r="AE445" s="3">
        <f t="shared" si="66"/>
        <v>0.32000000000000006</v>
      </c>
      <c r="AF445" s="4">
        <f t="shared" si="64"/>
        <v>0</v>
      </c>
      <c r="AG445" s="3">
        <f t="shared" si="61"/>
        <v>7.6959999999999997</v>
      </c>
      <c r="AH445" s="4">
        <f t="shared" si="62"/>
        <v>0</v>
      </c>
      <c r="AI445" s="3">
        <f t="shared" si="67"/>
        <v>0.28999999999999998</v>
      </c>
      <c r="AJ445" s="14"/>
      <c r="AK445" s="14"/>
      <c r="AO445" s="12">
        <v>15</v>
      </c>
      <c r="AP445" s="7"/>
      <c r="AQ445" s="7"/>
      <c r="AR445" s="13"/>
    </row>
    <row r="446" spans="1:44">
      <c r="A446" s="1" t="s">
        <v>52</v>
      </c>
      <c r="B446" s="2">
        <v>0.69164351851851846</v>
      </c>
      <c r="C446" s="3">
        <v>104.37</v>
      </c>
      <c r="D446" s="3">
        <v>360.44</v>
      </c>
      <c r="E446" s="3">
        <v>402.46</v>
      </c>
      <c r="F446" s="3">
        <v>512.83000000000004</v>
      </c>
      <c r="G446" s="3">
        <v>273.08999999999997</v>
      </c>
      <c r="H446" s="3">
        <v>606.44000000000005</v>
      </c>
      <c r="I446" s="3">
        <v>104.84</v>
      </c>
      <c r="J446" s="3">
        <v>182.34</v>
      </c>
      <c r="K446" s="3">
        <v>200.09</v>
      </c>
      <c r="L446" s="3">
        <v>256.64</v>
      </c>
      <c r="M446" s="3">
        <v>602.66999999999996</v>
      </c>
      <c r="N446" s="3">
        <v>410.18</v>
      </c>
      <c r="O446" s="3">
        <v>937.23</v>
      </c>
      <c r="P446" s="3">
        <v>851.03</v>
      </c>
      <c r="Q446" s="3">
        <v>2286.02</v>
      </c>
      <c r="R446" s="3">
        <v>2286.02</v>
      </c>
      <c r="S446" s="3">
        <v>48.08</v>
      </c>
      <c r="T446" s="3">
        <v>0.22</v>
      </c>
      <c r="U446" s="3">
        <v>4.7300000000000004</v>
      </c>
      <c r="V446" s="3">
        <v>0.31</v>
      </c>
      <c r="W446" s="3">
        <v>3.47</v>
      </c>
      <c r="X446" s="3">
        <v>-0.21</v>
      </c>
      <c r="Y446" s="3">
        <v>-0.05</v>
      </c>
      <c r="Z446" s="3">
        <v>0.25</v>
      </c>
      <c r="AA446" s="4">
        <f t="shared" si="63"/>
        <v>0</v>
      </c>
      <c r="AB446" s="4">
        <f t="shared" si="68"/>
        <v>1.6</v>
      </c>
      <c r="AC446" s="3">
        <f t="shared" si="65"/>
        <v>76.927999999999997</v>
      </c>
      <c r="AD446" s="4">
        <f t="shared" si="60"/>
        <v>0</v>
      </c>
      <c r="AE446" s="3">
        <f t="shared" si="66"/>
        <v>0.35200000000000004</v>
      </c>
      <c r="AF446" s="4">
        <f t="shared" si="64"/>
        <v>0</v>
      </c>
      <c r="AG446" s="3">
        <f t="shared" si="61"/>
        <v>7.5680000000000014</v>
      </c>
      <c r="AH446" s="4">
        <f t="shared" si="62"/>
        <v>0</v>
      </c>
      <c r="AI446" s="3">
        <f t="shared" si="67"/>
        <v>0.31</v>
      </c>
      <c r="AJ446" s="14"/>
      <c r="AK446" s="14"/>
      <c r="AO446" s="12">
        <v>15</v>
      </c>
      <c r="AP446" s="7"/>
      <c r="AQ446" s="7"/>
      <c r="AR446" s="13"/>
    </row>
    <row r="447" spans="1:44">
      <c r="A447" s="1" t="s">
        <v>52</v>
      </c>
      <c r="B447" s="2">
        <v>0.69233796296296291</v>
      </c>
      <c r="C447" s="3">
        <v>108.89</v>
      </c>
      <c r="D447" s="3">
        <v>378.92</v>
      </c>
      <c r="E447" s="3">
        <v>399.24</v>
      </c>
      <c r="F447" s="3">
        <v>491.14</v>
      </c>
      <c r="G447" s="3">
        <v>270.97000000000003</v>
      </c>
      <c r="H447" s="3">
        <v>594.45000000000005</v>
      </c>
      <c r="I447" s="3">
        <v>104.29</v>
      </c>
      <c r="J447" s="3">
        <v>180.79</v>
      </c>
      <c r="K447" s="3">
        <v>202.28</v>
      </c>
      <c r="L447" s="3">
        <v>272.05</v>
      </c>
      <c r="M447" s="3">
        <v>602.57000000000005</v>
      </c>
      <c r="N447" s="3">
        <v>407.12</v>
      </c>
      <c r="O447" s="3">
        <v>936.33</v>
      </c>
      <c r="P447" s="3">
        <v>851.33</v>
      </c>
      <c r="Q447" s="3">
        <v>2286.02</v>
      </c>
      <c r="R447" s="3">
        <v>2286.02</v>
      </c>
      <c r="S447" s="3">
        <v>48.94</v>
      </c>
      <c r="T447" s="3">
        <v>0.22</v>
      </c>
      <c r="U447" s="3">
        <v>4.84</v>
      </c>
      <c r="V447" s="3">
        <v>0.31</v>
      </c>
      <c r="W447" s="3">
        <v>3.55</v>
      </c>
      <c r="X447" s="3">
        <v>-0.23</v>
      </c>
      <c r="Y447" s="3">
        <v>-0.05</v>
      </c>
      <c r="Z447" s="3">
        <v>0.27</v>
      </c>
      <c r="AA447" s="4">
        <f t="shared" si="63"/>
        <v>0</v>
      </c>
      <c r="AB447" s="4">
        <f t="shared" si="68"/>
        <v>1.6</v>
      </c>
      <c r="AC447" s="3">
        <f t="shared" si="65"/>
        <v>78.304000000000002</v>
      </c>
      <c r="AD447" s="4">
        <f t="shared" si="60"/>
        <v>0</v>
      </c>
      <c r="AE447" s="3">
        <f t="shared" si="66"/>
        <v>0.35200000000000004</v>
      </c>
      <c r="AF447" s="4">
        <f t="shared" si="64"/>
        <v>0</v>
      </c>
      <c r="AG447" s="3">
        <f t="shared" si="61"/>
        <v>7.7439999999999998</v>
      </c>
      <c r="AH447" s="4">
        <f t="shared" si="62"/>
        <v>0</v>
      </c>
      <c r="AI447" s="3">
        <f t="shared" si="67"/>
        <v>0.31</v>
      </c>
      <c r="AJ447" s="14"/>
      <c r="AK447" s="14"/>
      <c r="AO447" s="12">
        <v>15</v>
      </c>
      <c r="AP447" s="7"/>
      <c r="AQ447" s="7"/>
      <c r="AR447" s="13"/>
    </row>
    <row r="448" spans="1:44">
      <c r="A448" s="1" t="s">
        <v>52</v>
      </c>
      <c r="B448" s="2">
        <v>0.69303240740740746</v>
      </c>
      <c r="C448" s="3">
        <v>115.1</v>
      </c>
      <c r="D448" s="3">
        <v>397.06</v>
      </c>
      <c r="E448" s="3">
        <v>397.13</v>
      </c>
      <c r="F448" s="3">
        <v>516.76</v>
      </c>
      <c r="G448" s="3">
        <v>271.61</v>
      </c>
      <c r="H448" s="3">
        <v>593.36</v>
      </c>
      <c r="I448" s="3">
        <v>103.9</v>
      </c>
      <c r="J448" s="3">
        <v>179.32</v>
      </c>
      <c r="K448" s="3">
        <v>204.33</v>
      </c>
      <c r="L448" s="3">
        <v>278.39999999999998</v>
      </c>
      <c r="M448" s="3">
        <v>602.71</v>
      </c>
      <c r="N448" s="3">
        <v>403.92</v>
      </c>
      <c r="O448" s="3">
        <v>934.04</v>
      </c>
      <c r="P448" s="3">
        <v>856.34</v>
      </c>
      <c r="Q448" s="3">
        <v>2286.0300000000002</v>
      </c>
      <c r="R448" s="3">
        <v>2286.0300000000002</v>
      </c>
      <c r="S448" s="3">
        <v>48.69</v>
      </c>
      <c r="T448" s="3">
        <v>0.23</v>
      </c>
      <c r="U448" s="3">
        <v>4.83</v>
      </c>
      <c r="V448" s="3">
        <v>0.33</v>
      </c>
      <c r="W448" s="3">
        <v>3.5</v>
      </c>
      <c r="X448" s="3">
        <v>-0.36</v>
      </c>
      <c r="Y448" s="3">
        <v>-0.05</v>
      </c>
      <c r="Z448" s="3">
        <v>0.35</v>
      </c>
      <c r="AA448" s="4">
        <f t="shared" si="63"/>
        <v>0</v>
      </c>
      <c r="AB448" s="4">
        <f t="shared" si="68"/>
        <v>1.6</v>
      </c>
      <c r="AC448" s="3">
        <f t="shared" si="65"/>
        <v>77.903999999999996</v>
      </c>
      <c r="AD448" s="4">
        <f t="shared" si="60"/>
        <v>0</v>
      </c>
      <c r="AE448" s="3">
        <f t="shared" si="66"/>
        <v>0.36800000000000005</v>
      </c>
      <c r="AF448" s="4">
        <f t="shared" si="64"/>
        <v>0</v>
      </c>
      <c r="AG448" s="3">
        <f t="shared" si="61"/>
        <v>7.7280000000000006</v>
      </c>
      <c r="AH448" s="4">
        <f t="shared" si="62"/>
        <v>0</v>
      </c>
      <c r="AI448" s="3">
        <f t="shared" si="67"/>
        <v>0.33</v>
      </c>
      <c r="AJ448" s="14"/>
      <c r="AK448" s="14"/>
      <c r="AO448" s="12">
        <v>15</v>
      </c>
      <c r="AP448" s="7"/>
      <c r="AQ448" s="7"/>
      <c r="AR448" s="13"/>
    </row>
    <row r="449" spans="1:44">
      <c r="A449" s="1" t="s">
        <v>52</v>
      </c>
      <c r="B449" s="2">
        <v>0.6937268518518519</v>
      </c>
      <c r="C449" s="3">
        <v>121.72</v>
      </c>
      <c r="D449" s="3">
        <v>411.34</v>
      </c>
      <c r="E449" s="3">
        <v>399.79</v>
      </c>
      <c r="F449" s="3">
        <v>545.16</v>
      </c>
      <c r="G449" s="3">
        <v>277.04000000000002</v>
      </c>
      <c r="H449" s="3">
        <v>606.58000000000004</v>
      </c>
      <c r="I449" s="3">
        <v>103.46</v>
      </c>
      <c r="J449" s="3">
        <v>177.9</v>
      </c>
      <c r="K449" s="3">
        <v>205.8</v>
      </c>
      <c r="L449" s="3">
        <v>278.39999999999998</v>
      </c>
      <c r="M449" s="3">
        <v>601.64</v>
      </c>
      <c r="N449" s="3">
        <v>400.69</v>
      </c>
      <c r="O449" s="3">
        <v>934.43</v>
      </c>
      <c r="P449" s="3">
        <v>856.37</v>
      </c>
      <c r="Q449" s="3">
        <v>2286.0300000000002</v>
      </c>
      <c r="R449" s="3">
        <v>2286.0300000000002</v>
      </c>
      <c r="S449" s="3">
        <v>48.66</v>
      </c>
      <c r="T449" s="3">
        <v>0.22</v>
      </c>
      <c r="U449" s="3">
        <v>4.79</v>
      </c>
      <c r="V449" s="3">
        <v>0.33</v>
      </c>
      <c r="W449" s="3">
        <v>3.5</v>
      </c>
      <c r="X449" s="3">
        <v>-0.25</v>
      </c>
      <c r="Y449" s="3">
        <v>-0.05</v>
      </c>
      <c r="Z449" s="3">
        <v>0.3</v>
      </c>
      <c r="AA449" s="4">
        <f t="shared" si="63"/>
        <v>0</v>
      </c>
      <c r="AB449" s="4">
        <f t="shared" si="68"/>
        <v>1.6</v>
      </c>
      <c r="AC449" s="3">
        <f t="shared" si="65"/>
        <v>77.855999999999995</v>
      </c>
      <c r="AD449" s="4">
        <f t="shared" si="60"/>
        <v>0</v>
      </c>
      <c r="AE449" s="3">
        <f t="shared" si="66"/>
        <v>0.35200000000000004</v>
      </c>
      <c r="AF449" s="4">
        <f t="shared" si="64"/>
        <v>0</v>
      </c>
      <c r="AG449" s="3">
        <f t="shared" si="61"/>
        <v>7.6640000000000006</v>
      </c>
      <c r="AH449" s="4">
        <f t="shared" si="62"/>
        <v>0</v>
      </c>
      <c r="AI449" s="3">
        <f t="shared" si="67"/>
        <v>0.33</v>
      </c>
      <c r="AJ449" s="14"/>
      <c r="AK449" s="14"/>
      <c r="AO449" s="12">
        <v>15</v>
      </c>
      <c r="AP449" s="7"/>
      <c r="AQ449" s="7"/>
      <c r="AR449" s="13"/>
    </row>
    <row r="450" spans="1:44">
      <c r="A450" s="1" t="s">
        <v>52</v>
      </c>
      <c r="B450" s="2">
        <v>0.69442129629629623</v>
      </c>
      <c r="C450" s="3">
        <v>125.22</v>
      </c>
      <c r="D450" s="3">
        <v>412.33</v>
      </c>
      <c r="E450" s="3">
        <v>403.23</v>
      </c>
      <c r="F450" s="3">
        <v>525.92999999999995</v>
      </c>
      <c r="G450" s="3">
        <v>281.39999999999998</v>
      </c>
      <c r="H450" s="3">
        <v>612.08000000000004</v>
      </c>
      <c r="I450" s="3">
        <v>103.01</v>
      </c>
      <c r="J450" s="3">
        <v>176.51</v>
      </c>
      <c r="K450" s="3">
        <v>206.6</v>
      </c>
      <c r="L450" s="3">
        <v>276.16000000000003</v>
      </c>
      <c r="M450" s="3">
        <v>601.59</v>
      </c>
      <c r="N450" s="3">
        <v>397.56</v>
      </c>
      <c r="O450" s="3">
        <v>935.09</v>
      </c>
      <c r="P450" s="3">
        <v>854.95</v>
      </c>
      <c r="Q450" s="3">
        <v>2286.0300000000002</v>
      </c>
      <c r="R450" s="3">
        <v>2286.0300000000002</v>
      </c>
      <c r="S450" s="3">
        <v>48.03</v>
      </c>
      <c r="T450" s="3">
        <v>0.22</v>
      </c>
      <c r="U450" s="3">
        <v>4.7300000000000004</v>
      </c>
      <c r="V450" s="3">
        <v>0.34</v>
      </c>
      <c r="W450" s="3">
        <v>3.53</v>
      </c>
      <c r="X450" s="3">
        <v>-0.21</v>
      </c>
      <c r="Y450" s="3">
        <v>-0.04</v>
      </c>
      <c r="Z450" s="3">
        <v>0.27</v>
      </c>
      <c r="AA450" s="4">
        <f t="shared" si="63"/>
        <v>0</v>
      </c>
      <c r="AB450" s="4">
        <f t="shared" si="68"/>
        <v>1.6</v>
      </c>
      <c r="AC450" s="3">
        <f t="shared" si="65"/>
        <v>76.848000000000013</v>
      </c>
      <c r="AD450" s="4">
        <f t="shared" si="60"/>
        <v>0</v>
      </c>
      <c r="AE450" s="3">
        <f t="shared" si="66"/>
        <v>0.35200000000000004</v>
      </c>
      <c r="AF450" s="4">
        <f t="shared" si="64"/>
        <v>0</v>
      </c>
      <c r="AG450" s="3">
        <f t="shared" si="61"/>
        <v>7.5680000000000014</v>
      </c>
      <c r="AH450" s="4">
        <f t="shared" si="62"/>
        <v>0</v>
      </c>
      <c r="AI450" s="3">
        <f t="shared" si="67"/>
        <v>0.34</v>
      </c>
      <c r="AJ450" s="14"/>
      <c r="AK450" s="14"/>
      <c r="AO450" s="12">
        <v>15</v>
      </c>
      <c r="AP450" s="7"/>
      <c r="AQ450" s="7"/>
      <c r="AR450" s="13"/>
    </row>
    <row r="451" spans="1:44">
      <c r="A451" s="1" t="s">
        <v>52</v>
      </c>
      <c r="B451" s="2">
        <v>0.69512731481481482</v>
      </c>
      <c r="C451" s="3">
        <v>125.45</v>
      </c>
      <c r="D451" s="3">
        <v>404.89</v>
      </c>
      <c r="E451" s="3">
        <v>402.2</v>
      </c>
      <c r="F451" s="3">
        <v>494.9</v>
      </c>
      <c r="G451" s="3">
        <v>281.43</v>
      </c>
      <c r="H451" s="3">
        <v>603.41999999999996</v>
      </c>
      <c r="I451" s="3">
        <v>102.47</v>
      </c>
      <c r="J451" s="3">
        <v>175.14</v>
      </c>
      <c r="K451" s="3">
        <v>206.82</v>
      </c>
      <c r="L451" s="3">
        <v>273.22000000000003</v>
      </c>
      <c r="M451" s="3">
        <v>600.57000000000005</v>
      </c>
      <c r="N451" s="3">
        <v>394.6</v>
      </c>
      <c r="O451" s="3">
        <v>935.88</v>
      </c>
      <c r="P451" s="3">
        <v>853.13</v>
      </c>
      <c r="Q451" s="3">
        <v>2286.0100000000002</v>
      </c>
      <c r="R451" s="3">
        <v>2286.0100000000002</v>
      </c>
      <c r="S451" s="3">
        <v>48.01</v>
      </c>
      <c r="T451" s="3">
        <v>0.22</v>
      </c>
      <c r="U451" s="3">
        <v>4.5599999999999996</v>
      </c>
      <c r="V451" s="3">
        <v>0.35</v>
      </c>
      <c r="W451" s="3">
        <v>3.53</v>
      </c>
      <c r="X451" s="3">
        <v>-0.22</v>
      </c>
      <c r="Y451" s="3">
        <v>-0.04</v>
      </c>
      <c r="Z451" s="3">
        <v>0.26</v>
      </c>
      <c r="AA451" s="4">
        <f t="shared" si="63"/>
        <v>0</v>
      </c>
      <c r="AB451" s="4">
        <f t="shared" si="68"/>
        <v>1.6</v>
      </c>
      <c r="AC451" s="3">
        <f t="shared" si="65"/>
        <v>76.816000000000003</v>
      </c>
      <c r="AD451" s="4">
        <f t="shared" si="60"/>
        <v>0</v>
      </c>
      <c r="AE451" s="3">
        <f t="shared" si="66"/>
        <v>0.35200000000000004</v>
      </c>
      <c r="AF451" s="4">
        <f t="shared" si="64"/>
        <v>0</v>
      </c>
      <c r="AG451" s="3">
        <f t="shared" si="61"/>
        <v>7.2959999999999994</v>
      </c>
      <c r="AH451" s="4">
        <f t="shared" si="62"/>
        <v>0</v>
      </c>
      <c r="AI451" s="3">
        <f t="shared" si="67"/>
        <v>0.35</v>
      </c>
      <c r="AJ451" s="14"/>
      <c r="AK451" s="14"/>
      <c r="AO451" s="12">
        <v>15</v>
      </c>
      <c r="AP451" s="7"/>
      <c r="AQ451" s="7"/>
      <c r="AR451" s="13"/>
    </row>
    <row r="452" spans="1:44">
      <c r="A452" s="1" t="s">
        <v>52</v>
      </c>
      <c r="B452" s="2">
        <v>0.69582175925925915</v>
      </c>
      <c r="C452" s="3">
        <v>123.76</v>
      </c>
      <c r="D452" s="3">
        <v>395.8</v>
      </c>
      <c r="E452" s="3">
        <v>398.47</v>
      </c>
      <c r="F452" s="3">
        <v>484.3</v>
      </c>
      <c r="G452" s="3">
        <v>279.12</v>
      </c>
      <c r="H452" s="3">
        <v>592.6</v>
      </c>
      <c r="I452" s="3">
        <v>101.85</v>
      </c>
      <c r="J452" s="3">
        <v>173.81</v>
      </c>
      <c r="K452" s="3">
        <v>206.7</v>
      </c>
      <c r="L452" s="3">
        <v>270.14</v>
      </c>
      <c r="M452" s="3">
        <v>600.30999999999995</v>
      </c>
      <c r="N452" s="3">
        <v>393.02</v>
      </c>
      <c r="O452" s="3">
        <v>935.93</v>
      </c>
      <c r="P452" s="3">
        <v>851.29</v>
      </c>
      <c r="Q452" s="3">
        <v>2286.0100000000002</v>
      </c>
      <c r="R452" s="3">
        <v>2286.0100000000002</v>
      </c>
      <c r="S452" s="3">
        <v>47.88</v>
      </c>
      <c r="T452" s="3">
        <v>0.21</v>
      </c>
      <c r="U452" s="3">
        <v>4.7</v>
      </c>
      <c r="V452" s="3">
        <v>0.38</v>
      </c>
      <c r="W452" s="3">
        <v>3.59</v>
      </c>
      <c r="X452" s="3">
        <v>-0.22</v>
      </c>
      <c r="Y452" s="3">
        <v>-0.05</v>
      </c>
      <c r="Z452" s="3">
        <v>0.27</v>
      </c>
      <c r="AA452" s="4">
        <f t="shared" si="63"/>
        <v>0</v>
      </c>
      <c r="AB452" s="4">
        <f t="shared" si="68"/>
        <v>1.6</v>
      </c>
      <c r="AC452" s="3">
        <f t="shared" si="65"/>
        <v>76.608000000000004</v>
      </c>
      <c r="AD452" s="4">
        <f t="shared" ref="AD452:AD515" si="69">AD451</f>
        <v>0</v>
      </c>
      <c r="AE452" s="3">
        <f t="shared" si="66"/>
        <v>0.33600000000000002</v>
      </c>
      <c r="AF452" s="4">
        <f t="shared" si="64"/>
        <v>0</v>
      </c>
      <c r="AG452" s="3">
        <f t="shared" ref="AG452:AG515" si="70">U452*AB452+AF452</f>
        <v>7.5200000000000005</v>
      </c>
      <c r="AH452" s="4">
        <f t="shared" ref="AH452:AH515" si="71">AH451</f>
        <v>0</v>
      </c>
      <c r="AI452" s="3">
        <f t="shared" si="67"/>
        <v>0.38</v>
      </c>
      <c r="AJ452" s="14"/>
      <c r="AK452" s="14"/>
      <c r="AO452" s="12">
        <v>15</v>
      </c>
      <c r="AP452" s="7"/>
      <c r="AQ452" s="7"/>
      <c r="AR452" s="13"/>
    </row>
    <row r="453" spans="1:44">
      <c r="A453" s="1" t="s">
        <v>52</v>
      </c>
      <c r="B453" s="2">
        <v>0.69651620370370371</v>
      </c>
      <c r="C453" s="3">
        <v>123.56</v>
      </c>
      <c r="D453" s="3">
        <v>395.72</v>
      </c>
      <c r="E453" s="3">
        <v>397.28</v>
      </c>
      <c r="F453" s="3">
        <v>517.38</v>
      </c>
      <c r="G453" s="3">
        <v>279.92</v>
      </c>
      <c r="H453" s="3">
        <v>596.66</v>
      </c>
      <c r="I453" s="3">
        <v>101.08</v>
      </c>
      <c r="J453" s="3">
        <v>172.5</v>
      </c>
      <c r="K453" s="3">
        <v>206.39</v>
      </c>
      <c r="L453" s="3">
        <v>267.10000000000002</v>
      </c>
      <c r="M453" s="3">
        <v>601.03</v>
      </c>
      <c r="N453" s="3">
        <v>394.41</v>
      </c>
      <c r="O453" s="3">
        <v>936.62</v>
      </c>
      <c r="P453" s="3">
        <v>850.75</v>
      </c>
      <c r="Q453" s="3">
        <v>2286.0100000000002</v>
      </c>
      <c r="R453" s="3">
        <v>2286.0100000000002</v>
      </c>
      <c r="S453" s="3">
        <v>47.69</v>
      </c>
      <c r="T453" s="3">
        <v>0.19</v>
      </c>
      <c r="U453" s="3">
        <v>4.72</v>
      </c>
      <c r="V453" s="3">
        <v>0.35</v>
      </c>
      <c r="W453" s="3">
        <v>3.66</v>
      </c>
      <c r="X453" s="3">
        <v>-0.21</v>
      </c>
      <c r="Y453" s="3">
        <v>-0.05</v>
      </c>
      <c r="Z453" s="3">
        <v>0.28000000000000003</v>
      </c>
      <c r="AA453" s="4">
        <f t="shared" ref="AA453:AA516" si="72">AA452</f>
        <v>0</v>
      </c>
      <c r="AB453" s="4">
        <f t="shared" si="68"/>
        <v>1.6</v>
      </c>
      <c r="AC453" s="3">
        <f t="shared" si="65"/>
        <v>76.304000000000002</v>
      </c>
      <c r="AD453" s="4">
        <f t="shared" si="69"/>
        <v>0</v>
      </c>
      <c r="AE453" s="3">
        <f t="shared" si="66"/>
        <v>0.30400000000000005</v>
      </c>
      <c r="AF453" s="4">
        <f t="shared" ref="AF453:AF516" si="73">AF452</f>
        <v>0</v>
      </c>
      <c r="AG453" s="3">
        <f t="shared" si="70"/>
        <v>7.5519999999999996</v>
      </c>
      <c r="AH453" s="4">
        <f t="shared" si="71"/>
        <v>0</v>
      </c>
      <c r="AI453" s="3">
        <f t="shared" si="67"/>
        <v>0.35</v>
      </c>
      <c r="AJ453" s="14"/>
      <c r="AK453" s="14"/>
      <c r="AO453" s="12">
        <v>15</v>
      </c>
      <c r="AP453" s="7"/>
      <c r="AQ453" s="7"/>
      <c r="AR453" s="13"/>
    </row>
    <row r="454" spans="1:44">
      <c r="A454" s="1" t="s">
        <v>52</v>
      </c>
      <c r="B454" s="2">
        <v>0.69721064814814815</v>
      </c>
      <c r="C454" s="3">
        <v>125.76</v>
      </c>
      <c r="D454" s="3">
        <v>405.9</v>
      </c>
      <c r="E454" s="3">
        <v>400.67</v>
      </c>
      <c r="F454" s="3">
        <v>540.74</v>
      </c>
      <c r="G454" s="3">
        <v>284.27</v>
      </c>
      <c r="H454" s="3">
        <v>610.08000000000004</v>
      </c>
      <c r="I454" s="3">
        <v>100.28</v>
      </c>
      <c r="J454" s="3">
        <v>171.22</v>
      </c>
      <c r="K454" s="3">
        <v>205.83</v>
      </c>
      <c r="L454" s="3">
        <v>264.17</v>
      </c>
      <c r="M454" s="3">
        <v>600.32000000000005</v>
      </c>
      <c r="N454" s="3">
        <v>395.78</v>
      </c>
      <c r="O454" s="3">
        <v>934.71</v>
      </c>
      <c r="P454" s="3">
        <v>855.77</v>
      </c>
      <c r="Q454" s="3">
        <v>2286.0300000000002</v>
      </c>
      <c r="R454" s="3">
        <v>2286.0300000000002</v>
      </c>
      <c r="S454" s="3">
        <v>47.74</v>
      </c>
      <c r="T454" s="3">
        <v>0.19</v>
      </c>
      <c r="U454" s="3">
        <v>4.63</v>
      </c>
      <c r="V454" s="3">
        <v>0.36</v>
      </c>
      <c r="W454" s="3">
        <v>3.65</v>
      </c>
      <c r="X454" s="3">
        <v>-0.21</v>
      </c>
      <c r="Y454" s="3">
        <v>-0.05</v>
      </c>
      <c r="Z454" s="3">
        <v>0.28999999999999998</v>
      </c>
      <c r="AA454" s="4">
        <f t="shared" si="72"/>
        <v>0</v>
      </c>
      <c r="AB454" s="4">
        <f t="shared" si="68"/>
        <v>1.6</v>
      </c>
      <c r="AC454" s="3">
        <f t="shared" si="65"/>
        <v>76.384</v>
      </c>
      <c r="AD454" s="4">
        <f t="shared" si="69"/>
        <v>0</v>
      </c>
      <c r="AE454" s="3">
        <f t="shared" si="66"/>
        <v>0.30400000000000005</v>
      </c>
      <c r="AF454" s="4">
        <f t="shared" si="73"/>
        <v>0</v>
      </c>
      <c r="AG454" s="3">
        <f t="shared" si="70"/>
        <v>7.4080000000000004</v>
      </c>
      <c r="AH454" s="4">
        <f t="shared" si="71"/>
        <v>0</v>
      </c>
      <c r="AI454" s="3">
        <f t="shared" si="67"/>
        <v>0.36</v>
      </c>
      <c r="AJ454" s="14"/>
      <c r="AK454" s="14"/>
      <c r="AO454" s="12">
        <v>15</v>
      </c>
      <c r="AP454" s="7"/>
      <c r="AQ454" s="7"/>
      <c r="AR454" s="13"/>
    </row>
    <row r="455" spans="1:44">
      <c r="A455" s="1" t="s">
        <v>52</v>
      </c>
      <c r="B455" s="2">
        <v>0.69790509259259259</v>
      </c>
      <c r="C455" s="3">
        <v>127.14</v>
      </c>
      <c r="D455" s="3">
        <v>410.24</v>
      </c>
      <c r="E455" s="3">
        <v>403.34</v>
      </c>
      <c r="F455" s="3">
        <v>514.71</v>
      </c>
      <c r="G455" s="3">
        <v>286.25</v>
      </c>
      <c r="H455" s="3">
        <v>610.45000000000005</v>
      </c>
      <c r="I455" s="3">
        <v>99.57</v>
      </c>
      <c r="J455" s="3">
        <v>170.56</v>
      </c>
      <c r="K455" s="3">
        <v>205.09</v>
      </c>
      <c r="L455" s="3">
        <v>261.36</v>
      </c>
      <c r="M455" s="3">
        <v>601.14</v>
      </c>
      <c r="N455" s="3">
        <v>399.41</v>
      </c>
      <c r="O455" s="3">
        <v>936.29</v>
      </c>
      <c r="P455" s="3">
        <v>856.16</v>
      </c>
      <c r="Q455" s="3">
        <v>2286.02</v>
      </c>
      <c r="R455" s="3">
        <v>2286.02</v>
      </c>
      <c r="S455" s="3">
        <v>47.37</v>
      </c>
      <c r="T455" s="3">
        <v>0.21</v>
      </c>
      <c r="U455" s="3">
        <v>4.4000000000000004</v>
      </c>
      <c r="V455" s="3">
        <v>0.35</v>
      </c>
      <c r="W455" s="3">
        <v>3.61</v>
      </c>
      <c r="X455" s="3">
        <v>-0.22</v>
      </c>
      <c r="Y455" s="3">
        <v>-0.06</v>
      </c>
      <c r="Z455" s="3">
        <v>0.28000000000000003</v>
      </c>
      <c r="AA455" s="4">
        <f t="shared" si="72"/>
        <v>0</v>
      </c>
      <c r="AB455" s="4">
        <f t="shared" si="68"/>
        <v>1.6</v>
      </c>
      <c r="AC455" s="3">
        <f t="shared" si="65"/>
        <v>75.792000000000002</v>
      </c>
      <c r="AD455" s="4">
        <f t="shared" si="69"/>
        <v>0</v>
      </c>
      <c r="AE455" s="3">
        <f t="shared" si="66"/>
        <v>0.33600000000000002</v>
      </c>
      <c r="AF455" s="4">
        <f t="shared" si="73"/>
        <v>0</v>
      </c>
      <c r="AG455" s="3">
        <f t="shared" si="70"/>
        <v>7.0400000000000009</v>
      </c>
      <c r="AH455" s="4">
        <f t="shared" si="71"/>
        <v>0</v>
      </c>
      <c r="AI455" s="3">
        <f t="shared" si="67"/>
        <v>0.35</v>
      </c>
      <c r="AJ455" s="14"/>
      <c r="AK455" s="14"/>
      <c r="AO455" s="12">
        <v>15</v>
      </c>
      <c r="AP455" s="7"/>
      <c r="AQ455" s="7"/>
      <c r="AR455" s="13"/>
    </row>
    <row r="456" spans="1:44">
      <c r="A456" s="1" t="s">
        <v>52</v>
      </c>
      <c r="B456" s="2">
        <v>0.69859953703703714</v>
      </c>
      <c r="C456" s="3">
        <v>126.12</v>
      </c>
      <c r="D456" s="3">
        <v>404.71</v>
      </c>
      <c r="E456" s="3">
        <v>401.57</v>
      </c>
      <c r="F456" s="3">
        <v>486.61</v>
      </c>
      <c r="G456" s="3">
        <v>284.37</v>
      </c>
      <c r="H456" s="3">
        <v>599.89</v>
      </c>
      <c r="I456" s="3">
        <v>99.49</v>
      </c>
      <c r="J456" s="3">
        <v>178.09</v>
      </c>
      <c r="K456" s="3">
        <v>204.28</v>
      </c>
      <c r="L456" s="3">
        <v>258.68</v>
      </c>
      <c r="M456" s="3">
        <v>601.59</v>
      </c>
      <c r="N456" s="3">
        <v>403.48</v>
      </c>
      <c r="O456" s="3">
        <v>936.39</v>
      </c>
      <c r="P456" s="3">
        <v>854.84</v>
      </c>
      <c r="Q456" s="3">
        <v>2286.04</v>
      </c>
      <c r="R456" s="3">
        <v>2286.04</v>
      </c>
      <c r="S456" s="3">
        <v>47.62</v>
      </c>
      <c r="T456" s="3">
        <v>0.19</v>
      </c>
      <c r="U456" s="3">
        <v>4.54</v>
      </c>
      <c r="V456" s="3">
        <v>0.33</v>
      </c>
      <c r="W456" s="3">
        <v>3.68</v>
      </c>
      <c r="X456" s="3">
        <v>-0.22</v>
      </c>
      <c r="Y456" s="3">
        <v>-7.0000000000000007E-2</v>
      </c>
      <c r="Z456" s="3">
        <v>0.21</v>
      </c>
      <c r="AA456" s="4">
        <f t="shared" si="72"/>
        <v>0</v>
      </c>
      <c r="AB456" s="4">
        <f t="shared" si="68"/>
        <v>1.6</v>
      </c>
      <c r="AC456" s="3">
        <f t="shared" si="65"/>
        <v>76.191999999999993</v>
      </c>
      <c r="AD456" s="4">
        <f t="shared" si="69"/>
        <v>0</v>
      </c>
      <c r="AE456" s="3">
        <f t="shared" si="66"/>
        <v>0.30400000000000005</v>
      </c>
      <c r="AF456" s="4">
        <f t="shared" si="73"/>
        <v>0</v>
      </c>
      <c r="AG456" s="3">
        <f t="shared" si="70"/>
        <v>7.2640000000000002</v>
      </c>
      <c r="AH456" s="4">
        <f t="shared" si="71"/>
        <v>0</v>
      </c>
      <c r="AI456" s="3">
        <f t="shared" si="67"/>
        <v>0.33</v>
      </c>
      <c r="AJ456" s="14"/>
      <c r="AK456" s="14"/>
      <c r="AO456" s="12">
        <v>15</v>
      </c>
      <c r="AP456" s="7"/>
      <c r="AQ456" s="7"/>
      <c r="AR456" s="13"/>
    </row>
    <row r="457" spans="1:44">
      <c r="A457" s="1" t="s">
        <v>52</v>
      </c>
      <c r="B457" s="2">
        <v>0.69929398148148147</v>
      </c>
      <c r="C457" s="3">
        <v>123.77</v>
      </c>
      <c r="D457" s="3">
        <v>396.32</v>
      </c>
      <c r="E457" s="3">
        <v>397.85</v>
      </c>
      <c r="F457" s="3">
        <v>485.08</v>
      </c>
      <c r="G457" s="3">
        <v>281.64999999999998</v>
      </c>
      <c r="H457" s="3">
        <v>591.82000000000005</v>
      </c>
      <c r="I457" s="3">
        <v>100.62</v>
      </c>
      <c r="J457" s="3">
        <v>196.97</v>
      </c>
      <c r="K457" s="3">
        <v>203.51</v>
      </c>
      <c r="L457" s="3">
        <v>256.08</v>
      </c>
      <c r="M457" s="3">
        <v>601.58000000000004</v>
      </c>
      <c r="N457" s="3">
        <v>403.29</v>
      </c>
      <c r="O457" s="3">
        <v>935.87</v>
      </c>
      <c r="P457" s="3">
        <v>853.08</v>
      </c>
      <c r="Q457" s="3">
        <v>2286.0300000000002</v>
      </c>
      <c r="R457" s="3">
        <v>2286.0300000000002</v>
      </c>
      <c r="S457" s="3">
        <v>47.38</v>
      </c>
      <c r="T457" s="3">
        <v>0.17</v>
      </c>
      <c r="U457" s="3">
        <v>4.71</v>
      </c>
      <c r="V457" s="3">
        <v>0.34</v>
      </c>
      <c r="W457" s="3">
        <v>3.73</v>
      </c>
      <c r="X457" s="3">
        <v>-0.21</v>
      </c>
      <c r="Y457" s="3">
        <v>-0.06</v>
      </c>
      <c r="Z457" s="3">
        <v>0.26</v>
      </c>
      <c r="AA457" s="4">
        <f t="shared" si="72"/>
        <v>0</v>
      </c>
      <c r="AB457" s="4">
        <f t="shared" si="68"/>
        <v>1.6</v>
      </c>
      <c r="AC457" s="3">
        <f t="shared" si="65"/>
        <v>75.808000000000007</v>
      </c>
      <c r="AD457" s="4">
        <f t="shared" si="69"/>
        <v>0</v>
      </c>
      <c r="AE457" s="3">
        <f t="shared" si="66"/>
        <v>0.27200000000000002</v>
      </c>
      <c r="AF457" s="4">
        <f t="shared" si="73"/>
        <v>0</v>
      </c>
      <c r="AG457" s="3">
        <f t="shared" si="70"/>
        <v>7.5360000000000005</v>
      </c>
      <c r="AH457" s="4">
        <f t="shared" si="71"/>
        <v>0</v>
      </c>
      <c r="AI457" s="3">
        <f t="shared" si="67"/>
        <v>0.34</v>
      </c>
      <c r="AJ457" s="14"/>
      <c r="AK457" s="14"/>
      <c r="AO457" s="12">
        <v>15</v>
      </c>
      <c r="AP457" s="7"/>
      <c r="AQ457" s="7"/>
      <c r="AR457" s="13"/>
    </row>
    <row r="458" spans="1:44">
      <c r="A458" s="1" t="s">
        <v>52</v>
      </c>
      <c r="B458" s="2">
        <v>0.69998842592592592</v>
      </c>
      <c r="C458" s="3">
        <v>123.29</v>
      </c>
      <c r="D458" s="3">
        <v>396.22</v>
      </c>
      <c r="E458" s="3">
        <v>397.6</v>
      </c>
      <c r="F458" s="3">
        <v>521.1</v>
      </c>
      <c r="G458" s="3">
        <v>283.08</v>
      </c>
      <c r="H458" s="3">
        <v>600.66</v>
      </c>
      <c r="I458" s="3">
        <v>102.64</v>
      </c>
      <c r="J458" s="3">
        <v>215.34</v>
      </c>
      <c r="K458" s="3">
        <v>202.8</v>
      </c>
      <c r="L458" s="3">
        <v>253.59</v>
      </c>
      <c r="M458" s="3">
        <v>601.79999999999995</v>
      </c>
      <c r="N458" s="3">
        <v>400.9</v>
      </c>
      <c r="O458" s="3">
        <v>934.25</v>
      </c>
      <c r="P458" s="3">
        <v>851.25</v>
      </c>
      <c r="Q458" s="3">
        <v>2286.0300000000002</v>
      </c>
      <c r="R458" s="3">
        <v>2286.0300000000002</v>
      </c>
      <c r="S458" s="3">
        <v>47.56</v>
      </c>
      <c r="T458" s="3">
        <v>0.2</v>
      </c>
      <c r="U458" s="3">
        <v>4.63</v>
      </c>
      <c r="V458" s="3">
        <v>0.37</v>
      </c>
      <c r="W458" s="3">
        <v>3.73</v>
      </c>
      <c r="X458" s="3">
        <v>-0.22</v>
      </c>
      <c r="Y458" s="3">
        <v>-0.06</v>
      </c>
      <c r="Z458" s="3">
        <v>0.28999999999999998</v>
      </c>
      <c r="AA458" s="4">
        <f t="shared" si="72"/>
        <v>0</v>
      </c>
      <c r="AB458" s="4">
        <f t="shared" si="68"/>
        <v>1.6</v>
      </c>
      <c r="AC458" s="3">
        <f t="shared" si="65"/>
        <v>76.096000000000004</v>
      </c>
      <c r="AD458" s="4">
        <f t="shared" si="69"/>
        <v>0</v>
      </c>
      <c r="AE458" s="3">
        <f t="shared" si="66"/>
        <v>0.32000000000000006</v>
      </c>
      <c r="AF458" s="4">
        <f t="shared" si="73"/>
        <v>0</v>
      </c>
      <c r="AG458" s="3">
        <f t="shared" si="70"/>
        <v>7.4080000000000004</v>
      </c>
      <c r="AH458" s="4">
        <f t="shared" si="71"/>
        <v>0</v>
      </c>
      <c r="AI458" s="3">
        <f t="shared" si="67"/>
        <v>0.37</v>
      </c>
      <c r="AJ458" s="14"/>
      <c r="AK458" s="14"/>
      <c r="AO458" s="12">
        <v>15</v>
      </c>
      <c r="AP458" s="7"/>
      <c r="AQ458" s="7"/>
      <c r="AR458" s="13"/>
    </row>
    <row r="459" spans="1:44">
      <c r="A459" s="1" t="s">
        <v>52</v>
      </c>
      <c r="B459" s="2">
        <v>0.7006944444444444</v>
      </c>
      <c r="C459" s="3">
        <v>125.2</v>
      </c>
      <c r="D459" s="3">
        <v>406.42</v>
      </c>
      <c r="E459" s="3">
        <v>401.52</v>
      </c>
      <c r="F459" s="3">
        <v>537.24</v>
      </c>
      <c r="G459" s="3">
        <v>286.69</v>
      </c>
      <c r="H459" s="3">
        <v>612.09</v>
      </c>
      <c r="I459" s="3">
        <v>104.71</v>
      </c>
      <c r="J459" s="3">
        <v>223.1</v>
      </c>
      <c r="K459" s="3">
        <v>202.1</v>
      </c>
      <c r="L459" s="3">
        <v>251.2</v>
      </c>
      <c r="M459" s="3">
        <v>601.48</v>
      </c>
      <c r="N459" s="3">
        <v>397.99</v>
      </c>
      <c r="O459" s="3">
        <v>933.88</v>
      </c>
      <c r="P459" s="3">
        <v>851.07</v>
      </c>
      <c r="Q459" s="3">
        <v>2286.04</v>
      </c>
      <c r="R459" s="3">
        <v>2286.04</v>
      </c>
      <c r="S459" s="3">
        <v>47.34</v>
      </c>
      <c r="T459" s="3">
        <v>0.18</v>
      </c>
      <c r="U459" s="3">
        <v>4.6900000000000004</v>
      </c>
      <c r="V459" s="3">
        <v>0.38</v>
      </c>
      <c r="W459" s="3">
        <v>3.74</v>
      </c>
      <c r="X459" s="3">
        <v>-0.22</v>
      </c>
      <c r="Y459" s="3">
        <v>-0.06</v>
      </c>
      <c r="Z459" s="3">
        <v>0.28999999999999998</v>
      </c>
      <c r="AA459" s="4">
        <f t="shared" si="72"/>
        <v>0</v>
      </c>
      <c r="AB459" s="4">
        <f t="shared" si="68"/>
        <v>1.6</v>
      </c>
      <c r="AC459" s="3">
        <f t="shared" si="65"/>
        <v>75.744000000000014</v>
      </c>
      <c r="AD459" s="4">
        <f t="shared" si="69"/>
        <v>0</v>
      </c>
      <c r="AE459" s="3">
        <f t="shared" si="66"/>
        <v>0.28799999999999998</v>
      </c>
      <c r="AF459" s="4">
        <f t="shared" si="73"/>
        <v>0</v>
      </c>
      <c r="AG459" s="3">
        <f t="shared" si="70"/>
        <v>7.5040000000000013</v>
      </c>
      <c r="AH459" s="4">
        <f t="shared" si="71"/>
        <v>0</v>
      </c>
      <c r="AI459" s="3">
        <f t="shared" si="67"/>
        <v>0.38</v>
      </c>
      <c r="AJ459" s="14"/>
      <c r="AK459" s="14"/>
      <c r="AO459" s="12">
        <v>15</v>
      </c>
      <c r="AP459" s="7"/>
      <c r="AQ459" s="7"/>
      <c r="AR459" s="13"/>
    </row>
    <row r="460" spans="1:44">
      <c r="A460" s="1" t="s">
        <v>52</v>
      </c>
      <c r="B460" s="2">
        <v>0.70138888888888884</v>
      </c>
      <c r="C460" s="3">
        <v>126.12</v>
      </c>
      <c r="D460" s="3">
        <v>410.44</v>
      </c>
      <c r="E460" s="3">
        <v>403.28</v>
      </c>
      <c r="F460" s="3">
        <v>506.98</v>
      </c>
      <c r="G460" s="3">
        <v>287.07</v>
      </c>
      <c r="H460" s="3">
        <v>608</v>
      </c>
      <c r="I460" s="3">
        <v>106.56</v>
      </c>
      <c r="J460" s="3">
        <v>224.28</v>
      </c>
      <c r="K460" s="3">
        <v>201.36</v>
      </c>
      <c r="L460" s="3">
        <v>248.89</v>
      </c>
      <c r="M460" s="3">
        <v>601.45000000000005</v>
      </c>
      <c r="N460" s="3">
        <v>395.87</v>
      </c>
      <c r="O460" s="3">
        <v>933.82</v>
      </c>
      <c r="P460" s="3">
        <v>856.22</v>
      </c>
      <c r="Q460" s="3">
        <v>2286.0300000000002</v>
      </c>
      <c r="R460" s="3">
        <v>2286.0300000000002</v>
      </c>
      <c r="S460" s="3">
        <v>46.98</v>
      </c>
      <c r="T460" s="3">
        <v>0.19</v>
      </c>
      <c r="U460" s="3">
        <v>4.66</v>
      </c>
      <c r="V460" s="3">
        <v>0.39</v>
      </c>
      <c r="W460" s="3">
        <v>3.77</v>
      </c>
      <c r="X460" s="3">
        <v>-0.22</v>
      </c>
      <c r="Y460" s="3">
        <v>-0.06</v>
      </c>
      <c r="Z460" s="3">
        <v>0.28999999999999998</v>
      </c>
      <c r="AA460" s="4">
        <f t="shared" si="72"/>
        <v>0</v>
      </c>
      <c r="AB460" s="4">
        <f t="shared" si="68"/>
        <v>1.6</v>
      </c>
      <c r="AC460" s="3">
        <f t="shared" si="65"/>
        <v>75.167999999999992</v>
      </c>
      <c r="AD460" s="4">
        <f t="shared" si="69"/>
        <v>0</v>
      </c>
      <c r="AE460" s="3">
        <f t="shared" si="66"/>
        <v>0.30400000000000005</v>
      </c>
      <c r="AF460" s="4">
        <f t="shared" si="73"/>
        <v>0</v>
      </c>
      <c r="AG460" s="3">
        <f t="shared" si="70"/>
        <v>7.4560000000000004</v>
      </c>
      <c r="AH460" s="4">
        <f t="shared" si="71"/>
        <v>0</v>
      </c>
      <c r="AI460" s="3">
        <f t="shared" si="67"/>
        <v>0.39</v>
      </c>
      <c r="AJ460" s="14"/>
      <c r="AK460" s="14"/>
      <c r="AO460" s="12">
        <v>15</v>
      </c>
      <c r="AP460" s="7"/>
      <c r="AQ460" s="7"/>
      <c r="AR460" s="13"/>
    </row>
    <row r="461" spans="1:44">
      <c r="A461" s="1" t="s">
        <v>52</v>
      </c>
      <c r="B461" s="2">
        <v>0.70208333333333339</v>
      </c>
      <c r="C461" s="3">
        <v>124.84</v>
      </c>
      <c r="D461" s="3">
        <v>404.84</v>
      </c>
      <c r="E461" s="3">
        <v>400.84</v>
      </c>
      <c r="F461" s="3">
        <v>480.74</v>
      </c>
      <c r="G461" s="3">
        <v>284.05</v>
      </c>
      <c r="H461" s="3">
        <v>596.12</v>
      </c>
      <c r="I461" s="3">
        <v>108.09</v>
      </c>
      <c r="J461" s="3">
        <v>222.76</v>
      </c>
      <c r="K461" s="3">
        <v>200.64</v>
      </c>
      <c r="L461" s="3">
        <v>246.67</v>
      </c>
      <c r="M461" s="3">
        <v>600.96</v>
      </c>
      <c r="N461" s="3">
        <v>394.17</v>
      </c>
      <c r="O461" s="3">
        <v>934.36</v>
      </c>
      <c r="P461" s="3">
        <v>856.44</v>
      </c>
      <c r="Q461" s="3">
        <v>2286.0500000000002</v>
      </c>
      <c r="R461" s="3">
        <v>2286.0500000000002</v>
      </c>
      <c r="S461" s="3">
        <v>46.77</v>
      </c>
      <c r="T461" s="3">
        <v>0.19</v>
      </c>
      <c r="U461" s="3">
        <v>4.46</v>
      </c>
      <c r="V461" s="3">
        <v>0.37</v>
      </c>
      <c r="W461" s="3">
        <v>3.75</v>
      </c>
      <c r="X461" s="3">
        <v>-0.24</v>
      </c>
      <c r="Y461" s="3">
        <v>-0.05</v>
      </c>
      <c r="Z461" s="3">
        <v>0.31</v>
      </c>
      <c r="AA461" s="4">
        <f t="shared" si="72"/>
        <v>0</v>
      </c>
      <c r="AB461" s="4">
        <f t="shared" si="68"/>
        <v>1.6</v>
      </c>
      <c r="AC461" s="3">
        <f t="shared" si="65"/>
        <v>74.832000000000008</v>
      </c>
      <c r="AD461" s="4">
        <f t="shared" si="69"/>
        <v>0</v>
      </c>
      <c r="AE461" s="3">
        <f t="shared" si="66"/>
        <v>0.30400000000000005</v>
      </c>
      <c r="AF461" s="4">
        <f t="shared" si="73"/>
        <v>0</v>
      </c>
      <c r="AG461" s="3">
        <f t="shared" si="70"/>
        <v>7.1360000000000001</v>
      </c>
      <c r="AH461" s="4">
        <f t="shared" si="71"/>
        <v>0</v>
      </c>
      <c r="AI461" s="3">
        <f t="shared" si="67"/>
        <v>0.37</v>
      </c>
      <c r="AJ461" s="14"/>
      <c r="AK461" s="14"/>
      <c r="AO461" s="12">
        <v>15</v>
      </c>
      <c r="AP461" s="7"/>
      <c r="AQ461" s="7"/>
      <c r="AR461" s="13"/>
    </row>
    <row r="462" spans="1:44">
      <c r="A462" s="1" t="s">
        <v>52</v>
      </c>
      <c r="B462" s="2">
        <v>0.70277777777777783</v>
      </c>
      <c r="C462" s="3">
        <v>122.22</v>
      </c>
      <c r="D462" s="3">
        <v>396.5</v>
      </c>
      <c r="E462" s="3">
        <v>395.81</v>
      </c>
      <c r="F462" s="3">
        <v>460.31</v>
      </c>
      <c r="G462" s="3">
        <v>278.8</v>
      </c>
      <c r="H462" s="3">
        <v>582.59</v>
      </c>
      <c r="I462" s="3">
        <v>109.29</v>
      </c>
      <c r="J462" s="3">
        <v>220.2</v>
      </c>
      <c r="K462" s="3">
        <v>199.86</v>
      </c>
      <c r="L462" s="3">
        <v>244.6</v>
      </c>
      <c r="M462" s="3">
        <v>600.80999999999995</v>
      </c>
      <c r="N462" s="3">
        <v>394.57</v>
      </c>
      <c r="O462" s="3">
        <v>933.35</v>
      </c>
      <c r="P462" s="3">
        <v>855.01</v>
      </c>
      <c r="Q462" s="3">
        <v>2286.04</v>
      </c>
      <c r="R462" s="3">
        <v>2286.04</v>
      </c>
      <c r="S462" s="3">
        <v>47.25</v>
      </c>
      <c r="T462" s="3">
        <v>0.2</v>
      </c>
      <c r="U462" s="3">
        <v>4.7</v>
      </c>
      <c r="V462" s="3">
        <v>0.37</v>
      </c>
      <c r="W462" s="3">
        <v>3.79</v>
      </c>
      <c r="X462" s="3">
        <v>-0.22</v>
      </c>
      <c r="Y462" s="3">
        <v>-0.05</v>
      </c>
      <c r="Z462" s="3">
        <v>0.28999999999999998</v>
      </c>
      <c r="AA462" s="4">
        <f t="shared" si="72"/>
        <v>0</v>
      </c>
      <c r="AB462" s="4">
        <f t="shared" si="68"/>
        <v>1.6</v>
      </c>
      <c r="AC462" s="3">
        <f t="shared" si="65"/>
        <v>75.600000000000009</v>
      </c>
      <c r="AD462" s="4">
        <f t="shared" si="69"/>
        <v>0</v>
      </c>
      <c r="AE462" s="3">
        <f t="shared" si="66"/>
        <v>0.32000000000000006</v>
      </c>
      <c r="AF462" s="4">
        <f t="shared" si="73"/>
        <v>0</v>
      </c>
      <c r="AG462" s="3">
        <f t="shared" si="70"/>
        <v>7.5200000000000005</v>
      </c>
      <c r="AH462" s="4">
        <f t="shared" si="71"/>
        <v>0</v>
      </c>
      <c r="AI462" s="3">
        <f t="shared" si="67"/>
        <v>0.37</v>
      </c>
      <c r="AJ462" s="14"/>
      <c r="AK462" s="14"/>
      <c r="AO462" s="12">
        <v>15</v>
      </c>
      <c r="AP462" s="7"/>
      <c r="AQ462" s="7"/>
      <c r="AR462" s="13"/>
    </row>
    <row r="463" spans="1:44">
      <c r="A463" s="1" t="s">
        <v>52</v>
      </c>
      <c r="B463" s="2">
        <v>0.70347222222222217</v>
      </c>
      <c r="C463" s="3">
        <v>120.7</v>
      </c>
      <c r="D463" s="3">
        <v>396.25</v>
      </c>
      <c r="E463" s="3">
        <v>389.23</v>
      </c>
      <c r="F463" s="3">
        <v>443.07</v>
      </c>
      <c r="G463" s="3">
        <v>272.60000000000002</v>
      </c>
      <c r="H463" s="3">
        <v>569.24</v>
      </c>
      <c r="I463" s="3">
        <v>110.26</v>
      </c>
      <c r="J463" s="3">
        <v>217.29</v>
      </c>
      <c r="K463" s="3">
        <v>199.45</v>
      </c>
      <c r="L463" s="3">
        <v>246.65</v>
      </c>
      <c r="M463" s="3">
        <v>600.25</v>
      </c>
      <c r="N463" s="3">
        <v>396.09</v>
      </c>
      <c r="O463" s="3">
        <v>935.33</v>
      </c>
      <c r="P463" s="3">
        <v>853.14</v>
      </c>
      <c r="Q463" s="3">
        <v>2286.0300000000002</v>
      </c>
      <c r="R463" s="3">
        <v>2286.0300000000002</v>
      </c>
      <c r="S463" s="3">
        <v>47.26</v>
      </c>
      <c r="T463" s="3">
        <v>0.17</v>
      </c>
      <c r="U463" s="3">
        <v>4.68</v>
      </c>
      <c r="V463" s="3">
        <v>0.32</v>
      </c>
      <c r="W463" s="3">
        <v>3.82</v>
      </c>
      <c r="X463" s="3">
        <v>-0.22</v>
      </c>
      <c r="Y463" s="3">
        <v>-0.05</v>
      </c>
      <c r="Z463" s="3">
        <v>0.28999999999999998</v>
      </c>
      <c r="AA463" s="4">
        <f t="shared" si="72"/>
        <v>0</v>
      </c>
      <c r="AB463" s="4">
        <f t="shared" si="68"/>
        <v>1.6</v>
      </c>
      <c r="AC463" s="3">
        <f t="shared" si="65"/>
        <v>75.616</v>
      </c>
      <c r="AD463" s="4">
        <f t="shared" si="69"/>
        <v>0</v>
      </c>
      <c r="AE463" s="3">
        <f t="shared" si="66"/>
        <v>0.27200000000000002</v>
      </c>
      <c r="AF463" s="4">
        <f t="shared" si="73"/>
        <v>0</v>
      </c>
      <c r="AG463" s="3">
        <f t="shared" si="70"/>
        <v>7.4879999999999995</v>
      </c>
      <c r="AH463" s="4">
        <f t="shared" si="71"/>
        <v>0</v>
      </c>
      <c r="AI463" s="3">
        <f t="shared" si="67"/>
        <v>0.32</v>
      </c>
      <c r="AJ463" s="14"/>
      <c r="AK463" s="14"/>
      <c r="AO463" s="12">
        <v>15</v>
      </c>
      <c r="AP463" s="7"/>
      <c r="AQ463" s="7"/>
      <c r="AR463" s="13"/>
    </row>
    <row r="464" spans="1:44">
      <c r="A464" s="1" t="s">
        <v>52</v>
      </c>
      <c r="B464" s="2">
        <v>0.70416666666666661</v>
      </c>
      <c r="C464" s="3">
        <v>121.42</v>
      </c>
      <c r="D464" s="3">
        <v>406.51</v>
      </c>
      <c r="E464" s="3">
        <v>381.68</v>
      </c>
      <c r="F464" s="3">
        <v>427.91</v>
      </c>
      <c r="G464" s="3">
        <v>266.51</v>
      </c>
      <c r="H464" s="3">
        <v>556.55999999999995</v>
      </c>
      <c r="I464" s="3">
        <v>111.16</v>
      </c>
      <c r="J464" s="3">
        <v>214.31</v>
      </c>
      <c r="K464" s="3">
        <v>200.53</v>
      </c>
      <c r="L464" s="3">
        <v>259.16000000000003</v>
      </c>
      <c r="M464" s="3">
        <v>601.45000000000005</v>
      </c>
      <c r="N464" s="3">
        <v>400.1</v>
      </c>
      <c r="O464" s="3">
        <v>933.76</v>
      </c>
      <c r="P464" s="3">
        <v>851.21</v>
      </c>
      <c r="Q464" s="3">
        <v>2286.0300000000002</v>
      </c>
      <c r="R464" s="3">
        <v>2286.0300000000002</v>
      </c>
      <c r="S464" s="3">
        <v>46.83</v>
      </c>
      <c r="T464" s="3">
        <v>0.17</v>
      </c>
      <c r="U464" s="3">
        <v>4.72</v>
      </c>
      <c r="V464" s="3">
        <v>0.31</v>
      </c>
      <c r="W464" s="3">
        <v>3.83</v>
      </c>
      <c r="X464" s="3">
        <v>-0.22</v>
      </c>
      <c r="Y464" s="3">
        <v>-0.04</v>
      </c>
      <c r="Z464" s="3">
        <v>0.28999999999999998</v>
      </c>
      <c r="AA464" s="4">
        <f t="shared" si="72"/>
        <v>0</v>
      </c>
      <c r="AB464" s="4">
        <f t="shared" si="68"/>
        <v>1.6</v>
      </c>
      <c r="AC464" s="3">
        <f t="shared" si="65"/>
        <v>74.927999999999997</v>
      </c>
      <c r="AD464" s="4">
        <f t="shared" si="69"/>
        <v>0</v>
      </c>
      <c r="AE464" s="3">
        <f t="shared" si="66"/>
        <v>0.27200000000000002</v>
      </c>
      <c r="AF464" s="4">
        <f t="shared" si="73"/>
        <v>0</v>
      </c>
      <c r="AG464" s="3">
        <f t="shared" si="70"/>
        <v>7.5519999999999996</v>
      </c>
      <c r="AH464" s="4">
        <f t="shared" si="71"/>
        <v>0</v>
      </c>
      <c r="AI464" s="3">
        <f t="shared" si="67"/>
        <v>0.31</v>
      </c>
      <c r="AJ464" s="14"/>
      <c r="AK464" s="14"/>
      <c r="AO464" s="12">
        <v>15</v>
      </c>
      <c r="AP464" s="7"/>
      <c r="AQ464" s="7"/>
      <c r="AR464" s="13"/>
    </row>
    <row r="465" spans="1:44">
      <c r="A465" s="1" t="s">
        <v>52</v>
      </c>
      <c r="B465" s="2">
        <v>0.70486111111111116</v>
      </c>
      <c r="C465" s="3">
        <v>121.76</v>
      </c>
      <c r="D465" s="3">
        <v>410.65</v>
      </c>
      <c r="E465" s="3">
        <v>373.75</v>
      </c>
      <c r="F465" s="3">
        <v>414.32</v>
      </c>
      <c r="G465" s="3">
        <v>260.57</v>
      </c>
      <c r="H465" s="3">
        <v>544.63</v>
      </c>
      <c r="I465" s="3">
        <v>111.97</v>
      </c>
      <c r="J465" s="3">
        <v>211.45</v>
      </c>
      <c r="K465" s="3">
        <v>202.61</v>
      </c>
      <c r="L465" s="3">
        <v>271.93</v>
      </c>
      <c r="M465" s="3">
        <v>601.96</v>
      </c>
      <c r="N465" s="3">
        <v>404.81</v>
      </c>
      <c r="O465" s="3">
        <v>931.93</v>
      </c>
      <c r="P465" s="3">
        <v>851.1</v>
      </c>
      <c r="Q465" s="3">
        <v>2286.04</v>
      </c>
      <c r="R465" s="3">
        <v>2286.04</v>
      </c>
      <c r="S465" s="3">
        <v>47.47</v>
      </c>
      <c r="T465" s="3">
        <v>0.2</v>
      </c>
      <c r="U465" s="3">
        <v>4.66</v>
      </c>
      <c r="V465" s="3">
        <v>0.33</v>
      </c>
      <c r="W465" s="3">
        <v>3.91</v>
      </c>
      <c r="X465" s="3">
        <v>-0.22</v>
      </c>
      <c r="Y465" s="3">
        <v>-0.04</v>
      </c>
      <c r="Z465" s="3">
        <v>0.31</v>
      </c>
      <c r="AA465" s="4">
        <f t="shared" si="72"/>
        <v>0</v>
      </c>
      <c r="AB465" s="4">
        <f t="shared" si="68"/>
        <v>1.6</v>
      </c>
      <c r="AC465" s="3">
        <f t="shared" si="65"/>
        <v>75.951999999999998</v>
      </c>
      <c r="AD465" s="4">
        <f t="shared" si="69"/>
        <v>0</v>
      </c>
      <c r="AE465" s="3">
        <f t="shared" si="66"/>
        <v>0.32000000000000006</v>
      </c>
      <c r="AF465" s="4">
        <f t="shared" si="73"/>
        <v>0</v>
      </c>
      <c r="AG465" s="3">
        <f t="shared" si="70"/>
        <v>7.4560000000000004</v>
      </c>
      <c r="AH465" s="4">
        <f t="shared" si="71"/>
        <v>0</v>
      </c>
      <c r="AI465" s="3">
        <f t="shared" si="67"/>
        <v>0.33</v>
      </c>
      <c r="AJ465" s="14"/>
      <c r="AK465" s="14"/>
      <c r="AO465" s="12">
        <v>15</v>
      </c>
      <c r="AP465" s="7"/>
      <c r="AQ465" s="7"/>
      <c r="AR465" s="13"/>
    </row>
    <row r="466" spans="1:44">
      <c r="A466" s="1" t="s">
        <v>52</v>
      </c>
      <c r="B466" s="2">
        <v>0.7055555555555556</v>
      </c>
      <c r="C466" s="3">
        <v>120.36</v>
      </c>
      <c r="D466" s="3">
        <v>405.14</v>
      </c>
      <c r="E466" s="3">
        <v>365.64</v>
      </c>
      <c r="F466" s="3">
        <v>401.92</v>
      </c>
      <c r="G466" s="3">
        <v>254.54</v>
      </c>
      <c r="H466" s="3">
        <v>533.41999999999996</v>
      </c>
      <c r="I466" s="3">
        <v>112.56</v>
      </c>
      <c r="J466" s="3">
        <v>208.72</v>
      </c>
      <c r="K466" s="3">
        <v>204.53</v>
      </c>
      <c r="L466" s="3">
        <v>275.86</v>
      </c>
      <c r="M466" s="3">
        <v>602.32000000000005</v>
      </c>
      <c r="N466" s="3">
        <v>405.02</v>
      </c>
      <c r="O466" s="3">
        <v>935.39</v>
      </c>
      <c r="P466" s="3">
        <v>856.6</v>
      </c>
      <c r="Q466" s="3">
        <v>2286.04</v>
      </c>
      <c r="R466" s="3">
        <v>2286.04</v>
      </c>
      <c r="S466" s="3">
        <v>46.16</v>
      </c>
      <c r="T466" s="3">
        <v>0.18</v>
      </c>
      <c r="U466" s="3">
        <v>4.51</v>
      </c>
      <c r="V466" s="3">
        <v>0.34</v>
      </c>
      <c r="W466" s="3">
        <v>3.89</v>
      </c>
      <c r="X466" s="3">
        <v>-0.22</v>
      </c>
      <c r="Y466" s="3">
        <v>-0.03</v>
      </c>
      <c r="Z466" s="3">
        <v>0.31</v>
      </c>
      <c r="AA466" s="4">
        <f t="shared" si="72"/>
        <v>0</v>
      </c>
      <c r="AB466" s="4">
        <f t="shared" si="68"/>
        <v>1.6</v>
      </c>
      <c r="AC466" s="3">
        <f t="shared" si="65"/>
        <v>73.855999999999995</v>
      </c>
      <c r="AD466" s="4">
        <f t="shared" si="69"/>
        <v>0</v>
      </c>
      <c r="AE466" s="3">
        <f t="shared" si="66"/>
        <v>0.28799999999999998</v>
      </c>
      <c r="AF466" s="4">
        <f t="shared" si="73"/>
        <v>0</v>
      </c>
      <c r="AG466" s="3">
        <f t="shared" si="70"/>
        <v>7.2160000000000002</v>
      </c>
      <c r="AH466" s="4">
        <f t="shared" si="71"/>
        <v>0</v>
      </c>
      <c r="AI466" s="3">
        <f t="shared" si="67"/>
        <v>0.34</v>
      </c>
      <c r="AJ466" s="14"/>
      <c r="AK466" s="14"/>
      <c r="AO466" s="12">
        <v>15</v>
      </c>
      <c r="AP466" s="7"/>
      <c r="AQ466" s="7"/>
      <c r="AR466" s="13"/>
    </row>
    <row r="467" spans="1:44">
      <c r="A467" s="1" t="s">
        <v>52</v>
      </c>
      <c r="B467" s="2">
        <v>0.70626157407407408</v>
      </c>
      <c r="C467" s="3">
        <v>117.88</v>
      </c>
      <c r="D467" s="3">
        <v>396.83</v>
      </c>
      <c r="E467" s="3">
        <v>357.37</v>
      </c>
      <c r="F467" s="3">
        <v>390.52</v>
      </c>
      <c r="G467" s="3">
        <v>248.43</v>
      </c>
      <c r="H467" s="3">
        <v>522.88</v>
      </c>
      <c r="I467" s="3">
        <v>113.01</v>
      </c>
      <c r="J467" s="3">
        <v>206.11</v>
      </c>
      <c r="K467" s="3">
        <v>205.82</v>
      </c>
      <c r="L467" s="3">
        <v>275.08999999999997</v>
      </c>
      <c r="M467" s="3">
        <v>602.22</v>
      </c>
      <c r="N467" s="3">
        <v>402.72</v>
      </c>
      <c r="O467" s="3">
        <v>933.2</v>
      </c>
      <c r="P467" s="3">
        <v>856.88</v>
      </c>
      <c r="Q467" s="3">
        <v>2286.04</v>
      </c>
      <c r="R467" s="3">
        <v>2286.04</v>
      </c>
      <c r="S467" s="3">
        <v>47.25</v>
      </c>
      <c r="T467" s="3">
        <v>0.17</v>
      </c>
      <c r="U467" s="3">
        <v>4.75</v>
      </c>
      <c r="V467" s="3">
        <v>0.33</v>
      </c>
      <c r="W467" s="3">
        <v>3.97</v>
      </c>
      <c r="X467" s="3">
        <v>-0.23</v>
      </c>
      <c r="Y467" s="3">
        <v>-0.03</v>
      </c>
      <c r="Z467" s="3">
        <v>0.3</v>
      </c>
      <c r="AA467" s="4">
        <f t="shared" si="72"/>
        <v>0</v>
      </c>
      <c r="AB467" s="4">
        <f t="shared" si="68"/>
        <v>1.6</v>
      </c>
      <c r="AC467" s="3">
        <f t="shared" si="65"/>
        <v>75.600000000000009</v>
      </c>
      <c r="AD467" s="4">
        <f t="shared" si="69"/>
        <v>0</v>
      </c>
      <c r="AE467" s="3">
        <f t="shared" si="66"/>
        <v>0.27200000000000002</v>
      </c>
      <c r="AF467" s="4">
        <f t="shared" si="73"/>
        <v>0</v>
      </c>
      <c r="AG467" s="3">
        <f t="shared" si="70"/>
        <v>7.6000000000000005</v>
      </c>
      <c r="AH467" s="4">
        <f t="shared" si="71"/>
        <v>0</v>
      </c>
      <c r="AI467" s="3">
        <f t="shared" si="67"/>
        <v>0.33</v>
      </c>
      <c r="AJ467" s="14"/>
      <c r="AK467" s="14"/>
      <c r="AO467" s="12">
        <v>15</v>
      </c>
      <c r="AP467" s="7"/>
      <c r="AQ467" s="7"/>
      <c r="AR467" s="13"/>
    </row>
    <row r="468" spans="1:44">
      <c r="A468" s="1" t="s">
        <v>52</v>
      </c>
      <c r="B468" s="2">
        <v>0.70695601851851853</v>
      </c>
      <c r="C468" s="3">
        <v>116.54</v>
      </c>
      <c r="D468" s="3">
        <v>396.22</v>
      </c>
      <c r="E468" s="3">
        <v>349.27</v>
      </c>
      <c r="F468" s="3">
        <v>383.34</v>
      </c>
      <c r="G468" s="3">
        <v>242.72</v>
      </c>
      <c r="H468" s="3">
        <v>512.97</v>
      </c>
      <c r="I468" s="3">
        <v>113.2</v>
      </c>
      <c r="J468" s="3">
        <v>203.65</v>
      </c>
      <c r="K468" s="3">
        <v>206.51</v>
      </c>
      <c r="L468" s="3">
        <v>272.76</v>
      </c>
      <c r="M468" s="3">
        <v>602.74</v>
      </c>
      <c r="N468" s="3">
        <v>399.65</v>
      </c>
      <c r="O468" s="3">
        <v>935.3</v>
      </c>
      <c r="P468" s="3">
        <v>855.42</v>
      </c>
      <c r="Q468" s="3">
        <v>2286.0500000000002</v>
      </c>
      <c r="R468" s="3">
        <v>2286.0500000000002</v>
      </c>
      <c r="S468" s="3">
        <v>46.63</v>
      </c>
      <c r="T468" s="3">
        <v>0.18</v>
      </c>
      <c r="U468" s="3">
        <v>4.55</v>
      </c>
      <c r="V468" s="3">
        <v>0.34</v>
      </c>
      <c r="W468" s="3">
        <v>3.92</v>
      </c>
      <c r="X468" s="3">
        <v>-0.22</v>
      </c>
      <c r="Y468" s="3">
        <v>-0.03</v>
      </c>
      <c r="Z468" s="3">
        <v>0.3</v>
      </c>
      <c r="AA468" s="4">
        <f t="shared" si="72"/>
        <v>0</v>
      </c>
      <c r="AB468" s="4">
        <f t="shared" si="68"/>
        <v>1.6</v>
      </c>
      <c r="AC468" s="3">
        <f t="shared" si="65"/>
        <v>74.608000000000004</v>
      </c>
      <c r="AD468" s="4">
        <f t="shared" si="69"/>
        <v>0</v>
      </c>
      <c r="AE468" s="3">
        <f t="shared" si="66"/>
        <v>0.28799999999999998</v>
      </c>
      <c r="AF468" s="4">
        <f t="shared" si="73"/>
        <v>0</v>
      </c>
      <c r="AG468" s="3">
        <f t="shared" si="70"/>
        <v>7.28</v>
      </c>
      <c r="AH468" s="4">
        <f t="shared" si="71"/>
        <v>0</v>
      </c>
      <c r="AI468" s="3">
        <f t="shared" si="67"/>
        <v>0.34</v>
      </c>
      <c r="AJ468" s="14"/>
      <c r="AK468" s="14"/>
      <c r="AO468" s="12">
        <v>15</v>
      </c>
      <c r="AP468" s="7"/>
      <c r="AQ468" s="7"/>
      <c r="AR468" s="13"/>
    </row>
    <row r="469" spans="1:44">
      <c r="A469" s="1" t="s">
        <v>52</v>
      </c>
      <c r="B469" s="2">
        <v>0.70765046296296286</v>
      </c>
      <c r="C469" s="3">
        <v>117.61</v>
      </c>
      <c r="D469" s="3">
        <v>406.49</v>
      </c>
      <c r="E469" s="3">
        <v>343.39</v>
      </c>
      <c r="F469" s="3">
        <v>417.09</v>
      </c>
      <c r="G469" s="3">
        <v>237.74</v>
      </c>
      <c r="H469" s="3">
        <v>503.59</v>
      </c>
      <c r="I469" s="3">
        <v>113.15</v>
      </c>
      <c r="J469" s="3">
        <v>201.27</v>
      </c>
      <c r="K469" s="3">
        <v>206.77</v>
      </c>
      <c r="L469" s="3">
        <v>269.94</v>
      </c>
      <c r="M469" s="3">
        <v>602.42999999999995</v>
      </c>
      <c r="N469" s="3">
        <v>396.43</v>
      </c>
      <c r="O469" s="3">
        <v>934.08</v>
      </c>
      <c r="P469" s="3">
        <v>853.51</v>
      </c>
      <c r="Q469" s="3">
        <v>2286.04</v>
      </c>
      <c r="R469" s="3">
        <v>2286.04</v>
      </c>
      <c r="S469" s="3">
        <v>46.51</v>
      </c>
      <c r="T469" s="3">
        <v>0.18</v>
      </c>
      <c r="U469" s="3">
        <v>4.47</v>
      </c>
      <c r="V469" s="3">
        <v>0.34</v>
      </c>
      <c r="W469" s="3">
        <v>3.94</v>
      </c>
      <c r="X469" s="3">
        <v>-0.22</v>
      </c>
      <c r="Y469" s="3">
        <v>-0.03</v>
      </c>
      <c r="Z469" s="3">
        <v>0.3</v>
      </c>
      <c r="AA469" s="4">
        <f t="shared" si="72"/>
        <v>0</v>
      </c>
      <c r="AB469" s="4">
        <f t="shared" si="68"/>
        <v>1.6</v>
      </c>
      <c r="AC469" s="3">
        <f t="shared" si="65"/>
        <v>74.415999999999997</v>
      </c>
      <c r="AD469" s="4">
        <f t="shared" si="69"/>
        <v>0</v>
      </c>
      <c r="AE469" s="3">
        <f t="shared" si="66"/>
        <v>0.28799999999999998</v>
      </c>
      <c r="AF469" s="4">
        <f t="shared" si="73"/>
        <v>0</v>
      </c>
      <c r="AG469" s="3">
        <f t="shared" si="70"/>
        <v>7.1520000000000001</v>
      </c>
      <c r="AH469" s="4">
        <f t="shared" si="71"/>
        <v>0</v>
      </c>
      <c r="AI469" s="3">
        <f t="shared" si="67"/>
        <v>0.34</v>
      </c>
      <c r="AJ469" s="14"/>
      <c r="AK469" s="14"/>
      <c r="AO469" s="12">
        <v>15</v>
      </c>
      <c r="AP469" s="7"/>
      <c r="AQ469" s="7"/>
      <c r="AR469" s="13"/>
    </row>
    <row r="470" spans="1:44">
      <c r="A470" s="1" t="s">
        <v>52</v>
      </c>
      <c r="B470" s="2">
        <v>0.70834490740740741</v>
      </c>
      <c r="C470" s="3">
        <v>118.35</v>
      </c>
      <c r="D470" s="3">
        <v>410.92</v>
      </c>
      <c r="E470" s="3">
        <v>342.8</v>
      </c>
      <c r="F470" s="3">
        <v>464.22</v>
      </c>
      <c r="G470" s="3">
        <v>233.79</v>
      </c>
      <c r="H470" s="3">
        <v>495.92</v>
      </c>
      <c r="I470" s="3">
        <v>112.95</v>
      </c>
      <c r="J470" s="3">
        <v>198.98</v>
      </c>
      <c r="K470" s="3">
        <v>206.74</v>
      </c>
      <c r="L470" s="3">
        <v>267.05</v>
      </c>
      <c r="M470" s="3">
        <v>602.35</v>
      </c>
      <c r="N470" s="3">
        <v>393.24</v>
      </c>
      <c r="O470" s="3">
        <v>935.36</v>
      </c>
      <c r="P470" s="3">
        <v>851.65</v>
      </c>
      <c r="Q470" s="3">
        <v>2286.0500000000002</v>
      </c>
      <c r="R470" s="3">
        <v>2286.0500000000002</v>
      </c>
      <c r="S470" s="3">
        <v>46.7</v>
      </c>
      <c r="T470" s="3">
        <v>0.18</v>
      </c>
      <c r="U470" s="3">
        <v>4.66</v>
      </c>
      <c r="V470" s="3">
        <v>0.36</v>
      </c>
      <c r="W470" s="3">
        <v>3.98</v>
      </c>
      <c r="X470" s="3">
        <v>-0.22</v>
      </c>
      <c r="Y470" s="3">
        <v>-0.03</v>
      </c>
      <c r="Z470" s="3">
        <v>0.3</v>
      </c>
      <c r="AA470" s="4">
        <f t="shared" si="72"/>
        <v>0</v>
      </c>
      <c r="AB470" s="4">
        <f t="shared" si="68"/>
        <v>1.6</v>
      </c>
      <c r="AC470" s="3">
        <f t="shared" si="65"/>
        <v>74.720000000000013</v>
      </c>
      <c r="AD470" s="4">
        <f t="shared" si="69"/>
        <v>0</v>
      </c>
      <c r="AE470" s="3">
        <f t="shared" si="66"/>
        <v>0.28799999999999998</v>
      </c>
      <c r="AF470" s="4">
        <f t="shared" si="73"/>
        <v>0</v>
      </c>
      <c r="AG470" s="3">
        <f t="shared" si="70"/>
        <v>7.4560000000000004</v>
      </c>
      <c r="AH470" s="4">
        <f t="shared" si="71"/>
        <v>0</v>
      </c>
      <c r="AI470" s="3">
        <f t="shared" si="67"/>
        <v>0.36</v>
      </c>
      <c r="AJ470" s="14"/>
      <c r="AK470" s="14"/>
      <c r="AO470" s="12">
        <v>15</v>
      </c>
      <c r="AP470" s="7"/>
      <c r="AQ470" s="7"/>
      <c r="AR470" s="13"/>
    </row>
    <row r="471" spans="1:44">
      <c r="A471" s="1" t="s">
        <v>52</v>
      </c>
      <c r="B471" s="2">
        <v>0.70903935185185185</v>
      </c>
      <c r="C471" s="3">
        <v>117.8</v>
      </c>
      <c r="D471" s="3">
        <v>405.59</v>
      </c>
      <c r="E471" s="3">
        <v>346.79</v>
      </c>
      <c r="F471" s="3">
        <v>496.13</v>
      </c>
      <c r="G471" s="3">
        <v>233.37</v>
      </c>
      <c r="H471" s="3">
        <v>501.87</v>
      </c>
      <c r="I471" s="3">
        <v>112.55</v>
      </c>
      <c r="J471" s="3">
        <v>196.78</v>
      </c>
      <c r="K471" s="3">
        <v>206.43</v>
      </c>
      <c r="L471" s="3">
        <v>264.20999999999998</v>
      </c>
      <c r="M471" s="3">
        <v>601.12</v>
      </c>
      <c r="N471" s="3">
        <v>390.26</v>
      </c>
      <c r="O471" s="3">
        <v>936.57</v>
      </c>
      <c r="P471" s="3">
        <v>850.42</v>
      </c>
      <c r="Q471" s="3">
        <v>2286.06</v>
      </c>
      <c r="R471" s="3">
        <v>2286.06</v>
      </c>
      <c r="S471" s="3">
        <v>46.29</v>
      </c>
      <c r="T471" s="3">
        <v>0.18</v>
      </c>
      <c r="U471" s="3">
        <v>4.5599999999999996</v>
      </c>
      <c r="V471" s="3">
        <v>0.39</v>
      </c>
      <c r="W471" s="3">
        <v>3.98</v>
      </c>
      <c r="X471" s="3">
        <v>-0.22</v>
      </c>
      <c r="Y471" s="3">
        <v>-0.02</v>
      </c>
      <c r="Z471" s="3">
        <v>0.3</v>
      </c>
      <c r="AA471" s="4">
        <f t="shared" si="72"/>
        <v>0</v>
      </c>
      <c r="AB471" s="4">
        <f t="shared" si="68"/>
        <v>1.6</v>
      </c>
      <c r="AC471" s="3">
        <f t="shared" si="65"/>
        <v>74.064000000000007</v>
      </c>
      <c r="AD471" s="4">
        <f t="shared" si="69"/>
        <v>0</v>
      </c>
      <c r="AE471" s="3">
        <f t="shared" si="66"/>
        <v>0.28799999999999998</v>
      </c>
      <c r="AF471" s="4">
        <f t="shared" si="73"/>
        <v>0</v>
      </c>
      <c r="AG471" s="3">
        <f t="shared" si="70"/>
        <v>7.2959999999999994</v>
      </c>
      <c r="AH471" s="4">
        <f t="shared" si="71"/>
        <v>0</v>
      </c>
      <c r="AI471" s="3">
        <f t="shared" si="67"/>
        <v>0.39</v>
      </c>
      <c r="AJ471" s="14"/>
      <c r="AK471" s="14"/>
      <c r="AO471" s="12">
        <v>15</v>
      </c>
      <c r="AP471" s="7"/>
      <c r="AQ471" s="7"/>
      <c r="AR471" s="13"/>
    </row>
    <row r="472" spans="1:44">
      <c r="A472" s="1" t="s">
        <v>52</v>
      </c>
      <c r="B472" s="2">
        <v>0.70973379629629629</v>
      </c>
      <c r="C472" s="3">
        <v>116.39</v>
      </c>
      <c r="D472" s="3">
        <v>397.33</v>
      </c>
      <c r="E472" s="3">
        <v>351.76</v>
      </c>
      <c r="F472" s="3">
        <v>488.01</v>
      </c>
      <c r="G472" s="3">
        <v>235.79</v>
      </c>
      <c r="H472" s="3">
        <v>516.23</v>
      </c>
      <c r="I472" s="3">
        <v>112.01</v>
      </c>
      <c r="J472" s="3">
        <v>194.66</v>
      </c>
      <c r="K472" s="3">
        <v>205.87</v>
      </c>
      <c r="L472" s="3">
        <v>261.47000000000003</v>
      </c>
      <c r="M472" s="3">
        <v>601.21</v>
      </c>
      <c r="N472" s="3">
        <v>389.6</v>
      </c>
      <c r="O472" s="3">
        <v>935.47</v>
      </c>
      <c r="P472" s="3">
        <v>855.82</v>
      </c>
      <c r="Q472" s="3">
        <v>2286.06</v>
      </c>
      <c r="R472" s="3">
        <v>2286.06</v>
      </c>
      <c r="S472" s="3">
        <v>46.98</v>
      </c>
      <c r="T472" s="3">
        <v>0.18</v>
      </c>
      <c r="U472" s="3">
        <v>4.63</v>
      </c>
      <c r="V472" s="3">
        <v>0.38</v>
      </c>
      <c r="W472" s="3">
        <v>4.01</v>
      </c>
      <c r="X472" s="3">
        <v>-0.22</v>
      </c>
      <c r="Y472" s="3">
        <v>-0.02</v>
      </c>
      <c r="Z472" s="3">
        <v>0.28999999999999998</v>
      </c>
      <c r="AA472" s="4">
        <f t="shared" si="72"/>
        <v>0</v>
      </c>
      <c r="AB472" s="4">
        <f t="shared" si="68"/>
        <v>1.6</v>
      </c>
      <c r="AC472" s="3">
        <f t="shared" si="65"/>
        <v>75.167999999999992</v>
      </c>
      <c r="AD472" s="4">
        <f t="shared" si="69"/>
        <v>0</v>
      </c>
      <c r="AE472" s="3">
        <f t="shared" si="66"/>
        <v>0.28799999999999998</v>
      </c>
      <c r="AF472" s="4">
        <f t="shared" si="73"/>
        <v>0</v>
      </c>
      <c r="AG472" s="3">
        <f t="shared" si="70"/>
        <v>7.4080000000000004</v>
      </c>
      <c r="AH472" s="4">
        <f t="shared" si="71"/>
        <v>0</v>
      </c>
      <c r="AI472" s="3">
        <f t="shared" si="67"/>
        <v>0.38</v>
      </c>
      <c r="AJ472" s="14"/>
      <c r="AK472" s="14"/>
      <c r="AO472" s="12">
        <v>15</v>
      </c>
      <c r="AP472" s="7"/>
      <c r="AQ472" s="7"/>
      <c r="AR472" s="13"/>
    </row>
    <row r="473" spans="1:44">
      <c r="A473" s="1" t="s">
        <v>52</v>
      </c>
      <c r="B473" s="2">
        <v>0.71042824074074085</v>
      </c>
      <c r="C473" s="3">
        <v>115.77</v>
      </c>
      <c r="D473" s="3">
        <v>396.06</v>
      </c>
      <c r="E473" s="3">
        <v>353.12</v>
      </c>
      <c r="F473" s="3">
        <v>458.35</v>
      </c>
      <c r="G473" s="3">
        <v>236.73</v>
      </c>
      <c r="H473" s="3">
        <v>517.75</v>
      </c>
      <c r="I473" s="3">
        <v>111.4</v>
      </c>
      <c r="J473" s="3">
        <v>192.62</v>
      </c>
      <c r="K473" s="3">
        <v>205.26</v>
      </c>
      <c r="L473" s="3">
        <v>258.86</v>
      </c>
      <c r="M473" s="3">
        <v>601.49</v>
      </c>
      <c r="N473" s="3">
        <v>389.34</v>
      </c>
      <c r="O473" s="3">
        <v>935.58</v>
      </c>
      <c r="P473" s="3">
        <v>857.13</v>
      </c>
      <c r="Q473" s="3">
        <v>2286.06</v>
      </c>
      <c r="R473" s="3">
        <v>2286.06</v>
      </c>
      <c r="S473" s="3">
        <v>47.08</v>
      </c>
      <c r="T473" s="3">
        <v>0.17</v>
      </c>
      <c r="U473" s="3">
        <v>4.66</v>
      </c>
      <c r="V473" s="3">
        <v>0.34</v>
      </c>
      <c r="W473" s="3">
        <v>4.08</v>
      </c>
      <c r="X473" s="3">
        <v>-0.22</v>
      </c>
      <c r="Y473" s="3">
        <v>-0.03</v>
      </c>
      <c r="Z473" s="3">
        <v>0.28999999999999998</v>
      </c>
      <c r="AA473" s="4">
        <f t="shared" si="72"/>
        <v>0</v>
      </c>
      <c r="AB473" s="4">
        <f t="shared" si="68"/>
        <v>1.6</v>
      </c>
      <c r="AC473" s="3">
        <f t="shared" si="65"/>
        <v>75.328000000000003</v>
      </c>
      <c r="AD473" s="4">
        <f t="shared" si="69"/>
        <v>0</v>
      </c>
      <c r="AE473" s="3">
        <f t="shared" si="66"/>
        <v>0.27200000000000002</v>
      </c>
      <c r="AF473" s="4">
        <f t="shared" si="73"/>
        <v>0</v>
      </c>
      <c r="AG473" s="3">
        <f t="shared" si="70"/>
        <v>7.4560000000000004</v>
      </c>
      <c r="AH473" s="4">
        <f t="shared" si="71"/>
        <v>0</v>
      </c>
      <c r="AI473" s="3">
        <f t="shared" si="67"/>
        <v>0.34</v>
      </c>
      <c r="AJ473" s="14"/>
      <c r="AK473" s="14"/>
      <c r="AO473" s="12">
        <v>15</v>
      </c>
      <c r="AP473" s="7"/>
      <c r="AQ473" s="7"/>
      <c r="AR473" s="13"/>
    </row>
    <row r="474" spans="1:44">
      <c r="A474" s="1" t="s">
        <v>52</v>
      </c>
      <c r="B474" s="2">
        <v>0.71113425925925933</v>
      </c>
      <c r="C474" s="3">
        <v>117.15</v>
      </c>
      <c r="D474" s="3">
        <v>406.15</v>
      </c>
      <c r="E474" s="3">
        <v>351.04</v>
      </c>
      <c r="F474" s="3">
        <v>434.38</v>
      </c>
      <c r="G474" s="3">
        <v>236.07</v>
      </c>
      <c r="H474" s="3">
        <v>511.61</v>
      </c>
      <c r="I474" s="3">
        <v>110.65</v>
      </c>
      <c r="J474" s="3">
        <v>190.65</v>
      </c>
      <c r="K474" s="3">
        <v>204.45</v>
      </c>
      <c r="L474" s="3">
        <v>256.36</v>
      </c>
      <c r="M474" s="3">
        <v>600.30999999999995</v>
      </c>
      <c r="N474" s="3">
        <v>388.33</v>
      </c>
      <c r="O474" s="3">
        <v>935.64</v>
      </c>
      <c r="P474" s="3">
        <v>855.93</v>
      </c>
      <c r="Q474" s="3">
        <v>2286.0700000000002</v>
      </c>
      <c r="R474" s="3">
        <v>2286.0700000000002</v>
      </c>
      <c r="S474" s="3">
        <v>46.96</v>
      </c>
      <c r="T474" s="3">
        <v>0.18</v>
      </c>
      <c r="U474" s="3">
        <v>4.49</v>
      </c>
      <c r="V474" s="3">
        <v>0.35</v>
      </c>
      <c r="W474" s="3">
        <v>4.08</v>
      </c>
      <c r="X474" s="3">
        <v>-0.22</v>
      </c>
      <c r="Y474" s="3">
        <v>-0.04</v>
      </c>
      <c r="Z474" s="3">
        <v>0.28999999999999998</v>
      </c>
      <c r="AA474" s="4">
        <f t="shared" si="72"/>
        <v>0</v>
      </c>
      <c r="AB474" s="4">
        <f t="shared" si="68"/>
        <v>1.6</v>
      </c>
      <c r="AC474" s="3">
        <f t="shared" si="65"/>
        <v>75.13600000000001</v>
      </c>
      <c r="AD474" s="4">
        <f t="shared" si="69"/>
        <v>0</v>
      </c>
      <c r="AE474" s="3">
        <f t="shared" si="66"/>
        <v>0.28799999999999998</v>
      </c>
      <c r="AF474" s="4">
        <f t="shared" si="73"/>
        <v>0</v>
      </c>
      <c r="AG474" s="3">
        <f t="shared" si="70"/>
        <v>7.1840000000000011</v>
      </c>
      <c r="AH474" s="4">
        <f t="shared" si="71"/>
        <v>0</v>
      </c>
      <c r="AI474" s="3">
        <f t="shared" si="67"/>
        <v>0.35</v>
      </c>
      <c r="AJ474" s="14"/>
      <c r="AK474" s="14"/>
      <c r="AO474" s="12">
        <v>15</v>
      </c>
      <c r="AP474" s="7"/>
      <c r="AQ474" s="7"/>
      <c r="AR474" s="13"/>
    </row>
    <row r="475" spans="1:44">
      <c r="A475" s="1" t="s">
        <v>52</v>
      </c>
      <c r="B475" s="2">
        <v>0.71182870370370377</v>
      </c>
      <c r="C475" s="3">
        <v>118.23</v>
      </c>
      <c r="D475" s="3">
        <v>411.07</v>
      </c>
      <c r="E475" s="3">
        <v>347.86</v>
      </c>
      <c r="F475" s="3">
        <v>440.66</v>
      </c>
      <c r="G475" s="3">
        <v>234.26</v>
      </c>
      <c r="H475" s="3">
        <v>503.3</v>
      </c>
      <c r="I475" s="3">
        <v>109.91</v>
      </c>
      <c r="J475" s="3">
        <v>188.76</v>
      </c>
      <c r="K475" s="3">
        <v>203.6</v>
      </c>
      <c r="L475" s="3">
        <v>253.96</v>
      </c>
      <c r="M475" s="3">
        <v>600.29999999999995</v>
      </c>
      <c r="N475" s="3">
        <v>391</v>
      </c>
      <c r="O475" s="3">
        <v>938.4</v>
      </c>
      <c r="P475" s="3">
        <v>854.18</v>
      </c>
      <c r="Q475" s="3">
        <v>2286.0700000000002</v>
      </c>
      <c r="R475" s="3">
        <v>2286.0700000000002</v>
      </c>
      <c r="S475" s="3">
        <v>46.3</v>
      </c>
      <c r="T475" s="3">
        <v>0.15</v>
      </c>
      <c r="U475" s="3">
        <v>4.42</v>
      </c>
      <c r="V475" s="3">
        <v>0.36</v>
      </c>
      <c r="W475" s="3">
        <v>4.12</v>
      </c>
      <c r="X475" s="3">
        <v>-0.24</v>
      </c>
      <c r="Y475" s="3">
        <v>-0.03</v>
      </c>
      <c r="Z475" s="3">
        <v>0.31</v>
      </c>
      <c r="AA475" s="4">
        <f t="shared" si="72"/>
        <v>0</v>
      </c>
      <c r="AB475" s="4">
        <f t="shared" si="68"/>
        <v>1.6</v>
      </c>
      <c r="AC475" s="3">
        <f t="shared" si="65"/>
        <v>74.08</v>
      </c>
      <c r="AD475" s="4">
        <f t="shared" si="69"/>
        <v>0</v>
      </c>
      <c r="AE475" s="3">
        <f t="shared" si="66"/>
        <v>0.24</v>
      </c>
      <c r="AF475" s="4">
        <f t="shared" si="73"/>
        <v>0</v>
      </c>
      <c r="AG475" s="3">
        <f t="shared" si="70"/>
        <v>7.0720000000000001</v>
      </c>
      <c r="AH475" s="4">
        <f t="shared" si="71"/>
        <v>0</v>
      </c>
      <c r="AI475" s="3">
        <f t="shared" si="67"/>
        <v>0.36</v>
      </c>
      <c r="AJ475" s="14"/>
      <c r="AK475" s="14"/>
      <c r="AO475" s="12">
        <v>15</v>
      </c>
      <c r="AP475" s="7"/>
      <c r="AQ475" s="7"/>
      <c r="AR475" s="13"/>
    </row>
    <row r="476" spans="1:44">
      <c r="A476" s="1" t="s">
        <v>52</v>
      </c>
      <c r="B476" s="2">
        <v>0.7125231481481481</v>
      </c>
      <c r="C476" s="3">
        <v>117.45</v>
      </c>
      <c r="D476" s="3">
        <v>406.05</v>
      </c>
      <c r="E476" s="3">
        <v>348.11</v>
      </c>
      <c r="F476" s="3">
        <v>480.61</v>
      </c>
      <c r="G476" s="3">
        <v>231.9</v>
      </c>
      <c r="H476" s="3">
        <v>495.86</v>
      </c>
      <c r="I476" s="3">
        <v>108.99</v>
      </c>
      <c r="J476" s="3">
        <v>186.91</v>
      </c>
      <c r="K476" s="3">
        <v>202.72</v>
      </c>
      <c r="L476" s="3">
        <v>251.64</v>
      </c>
      <c r="M476" s="3">
        <v>601.63</v>
      </c>
      <c r="N476" s="3">
        <v>398.37</v>
      </c>
      <c r="O476" s="3">
        <v>936.32</v>
      </c>
      <c r="P476" s="3">
        <v>852.34</v>
      </c>
      <c r="Q476" s="3">
        <v>2286.06</v>
      </c>
      <c r="R476" s="3">
        <v>2286.06</v>
      </c>
      <c r="S476" s="3">
        <v>46.28</v>
      </c>
      <c r="T476" s="3">
        <v>0.16</v>
      </c>
      <c r="U476" s="3">
        <v>4.5</v>
      </c>
      <c r="V476" s="3">
        <v>0.38</v>
      </c>
      <c r="W476" s="3">
        <v>4.17</v>
      </c>
      <c r="X476" s="3">
        <v>-0.22</v>
      </c>
      <c r="Y476" s="3">
        <v>-0.03</v>
      </c>
      <c r="Z476" s="3">
        <v>0.31</v>
      </c>
      <c r="AA476" s="4">
        <f t="shared" si="72"/>
        <v>0</v>
      </c>
      <c r="AB476" s="4">
        <f t="shared" si="68"/>
        <v>1.6</v>
      </c>
      <c r="AC476" s="3">
        <f t="shared" si="65"/>
        <v>74.048000000000002</v>
      </c>
      <c r="AD476" s="4">
        <f t="shared" si="69"/>
        <v>0</v>
      </c>
      <c r="AE476" s="3">
        <f t="shared" si="66"/>
        <v>0.25600000000000001</v>
      </c>
      <c r="AF476" s="4">
        <f t="shared" si="73"/>
        <v>0</v>
      </c>
      <c r="AG476" s="3">
        <f t="shared" si="70"/>
        <v>7.2</v>
      </c>
      <c r="AH476" s="4">
        <f t="shared" si="71"/>
        <v>0</v>
      </c>
      <c r="AI476" s="3">
        <f t="shared" si="67"/>
        <v>0.38</v>
      </c>
      <c r="AJ476" s="14"/>
      <c r="AK476" s="14"/>
      <c r="AO476" s="12">
        <v>15</v>
      </c>
      <c r="AP476" s="7"/>
      <c r="AQ476" s="7"/>
      <c r="AR476" s="13"/>
    </row>
    <row r="477" spans="1:44">
      <c r="A477" s="1" t="s">
        <v>52</v>
      </c>
      <c r="B477" s="2">
        <v>0.71321759259259254</v>
      </c>
      <c r="C477" s="3">
        <v>115.9</v>
      </c>
      <c r="D477" s="3">
        <v>397.81</v>
      </c>
      <c r="E477" s="3">
        <v>351.84</v>
      </c>
      <c r="F477" s="3">
        <v>494.42</v>
      </c>
      <c r="G477" s="3">
        <v>232.31</v>
      </c>
      <c r="H477" s="3">
        <v>501.84</v>
      </c>
      <c r="I477" s="3">
        <v>108.02</v>
      </c>
      <c r="J477" s="3">
        <v>185.11</v>
      </c>
      <c r="K477" s="3">
        <v>201.77</v>
      </c>
      <c r="L477" s="3">
        <v>249.41</v>
      </c>
      <c r="M477" s="3">
        <v>602.02</v>
      </c>
      <c r="N477" s="3">
        <v>404.07</v>
      </c>
      <c r="O477" s="3">
        <v>934.16</v>
      </c>
      <c r="P477" s="3">
        <v>850.51</v>
      </c>
      <c r="Q477" s="3">
        <v>2286.04</v>
      </c>
      <c r="R477" s="3">
        <v>2286.04</v>
      </c>
      <c r="S477" s="3">
        <v>47.11</v>
      </c>
      <c r="T477" s="3">
        <v>0.18</v>
      </c>
      <c r="U477" s="3">
        <v>4.55</v>
      </c>
      <c r="V477" s="3">
        <v>0.43</v>
      </c>
      <c r="W477" s="3">
        <v>4.24</v>
      </c>
      <c r="X477" s="3">
        <v>-0.22</v>
      </c>
      <c r="Y477" s="3">
        <v>-0.03</v>
      </c>
      <c r="Z477" s="3">
        <v>0.31</v>
      </c>
      <c r="AA477" s="4">
        <f t="shared" si="72"/>
        <v>0</v>
      </c>
      <c r="AB477" s="4">
        <f t="shared" si="68"/>
        <v>1.6</v>
      </c>
      <c r="AC477" s="3">
        <f t="shared" si="65"/>
        <v>75.376000000000005</v>
      </c>
      <c r="AD477" s="4">
        <f t="shared" si="69"/>
        <v>0</v>
      </c>
      <c r="AE477" s="3">
        <f t="shared" si="66"/>
        <v>0.28799999999999998</v>
      </c>
      <c r="AF477" s="4">
        <f t="shared" si="73"/>
        <v>0</v>
      </c>
      <c r="AG477" s="3">
        <f t="shared" si="70"/>
        <v>7.28</v>
      </c>
      <c r="AH477" s="4">
        <f t="shared" si="71"/>
        <v>0</v>
      </c>
      <c r="AI477" s="3">
        <f t="shared" si="67"/>
        <v>0.43</v>
      </c>
      <c r="AJ477" s="14"/>
      <c r="AK477" s="14"/>
      <c r="AO477" s="12">
        <v>15</v>
      </c>
      <c r="AP477" s="7"/>
      <c r="AQ477" s="7"/>
      <c r="AR477" s="13"/>
    </row>
    <row r="478" spans="1:44">
      <c r="A478" s="1" t="s">
        <v>52</v>
      </c>
      <c r="B478" s="2">
        <v>0.71391203703703709</v>
      </c>
      <c r="C478" s="3">
        <v>115.27</v>
      </c>
      <c r="D478" s="3">
        <v>395.6</v>
      </c>
      <c r="E478" s="3">
        <v>353.46</v>
      </c>
      <c r="F478" s="3">
        <v>463.91</v>
      </c>
      <c r="G478" s="3">
        <v>235.28</v>
      </c>
      <c r="H478" s="3">
        <v>515.78</v>
      </c>
      <c r="I478" s="3">
        <v>106.98</v>
      </c>
      <c r="J478" s="3">
        <v>183.37</v>
      </c>
      <c r="K478" s="3">
        <v>200.68</v>
      </c>
      <c r="L478" s="3">
        <v>247.24</v>
      </c>
      <c r="M478" s="3">
        <v>602.79</v>
      </c>
      <c r="N478" s="3">
        <v>404.18</v>
      </c>
      <c r="O478" s="3">
        <v>934.98</v>
      </c>
      <c r="P478" s="3">
        <v>853.47</v>
      </c>
      <c r="Q478" s="3">
        <v>2286.04</v>
      </c>
      <c r="R478" s="3">
        <v>2286.04</v>
      </c>
      <c r="S478" s="3">
        <v>47.01</v>
      </c>
      <c r="T478" s="3">
        <v>0.12</v>
      </c>
      <c r="U478" s="3">
        <v>5.08</v>
      </c>
      <c r="V478" s="3">
        <v>0.36</v>
      </c>
      <c r="W478" s="3">
        <v>4.26</v>
      </c>
      <c r="X478" s="3">
        <v>-0.22</v>
      </c>
      <c r="Y478" s="3">
        <v>-0.03</v>
      </c>
      <c r="Z478" s="3">
        <v>0.3</v>
      </c>
      <c r="AA478" s="4">
        <f t="shared" si="72"/>
        <v>0</v>
      </c>
      <c r="AB478" s="4">
        <f t="shared" si="68"/>
        <v>1.6</v>
      </c>
      <c r="AC478" s="3">
        <f t="shared" si="65"/>
        <v>75.215999999999994</v>
      </c>
      <c r="AD478" s="4">
        <f t="shared" si="69"/>
        <v>0</v>
      </c>
      <c r="AE478" s="3">
        <f t="shared" si="66"/>
        <v>0.192</v>
      </c>
      <c r="AF478" s="4">
        <f t="shared" si="73"/>
        <v>0</v>
      </c>
      <c r="AG478" s="3">
        <f t="shared" si="70"/>
        <v>8.1280000000000001</v>
      </c>
      <c r="AH478" s="4">
        <f t="shared" si="71"/>
        <v>0</v>
      </c>
      <c r="AI478" s="3">
        <f t="shared" si="67"/>
        <v>0.36</v>
      </c>
      <c r="AJ478" s="14"/>
      <c r="AK478" s="14"/>
      <c r="AO478" s="12">
        <v>15</v>
      </c>
      <c r="AP478" s="7"/>
      <c r="AQ478" s="7"/>
      <c r="AR478" s="13"/>
    </row>
    <row r="479" spans="1:44">
      <c r="A479" s="1" t="s">
        <v>52</v>
      </c>
      <c r="B479" s="2">
        <v>0.71460648148148154</v>
      </c>
      <c r="C479" s="3">
        <v>116.79</v>
      </c>
      <c r="D479" s="3">
        <v>405.15</v>
      </c>
      <c r="E479" s="3">
        <v>351.78</v>
      </c>
      <c r="F479" s="3">
        <v>438.6</v>
      </c>
      <c r="G479" s="3">
        <v>236.82</v>
      </c>
      <c r="H479" s="3">
        <v>516.9</v>
      </c>
      <c r="I479" s="3">
        <v>106</v>
      </c>
      <c r="J479" s="3">
        <v>181.68</v>
      </c>
      <c r="K479" s="3">
        <v>199.64</v>
      </c>
      <c r="L479" s="3">
        <v>245.37</v>
      </c>
      <c r="M479" s="3">
        <v>603.16999999999996</v>
      </c>
      <c r="N479" s="3">
        <v>401.8</v>
      </c>
      <c r="O479" s="3">
        <v>936.85</v>
      </c>
      <c r="P479" s="3">
        <v>857.26</v>
      </c>
      <c r="Q479" s="3">
        <v>2286.02</v>
      </c>
      <c r="R479" s="3">
        <v>2286.02</v>
      </c>
      <c r="S479" s="3">
        <v>46.46</v>
      </c>
      <c r="T479" s="3">
        <v>0.11</v>
      </c>
      <c r="U479" s="3">
        <v>5.32</v>
      </c>
      <c r="V479" s="3">
        <v>0.33</v>
      </c>
      <c r="W479" s="3">
        <v>4.33</v>
      </c>
      <c r="X479" s="3">
        <v>-0.22</v>
      </c>
      <c r="Y479" s="3">
        <v>-0.04</v>
      </c>
      <c r="Z479" s="3">
        <v>0.3</v>
      </c>
      <c r="AA479" s="4">
        <f t="shared" si="72"/>
        <v>0</v>
      </c>
      <c r="AB479" s="4">
        <f t="shared" si="68"/>
        <v>1.6</v>
      </c>
      <c r="AC479" s="3">
        <f t="shared" si="65"/>
        <v>74.335999999999999</v>
      </c>
      <c r="AD479" s="4">
        <f t="shared" si="69"/>
        <v>0</v>
      </c>
      <c r="AE479" s="3">
        <f t="shared" si="66"/>
        <v>0.17600000000000002</v>
      </c>
      <c r="AF479" s="4">
        <f t="shared" si="73"/>
        <v>0</v>
      </c>
      <c r="AG479" s="3">
        <f t="shared" si="70"/>
        <v>8.5120000000000005</v>
      </c>
      <c r="AH479" s="4">
        <f t="shared" si="71"/>
        <v>0</v>
      </c>
      <c r="AI479" s="3">
        <f t="shared" si="67"/>
        <v>0.33</v>
      </c>
      <c r="AJ479" s="14"/>
      <c r="AK479" s="14"/>
      <c r="AO479" s="12">
        <v>15</v>
      </c>
      <c r="AP479" s="7"/>
      <c r="AQ479" s="7"/>
      <c r="AR479" s="13"/>
    </row>
    <row r="480" spans="1:44">
      <c r="A480" s="1" t="s">
        <v>52</v>
      </c>
      <c r="B480" s="2">
        <v>0.71530092592592587</v>
      </c>
      <c r="C480" s="3">
        <v>118.04</v>
      </c>
      <c r="D480" s="3">
        <v>410.88</v>
      </c>
      <c r="E480" s="3">
        <v>348.03</v>
      </c>
      <c r="F480" s="3">
        <v>419.01</v>
      </c>
      <c r="G480" s="3">
        <v>236.41</v>
      </c>
      <c r="H480" s="3">
        <v>510.43</v>
      </c>
      <c r="I480" s="3">
        <v>105.08</v>
      </c>
      <c r="J480" s="3">
        <v>180.05</v>
      </c>
      <c r="K480" s="3">
        <v>199.15</v>
      </c>
      <c r="L480" s="3">
        <v>249.52</v>
      </c>
      <c r="M480" s="3">
        <v>602.70000000000005</v>
      </c>
      <c r="N480" s="3">
        <v>398.66</v>
      </c>
      <c r="O480" s="3">
        <v>936.89</v>
      </c>
      <c r="P480" s="3">
        <v>856.64</v>
      </c>
      <c r="Q480" s="3">
        <v>2286.04</v>
      </c>
      <c r="R480" s="3">
        <v>2286.04</v>
      </c>
      <c r="S480" s="3">
        <v>47.13</v>
      </c>
      <c r="T480" s="3">
        <v>0.1</v>
      </c>
      <c r="U480" s="3">
        <v>5.41</v>
      </c>
      <c r="V480" s="3">
        <v>0.32</v>
      </c>
      <c r="W480" s="3">
        <v>4.41</v>
      </c>
      <c r="X480" s="3">
        <v>-0.22</v>
      </c>
      <c r="Y480" s="3">
        <v>-0.04</v>
      </c>
      <c r="Z480" s="3">
        <v>0.3</v>
      </c>
      <c r="AA480" s="4">
        <f t="shared" si="72"/>
        <v>0</v>
      </c>
      <c r="AB480" s="4">
        <f t="shared" si="68"/>
        <v>1.6</v>
      </c>
      <c r="AC480" s="3">
        <f t="shared" si="65"/>
        <v>75.408000000000001</v>
      </c>
      <c r="AD480" s="4">
        <f t="shared" si="69"/>
        <v>0</v>
      </c>
      <c r="AE480" s="3">
        <f t="shared" si="66"/>
        <v>0.16000000000000003</v>
      </c>
      <c r="AF480" s="4">
        <f t="shared" si="73"/>
        <v>0</v>
      </c>
      <c r="AG480" s="3">
        <f t="shared" si="70"/>
        <v>8.6560000000000006</v>
      </c>
      <c r="AH480" s="4">
        <f t="shared" si="71"/>
        <v>0</v>
      </c>
      <c r="AI480" s="3">
        <f t="shared" si="67"/>
        <v>0.32</v>
      </c>
      <c r="AJ480" s="14"/>
      <c r="AK480" s="14"/>
      <c r="AO480" s="12">
        <v>15</v>
      </c>
      <c r="AP480" s="7"/>
      <c r="AQ480" s="7"/>
      <c r="AR480" s="13"/>
    </row>
    <row r="481" spans="1:44">
      <c r="A481" s="1" t="s">
        <v>52</v>
      </c>
      <c r="B481" s="2">
        <v>0.71600694444444446</v>
      </c>
      <c r="C481" s="3">
        <v>117.42</v>
      </c>
      <c r="D481" s="3">
        <v>406.39</v>
      </c>
      <c r="E481" s="3">
        <v>343</v>
      </c>
      <c r="F481" s="3">
        <v>402.76</v>
      </c>
      <c r="G481" s="3">
        <v>234.27</v>
      </c>
      <c r="H481" s="3">
        <v>501.86</v>
      </c>
      <c r="I481" s="3">
        <v>104.28</v>
      </c>
      <c r="J481" s="3">
        <v>178.44</v>
      </c>
      <c r="K481" s="3">
        <v>200.23</v>
      </c>
      <c r="L481" s="3">
        <v>263.72000000000003</v>
      </c>
      <c r="M481" s="3">
        <v>601.78</v>
      </c>
      <c r="N481" s="3">
        <v>395.32</v>
      </c>
      <c r="O481" s="3">
        <v>938.5</v>
      </c>
      <c r="P481" s="3">
        <v>855.06</v>
      </c>
      <c r="Q481" s="3">
        <v>2286.0300000000002</v>
      </c>
      <c r="R481" s="3">
        <v>2286.0300000000002</v>
      </c>
      <c r="S481" s="3">
        <v>46.78</v>
      </c>
      <c r="T481" s="3">
        <v>0.11</v>
      </c>
      <c r="U481" s="3">
        <v>5.2</v>
      </c>
      <c r="V481" s="3">
        <v>0.33</v>
      </c>
      <c r="W481" s="3">
        <v>4.5</v>
      </c>
      <c r="X481" s="3">
        <v>-0.22</v>
      </c>
      <c r="Y481" s="3">
        <v>-0.04</v>
      </c>
      <c r="Z481" s="3">
        <v>0.3</v>
      </c>
      <c r="AA481" s="4">
        <f t="shared" si="72"/>
        <v>0</v>
      </c>
      <c r="AB481" s="4">
        <f t="shared" si="68"/>
        <v>1.6</v>
      </c>
      <c r="AC481" s="3">
        <f t="shared" si="65"/>
        <v>74.847999999999999</v>
      </c>
      <c r="AD481" s="4">
        <f t="shared" si="69"/>
        <v>0</v>
      </c>
      <c r="AE481" s="3">
        <f t="shared" si="66"/>
        <v>0.17600000000000002</v>
      </c>
      <c r="AF481" s="4">
        <f t="shared" si="73"/>
        <v>0</v>
      </c>
      <c r="AG481" s="3">
        <f t="shared" si="70"/>
        <v>8.32</v>
      </c>
      <c r="AH481" s="4">
        <f t="shared" si="71"/>
        <v>0</v>
      </c>
      <c r="AI481" s="3">
        <f t="shared" si="67"/>
        <v>0.33</v>
      </c>
      <c r="AJ481" s="14"/>
      <c r="AK481" s="14"/>
      <c r="AO481" s="12">
        <v>15</v>
      </c>
      <c r="AP481" s="7"/>
      <c r="AQ481" s="7"/>
      <c r="AR481" s="13"/>
    </row>
    <row r="482" spans="1:44">
      <c r="A482" s="1" t="s">
        <v>52</v>
      </c>
      <c r="B482" s="2">
        <v>0.71670138888888879</v>
      </c>
      <c r="C482" s="3">
        <v>115.36</v>
      </c>
      <c r="D482" s="3">
        <v>398.21</v>
      </c>
      <c r="E482" s="3">
        <v>337.12</v>
      </c>
      <c r="F482" s="3">
        <v>388.75</v>
      </c>
      <c r="G482" s="3">
        <v>230.95</v>
      </c>
      <c r="H482" s="3">
        <v>492.96</v>
      </c>
      <c r="I482" s="3">
        <v>103.76</v>
      </c>
      <c r="J482" s="3">
        <v>176.91</v>
      </c>
      <c r="K482" s="3">
        <v>202.49</v>
      </c>
      <c r="L482" s="3">
        <v>278.48</v>
      </c>
      <c r="M482" s="3">
        <v>601.86</v>
      </c>
      <c r="N482" s="3">
        <v>392.08</v>
      </c>
      <c r="O482" s="3">
        <v>937.43</v>
      </c>
      <c r="P482" s="3">
        <v>853.26</v>
      </c>
      <c r="Q482" s="3">
        <v>2286.0300000000002</v>
      </c>
      <c r="R482" s="3">
        <v>2286.0300000000002</v>
      </c>
      <c r="S482" s="3">
        <v>48.2</v>
      </c>
      <c r="T482" s="3">
        <v>0.33</v>
      </c>
      <c r="U482" s="3">
        <v>3.76</v>
      </c>
      <c r="V482" s="3">
        <v>0.55000000000000004</v>
      </c>
      <c r="W482" s="3">
        <v>4.63</v>
      </c>
      <c r="X482" s="3">
        <v>-0.22</v>
      </c>
      <c r="Y482" s="3">
        <v>-0.04</v>
      </c>
      <c r="Z482" s="3">
        <v>0.3</v>
      </c>
      <c r="AA482" s="4">
        <f t="shared" si="72"/>
        <v>0</v>
      </c>
      <c r="AB482" s="4">
        <f t="shared" si="68"/>
        <v>1.6</v>
      </c>
      <c r="AC482" s="3">
        <f t="shared" si="65"/>
        <v>77.12</v>
      </c>
      <c r="AD482" s="4">
        <f t="shared" si="69"/>
        <v>0</v>
      </c>
      <c r="AE482" s="3">
        <f t="shared" si="66"/>
        <v>0.52800000000000002</v>
      </c>
      <c r="AF482" s="4">
        <f t="shared" si="73"/>
        <v>0</v>
      </c>
      <c r="AG482" s="3">
        <f t="shared" si="70"/>
        <v>6.016</v>
      </c>
      <c r="AH482" s="4">
        <f t="shared" si="71"/>
        <v>0</v>
      </c>
      <c r="AI482" s="3">
        <f t="shared" si="67"/>
        <v>0.55000000000000004</v>
      </c>
      <c r="AJ482" s="14"/>
      <c r="AK482" s="14"/>
      <c r="AO482" s="12">
        <v>15</v>
      </c>
      <c r="AP482" s="7"/>
      <c r="AQ482" s="7"/>
      <c r="AR482" s="13"/>
    </row>
    <row r="483" spans="1:44">
      <c r="A483" s="1" t="s">
        <v>52</v>
      </c>
      <c r="B483" s="2">
        <v>0.71739583333333334</v>
      </c>
      <c r="C483" s="3">
        <v>112.41</v>
      </c>
      <c r="D483" s="3">
        <v>389.3</v>
      </c>
      <c r="E483" s="3">
        <v>330.83</v>
      </c>
      <c r="F483" s="3">
        <v>376.38</v>
      </c>
      <c r="G483" s="3">
        <v>226.79</v>
      </c>
      <c r="H483" s="3">
        <v>484.21</v>
      </c>
      <c r="I483" s="3">
        <v>103.25</v>
      </c>
      <c r="J483" s="3">
        <v>175.44</v>
      </c>
      <c r="K483" s="3">
        <v>204.49</v>
      </c>
      <c r="L483" s="3">
        <v>283.8</v>
      </c>
      <c r="M483" s="3">
        <v>601.54999999999995</v>
      </c>
      <c r="N483" s="3">
        <v>388.89</v>
      </c>
      <c r="O483" s="3">
        <v>938.01</v>
      </c>
      <c r="P483" s="3">
        <v>851.5</v>
      </c>
      <c r="Q483" s="3">
        <v>2286.04</v>
      </c>
      <c r="R483" s="3">
        <v>2286.04</v>
      </c>
      <c r="S483" s="3">
        <v>48.16</v>
      </c>
      <c r="T483" s="3">
        <v>0.28999999999999998</v>
      </c>
      <c r="U483" s="3">
        <v>4.04</v>
      </c>
      <c r="V483" s="3">
        <v>0.48</v>
      </c>
      <c r="W483" s="3">
        <v>4.66</v>
      </c>
      <c r="X483" s="3">
        <v>-0.22</v>
      </c>
      <c r="Y483" s="3">
        <v>-0.04</v>
      </c>
      <c r="Z483" s="3">
        <v>0.28999999999999998</v>
      </c>
      <c r="AA483" s="4">
        <f t="shared" si="72"/>
        <v>0</v>
      </c>
      <c r="AB483" s="4">
        <f t="shared" si="68"/>
        <v>1.6</v>
      </c>
      <c r="AC483" s="3">
        <f t="shared" si="65"/>
        <v>77.055999999999997</v>
      </c>
      <c r="AD483" s="4">
        <f t="shared" si="69"/>
        <v>0</v>
      </c>
      <c r="AE483" s="3">
        <f t="shared" si="66"/>
        <v>0.46399999999999997</v>
      </c>
      <c r="AF483" s="4">
        <f t="shared" si="73"/>
        <v>0</v>
      </c>
      <c r="AG483" s="3">
        <f t="shared" si="70"/>
        <v>6.4640000000000004</v>
      </c>
      <c r="AH483" s="4">
        <f t="shared" si="71"/>
        <v>0</v>
      </c>
      <c r="AI483" s="3">
        <f t="shared" si="67"/>
        <v>0.48</v>
      </c>
      <c r="AJ483" s="14"/>
      <c r="AK483" s="14"/>
      <c r="AO483" s="12">
        <v>15</v>
      </c>
      <c r="AP483" s="7"/>
      <c r="AQ483" s="7"/>
      <c r="AR483" s="13"/>
    </row>
    <row r="484" spans="1:44">
      <c r="A484" s="1" t="s">
        <v>52</v>
      </c>
      <c r="B484" s="2">
        <v>0.71809027777777779</v>
      </c>
      <c r="C484" s="3">
        <v>109.05</v>
      </c>
      <c r="D484" s="3">
        <v>380.52</v>
      </c>
      <c r="E484" s="3">
        <v>324.17</v>
      </c>
      <c r="F484" s="3">
        <v>365.26</v>
      </c>
      <c r="G484" s="3">
        <v>222.13</v>
      </c>
      <c r="H484" s="3">
        <v>475.8</v>
      </c>
      <c r="I484" s="3">
        <v>102.8</v>
      </c>
      <c r="J484" s="3">
        <v>174.03</v>
      </c>
      <c r="K484" s="3">
        <v>205.78</v>
      </c>
      <c r="L484" s="3">
        <v>283.29000000000002</v>
      </c>
      <c r="M484" s="3">
        <v>600.94000000000005</v>
      </c>
      <c r="N484" s="3">
        <v>386.05</v>
      </c>
      <c r="O484" s="3">
        <v>928.66</v>
      </c>
      <c r="P484" s="3">
        <v>850.49</v>
      </c>
      <c r="Q484" s="3">
        <v>2286.0500000000002</v>
      </c>
      <c r="R484" s="3">
        <v>2286.0500000000002</v>
      </c>
      <c r="S484" s="3">
        <v>47.54</v>
      </c>
      <c r="T484" s="3">
        <v>0.24</v>
      </c>
      <c r="U484" s="3">
        <v>4.42</v>
      </c>
      <c r="V484" s="3">
        <v>0.45</v>
      </c>
      <c r="W484" s="3">
        <v>4.7</v>
      </c>
      <c r="X484" s="3">
        <v>-0.22</v>
      </c>
      <c r="Y484" s="3">
        <v>-0.05</v>
      </c>
      <c r="Z484" s="3">
        <v>0.28999999999999998</v>
      </c>
      <c r="AA484" s="4">
        <f t="shared" si="72"/>
        <v>0</v>
      </c>
      <c r="AB484" s="4">
        <f t="shared" si="68"/>
        <v>1.6</v>
      </c>
      <c r="AC484" s="3">
        <f t="shared" ref="AC484:AC547" si="74">S484*AB484+AA484</f>
        <v>76.064000000000007</v>
      </c>
      <c r="AD484" s="4">
        <f t="shared" si="69"/>
        <v>0</v>
      </c>
      <c r="AE484" s="3">
        <f t="shared" ref="AE484:AE547" si="75">T484*AB484+AD484</f>
        <v>0.38400000000000001</v>
      </c>
      <c r="AF484" s="4">
        <f t="shared" si="73"/>
        <v>0</v>
      </c>
      <c r="AG484" s="3">
        <f t="shared" si="70"/>
        <v>7.0720000000000001</v>
      </c>
      <c r="AH484" s="4">
        <f t="shared" si="71"/>
        <v>0</v>
      </c>
      <c r="AI484" s="3">
        <f t="shared" ref="AI484:AI547" si="76">AH484*AB484+V484</f>
        <v>0.45</v>
      </c>
      <c r="AJ484" s="14"/>
      <c r="AK484" s="14"/>
      <c r="AO484" s="12">
        <v>15</v>
      </c>
      <c r="AP484" s="7"/>
      <c r="AQ484" s="7"/>
      <c r="AR484" s="13"/>
    </row>
    <row r="485" spans="1:44">
      <c r="A485" s="1" t="s">
        <v>52</v>
      </c>
      <c r="B485" s="2">
        <v>0.71878472222222223</v>
      </c>
      <c r="C485" s="3">
        <v>105.36</v>
      </c>
      <c r="D485" s="3">
        <v>372.19</v>
      </c>
      <c r="E485" s="3">
        <v>317.45999999999998</v>
      </c>
      <c r="F485" s="3">
        <v>355.12</v>
      </c>
      <c r="G485" s="3">
        <v>217.17</v>
      </c>
      <c r="H485" s="3">
        <v>467.78</v>
      </c>
      <c r="I485" s="3">
        <v>102.26</v>
      </c>
      <c r="J485" s="3">
        <v>172.62</v>
      </c>
      <c r="K485" s="3">
        <v>206.51</v>
      </c>
      <c r="L485" s="3">
        <v>280.77</v>
      </c>
      <c r="M485" s="3">
        <v>597.57000000000005</v>
      </c>
      <c r="N485" s="3">
        <v>385.25</v>
      </c>
      <c r="O485" s="3">
        <v>866.96</v>
      </c>
      <c r="P485" s="3">
        <v>854.49</v>
      </c>
      <c r="Q485" s="3">
        <v>2286.0500000000002</v>
      </c>
      <c r="R485" s="3">
        <v>2286.0500000000002</v>
      </c>
      <c r="S485" s="3">
        <v>46.84</v>
      </c>
      <c r="T485" s="3">
        <v>0.21</v>
      </c>
      <c r="U485" s="3">
        <v>4.78</v>
      </c>
      <c r="V485" s="3">
        <v>0.37</v>
      </c>
      <c r="W485" s="3">
        <v>4.7699999999999996</v>
      </c>
      <c r="X485" s="3">
        <v>-0.22</v>
      </c>
      <c r="Y485" s="3">
        <v>-0.05</v>
      </c>
      <c r="Z485" s="3">
        <v>0.28999999999999998</v>
      </c>
      <c r="AA485" s="4">
        <f t="shared" si="72"/>
        <v>0</v>
      </c>
      <c r="AB485" s="4">
        <f t="shared" si="68"/>
        <v>1.6</v>
      </c>
      <c r="AC485" s="3">
        <f t="shared" si="74"/>
        <v>74.944000000000003</v>
      </c>
      <c r="AD485" s="4">
        <f t="shared" si="69"/>
        <v>0</v>
      </c>
      <c r="AE485" s="3">
        <f t="shared" si="75"/>
        <v>0.33600000000000002</v>
      </c>
      <c r="AF485" s="4">
        <f t="shared" si="73"/>
        <v>0</v>
      </c>
      <c r="AG485" s="3">
        <f t="shared" si="70"/>
        <v>7.6480000000000006</v>
      </c>
      <c r="AH485" s="4">
        <f t="shared" si="71"/>
        <v>0</v>
      </c>
      <c r="AI485" s="3">
        <f t="shared" si="76"/>
        <v>0.37</v>
      </c>
      <c r="AJ485" s="14"/>
      <c r="AK485" s="14"/>
      <c r="AO485" s="12">
        <v>15</v>
      </c>
      <c r="AP485" s="7"/>
      <c r="AQ485" s="7"/>
      <c r="AR485" s="13"/>
    </row>
    <row r="486" spans="1:44">
      <c r="A486" s="1" t="s">
        <v>52</v>
      </c>
      <c r="B486" s="2">
        <v>0.71947916666666656</v>
      </c>
      <c r="C486" s="3">
        <v>101.7</v>
      </c>
      <c r="D486" s="3">
        <v>364.36</v>
      </c>
      <c r="E486" s="3">
        <v>310.64</v>
      </c>
      <c r="F486" s="3">
        <v>345.78</v>
      </c>
      <c r="G486" s="3">
        <v>212.06</v>
      </c>
      <c r="H486" s="3">
        <v>460.15</v>
      </c>
      <c r="I486" s="3">
        <v>101.62</v>
      </c>
      <c r="J486" s="3">
        <v>171.21</v>
      </c>
      <c r="K486" s="3">
        <v>206.7</v>
      </c>
      <c r="L486" s="3">
        <v>277.61</v>
      </c>
      <c r="M486" s="3">
        <v>598.34</v>
      </c>
      <c r="N486" s="3">
        <v>397.77</v>
      </c>
      <c r="O486" s="3">
        <v>879.79</v>
      </c>
      <c r="P486" s="3">
        <v>853.05</v>
      </c>
      <c r="Q486" s="3">
        <v>2286.0500000000002</v>
      </c>
      <c r="R486" s="3">
        <v>2286.0500000000002</v>
      </c>
      <c r="S486" s="3">
        <v>53.65</v>
      </c>
      <c r="T486" s="3">
        <v>0.28999999999999998</v>
      </c>
      <c r="U486" s="3">
        <v>5.74</v>
      </c>
      <c r="V486" s="3">
        <v>0.4</v>
      </c>
      <c r="W486" s="3">
        <v>4.63</v>
      </c>
      <c r="X486" s="3">
        <v>-0.22</v>
      </c>
      <c r="Y486" s="3">
        <v>-0.06</v>
      </c>
      <c r="Z486" s="3">
        <v>0.27</v>
      </c>
      <c r="AA486" s="4">
        <f t="shared" si="72"/>
        <v>0</v>
      </c>
      <c r="AB486" s="4">
        <f t="shared" si="68"/>
        <v>1.6</v>
      </c>
      <c r="AC486" s="3">
        <f t="shared" si="74"/>
        <v>85.84</v>
      </c>
      <c r="AD486" s="4">
        <f t="shared" si="69"/>
        <v>0</v>
      </c>
      <c r="AE486" s="3">
        <f t="shared" si="75"/>
        <v>0.46399999999999997</v>
      </c>
      <c r="AF486" s="4">
        <f t="shared" si="73"/>
        <v>0</v>
      </c>
      <c r="AG486" s="3">
        <f t="shared" si="70"/>
        <v>9.1840000000000011</v>
      </c>
      <c r="AH486" s="4">
        <f t="shared" si="71"/>
        <v>0</v>
      </c>
      <c r="AI486" s="3">
        <f t="shared" si="76"/>
        <v>0.4</v>
      </c>
      <c r="AJ486" s="14"/>
      <c r="AK486" s="14"/>
      <c r="AO486" s="12">
        <v>15</v>
      </c>
      <c r="AP486" s="7"/>
      <c r="AQ486" s="7"/>
      <c r="AR486" s="13"/>
    </row>
    <row r="487" spans="1:44">
      <c r="A487" s="1" t="s">
        <v>52</v>
      </c>
      <c r="B487" s="2">
        <v>0.72017361111111111</v>
      </c>
      <c r="C487" s="3">
        <v>98.4</v>
      </c>
      <c r="D487" s="3">
        <v>357.76</v>
      </c>
      <c r="E487" s="3">
        <v>303.77999999999997</v>
      </c>
      <c r="F487" s="3">
        <v>337.1</v>
      </c>
      <c r="G487" s="3">
        <v>206.96</v>
      </c>
      <c r="H487" s="3">
        <v>452.89</v>
      </c>
      <c r="I487" s="3">
        <v>100.9</v>
      </c>
      <c r="J487" s="3">
        <v>169.85</v>
      </c>
      <c r="K487" s="3">
        <v>206.68</v>
      </c>
      <c r="L487" s="3">
        <v>274.35000000000002</v>
      </c>
      <c r="M487" s="3">
        <v>600.34</v>
      </c>
      <c r="N487" s="3">
        <v>420.72</v>
      </c>
      <c r="O487" s="3">
        <v>883.82</v>
      </c>
      <c r="P487" s="3">
        <v>850.16</v>
      </c>
      <c r="Q487" s="3">
        <v>2286.06</v>
      </c>
      <c r="R487" s="3">
        <v>2286.06</v>
      </c>
      <c r="S487" s="3">
        <v>58.55</v>
      </c>
      <c r="T487" s="3">
        <v>0.42</v>
      </c>
      <c r="U487" s="3">
        <v>5.49</v>
      </c>
      <c r="V487" s="3">
        <v>0.49</v>
      </c>
      <c r="W487" s="3">
        <v>4.41</v>
      </c>
      <c r="X487" s="3">
        <v>-0.23</v>
      </c>
      <c r="Y487" s="3">
        <v>-0.06</v>
      </c>
      <c r="Z487" s="3">
        <v>0.26</v>
      </c>
      <c r="AA487" s="4">
        <f t="shared" si="72"/>
        <v>0</v>
      </c>
      <c r="AB487" s="4">
        <f t="shared" si="68"/>
        <v>1.6</v>
      </c>
      <c r="AC487" s="3">
        <f t="shared" si="74"/>
        <v>93.68</v>
      </c>
      <c r="AD487" s="4">
        <f t="shared" si="69"/>
        <v>0</v>
      </c>
      <c r="AE487" s="3">
        <f t="shared" si="75"/>
        <v>0.67200000000000004</v>
      </c>
      <c r="AF487" s="4">
        <f t="shared" si="73"/>
        <v>0</v>
      </c>
      <c r="AG487" s="3">
        <f t="shared" si="70"/>
        <v>8.7840000000000007</v>
      </c>
      <c r="AH487" s="4">
        <f t="shared" si="71"/>
        <v>0</v>
      </c>
      <c r="AI487" s="3">
        <f t="shared" si="76"/>
        <v>0.49</v>
      </c>
      <c r="AJ487" s="14"/>
      <c r="AK487" s="14"/>
      <c r="AO487" s="12">
        <v>15</v>
      </c>
      <c r="AP487" s="7"/>
      <c r="AQ487" s="7"/>
      <c r="AR487" s="13"/>
    </row>
    <row r="488" spans="1:44">
      <c r="A488" s="1" t="s">
        <v>52</v>
      </c>
      <c r="B488" s="2">
        <v>0.72086805555555555</v>
      </c>
      <c r="C488" s="3">
        <v>97.22</v>
      </c>
      <c r="D488" s="3">
        <v>361.26</v>
      </c>
      <c r="E488" s="3">
        <v>297.3</v>
      </c>
      <c r="F488" s="3">
        <v>340.69</v>
      </c>
      <c r="G488" s="3">
        <v>202.38</v>
      </c>
      <c r="H488" s="3">
        <v>445.95</v>
      </c>
      <c r="I488" s="3">
        <v>100.12</v>
      </c>
      <c r="J488" s="3">
        <v>168.54</v>
      </c>
      <c r="K488" s="3">
        <v>206.47</v>
      </c>
      <c r="L488" s="3">
        <v>271.17</v>
      </c>
      <c r="M488" s="3">
        <v>601.79</v>
      </c>
      <c r="N488" s="3">
        <v>431.99</v>
      </c>
      <c r="O488" s="3">
        <v>887.88</v>
      </c>
      <c r="P488" s="3">
        <v>856.21</v>
      </c>
      <c r="Q488" s="3">
        <v>2286.08</v>
      </c>
      <c r="R488" s="3">
        <v>2286.08</v>
      </c>
      <c r="S488" s="3">
        <v>58.22</v>
      </c>
      <c r="T488" s="3">
        <v>0.43</v>
      </c>
      <c r="U488" s="3">
        <v>5.23</v>
      </c>
      <c r="V488" s="3">
        <v>0.5</v>
      </c>
      <c r="W488" s="3">
        <v>4.59</v>
      </c>
      <c r="X488" s="3">
        <v>-0.23</v>
      </c>
      <c r="Y488" s="3">
        <v>-0.06</v>
      </c>
      <c r="Z488" s="3">
        <v>0.27</v>
      </c>
      <c r="AA488" s="4">
        <f t="shared" si="72"/>
        <v>0</v>
      </c>
      <c r="AB488" s="4">
        <f t="shared" si="68"/>
        <v>1.6</v>
      </c>
      <c r="AC488" s="3">
        <f t="shared" si="74"/>
        <v>93.152000000000001</v>
      </c>
      <c r="AD488" s="4">
        <f t="shared" si="69"/>
        <v>0</v>
      </c>
      <c r="AE488" s="3">
        <f t="shared" si="75"/>
        <v>0.68800000000000006</v>
      </c>
      <c r="AF488" s="4">
        <f t="shared" si="73"/>
        <v>0</v>
      </c>
      <c r="AG488" s="3">
        <f t="shared" si="70"/>
        <v>8.3680000000000003</v>
      </c>
      <c r="AH488" s="4">
        <f t="shared" si="71"/>
        <v>0</v>
      </c>
      <c r="AI488" s="3">
        <f t="shared" si="76"/>
        <v>0.5</v>
      </c>
      <c r="AJ488" s="14"/>
      <c r="AK488" s="14"/>
      <c r="AO488" s="12">
        <v>15</v>
      </c>
      <c r="AP488" s="7"/>
      <c r="AQ488" s="7"/>
      <c r="AR488" s="13"/>
    </row>
    <row r="489" spans="1:44">
      <c r="A489" s="1" t="s">
        <v>52</v>
      </c>
      <c r="B489" s="2">
        <v>0.72157407407407403</v>
      </c>
      <c r="C489" s="3">
        <v>98.99</v>
      </c>
      <c r="D489" s="3">
        <v>375.62</v>
      </c>
      <c r="E489" s="3">
        <v>294.22000000000003</v>
      </c>
      <c r="F489" s="3">
        <v>387.24</v>
      </c>
      <c r="G489" s="3">
        <v>198.84</v>
      </c>
      <c r="H489" s="3">
        <v>439.73</v>
      </c>
      <c r="I489" s="3">
        <v>99.43</v>
      </c>
      <c r="J489" s="3">
        <v>168.91</v>
      </c>
      <c r="K489" s="3">
        <v>206.01</v>
      </c>
      <c r="L489" s="3">
        <v>268.10000000000002</v>
      </c>
      <c r="M489" s="3">
        <v>603.19000000000005</v>
      </c>
      <c r="N489" s="3">
        <v>432.46</v>
      </c>
      <c r="O489" s="3">
        <v>896.1</v>
      </c>
      <c r="P489" s="3">
        <v>856.69</v>
      </c>
      <c r="Q489" s="3">
        <v>2286.08</v>
      </c>
      <c r="R489" s="3">
        <v>2286.08</v>
      </c>
      <c r="S489" s="3">
        <v>56.34</v>
      </c>
      <c r="T489" s="3">
        <v>0.36</v>
      </c>
      <c r="U489" s="3">
        <v>4.97</v>
      </c>
      <c r="V489" s="3">
        <v>0.49</v>
      </c>
      <c r="W489" s="3">
        <v>5</v>
      </c>
      <c r="X489" s="3">
        <v>-0.23</v>
      </c>
      <c r="Y489" s="3">
        <v>-7.0000000000000007E-2</v>
      </c>
      <c r="Z489" s="3">
        <v>0.28999999999999998</v>
      </c>
      <c r="AA489" s="4">
        <f t="shared" si="72"/>
        <v>0</v>
      </c>
      <c r="AB489" s="4">
        <f t="shared" si="68"/>
        <v>1.6</v>
      </c>
      <c r="AC489" s="3">
        <f t="shared" si="74"/>
        <v>90.144000000000005</v>
      </c>
      <c r="AD489" s="4">
        <f t="shared" si="69"/>
        <v>0</v>
      </c>
      <c r="AE489" s="3">
        <f t="shared" si="75"/>
        <v>0.57599999999999996</v>
      </c>
      <c r="AF489" s="4">
        <f t="shared" si="73"/>
        <v>0</v>
      </c>
      <c r="AG489" s="3">
        <f t="shared" si="70"/>
        <v>7.952</v>
      </c>
      <c r="AH489" s="4">
        <f t="shared" si="71"/>
        <v>0</v>
      </c>
      <c r="AI489" s="3">
        <f t="shared" si="76"/>
        <v>0.49</v>
      </c>
      <c r="AJ489" s="14"/>
      <c r="AK489" s="14"/>
      <c r="AO489" s="12">
        <v>15</v>
      </c>
      <c r="AP489" s="7"/>
      <c r="AQ489" s="7"/>
      <c r="AR489" s="13"/>
    </row>
    <row r="490" spans="1:44">
      <c r="A490" s="1" t="s">
        <v>52</v>
      </c>
      <c r="B490" s="2">
        <v>0.72226851851851848</v>
      </c>
      <c r="C490" s="3">
        <v>102.94</v>
      </c>
      <c r="D490" s="3">
        <v>391.56</v>
      </c>
      <c r="E490" s="3">
        <v>296.25</v>
      </c>
      <c r="F490" s="3">
        <v>434.38</v>
      </c>
      <c r="G490" s="3">
        <v>198.83</v>
      </c>
      <c r="H490" s="3">
        <v>443.73</v>
      </c>
      <c r="I490" s="3">
        <v>99.6</v>
      </c>
      <c r="J490" s="3">
        <v>179.78</v>
      </c>
      <c r="K490" s="3">
        <v>205.49</v>
      </c>
      <c r="L490" s="3">
        <v>265.14999999999998</v>
      </c>
      <c r="M490" s="3">
        <v>604.62</v>
      </c>
      <c r="N490" s="3">
        <v>429.3</v>
      </c>
      <c r="O490" s="3">
        <v>909.83</v>
      </c>
      <c r="P490" s="3">
        <v>853.93</v>
      </c>
      <c r="Q490" s="3">
        <v>2286.09</v>
      </c>
      <c r="R490" s="3">
        <v>2286.09</v>
      </c>
      <c r="S490" s="3">
        <v>53.02</v>
      </c>
      <c r="T490" s="3">
        <v>0.34</v>
      </c>
      <c r="U490" s="3">
        <v>4.53</v>
      </c>
      <c r="V490" s="3">
        <v>0.48</v>
      </c>
      <c r="W490" s="3">
        <v>4.9800000000000004</v>
      </c>
      <c r="X490" s="3">
        <v>-0.24</v>
      </c>
      <c r="Y490" s="3">
        <v>-0.08</v>
      </c>
      <c r="Z490" s="3">
        <v>0.3</v>
      </c>
      <c r="AA490" s="4">
        <f t="shared" si="72"/>
        <v>0</v>
      </c>
      <c r="AB490" s="4">
        <f t="shared" si="68"/>
        <v>1.6</v>
      </c>
      <c r="AC490" s="3">
        <f t="shared" si="74"/>
        <v>84.832000000000008</v>
      </c>
      <c r="AD490" s="4">
        <f t="shared" si="69"/>
        <v>0</v>
      </c>
      <c r="AE490" s="3">
        <f t="shared" si="75"/>
        <v>0.54400000000000004</v>
      </c>
      <c r="AF490" s="4">
        <f t="shared" si="73"/>
        <v>0</v>
      </c>
      <c r="AG490" s="3">
        <f t="shared" si="70"/>
        <v>7.2480000000000011</v>
      </c>
      <c r="AH490" s="4">
        <f t="shared" si="71"/>
        <v>0</v>
      </c>
      <c r="AI490" s="3">
        <f t="shared" si="76"/>
        <v>0.48</v>
      </c>
      <c r="AJ490" s="14"/>
      <c r="AK490" s="14"/>
      <c r="AO490" s="12">
        <v>15</v>
      </c>
      <c r="AP490" s="7"/>
      <c r="AQ490" s="7"/>
      <c r="AR490" s="13"/>
    </row>
    <row r="491" spans="1:44">
      <c r="A491" s="1" t="s">
        <v>52</v>
      </c>
      <c r="B491" s="2">
        <v>0.72296296296296303</v>
      </c>
      <c r="C491" s="3">
        <v>106.22</v>
      </c>
      <c r="D491" s="3">
        <v>396.59</v>
      </c>
      <c r="E491" s="3">
        <v>302.37</v>
      </c>
      <c r="F491" s="3">
        <v>456.77</v>
      </c>
      <c r="G491" s="3">
        <v>203.34</v>
      </c>
      <c r="H491" s="3">
        <v>462.47</v>
      </c>
      <c r="I491" s="3">
        <v>101.12</v>
      </c>
      <c r="J491" s="3">
        <v>199.99</v>
      </c>
      <c r="K491" s="3">
        <v>204.91</v>
      </c>
      <c r="L491" s="3">
        <v>262.33</v>
      </c>
      <c r="M491" s="3">
        <v>604.88</v>
      </c>
      <c r="N491" s="3">
        <v>425.12</v>
      </c>
      <c r="O491" s="3">
        <v>917.92</v>
      </c>
      <c r="P491" s="3">
        <v>850.95</v>
      </c>
      <c r="Q491" s="3">
        <v>2286.09</v>
      </c>
      <c r="R491" s="3">
        <v>2286.09</v>
      </c>
      <c r="S491" s="3">
        <v>50.88</v>
      </c>
      <c r="T491" s="3">
        <v>0.3</v>
      </c>
      <c r="U491" s="3">
        <v>4.5599999999999996</v>
      </c>
      <c r="V491" s="3">
        <v>0.45</v>
      </c>
      <c r="W491" s="3">
        <v>5.25</v>
      </c>
      <c r="X491" s="3">
        <v>-0.23</v>
      </c>
      <c r="Y491" s="3">
        <v>-0.08</v>
      </c>
      <c r="Z491" s="3">
        <v>0.32</v>
      </c>
      <c r="AA491" s="4">
        <f t="shared" si="72"/>
        <v>0</v>
      </c>
      <c r="AB491" s="4">
        <f t="shared" si="68"/>
        <v>1.6</v>
      </c>
      <c r="AC491" s="3">
        <f t="shared" si="74"/>
        <v>81.408000000000015</v>
      </c>
      <c r="AD491" s="4">
        <f t="shared" si="69"/>
        <v>0</v>
      </c>
      <c r="AE491" s="3">
        <f t="shared" si="75"/>
        <v>0.48</v>
      </c>
      <c r="AF491" s="4">
        <f t="shared" si="73"/>
        <v>0</v>
      </c>
      <c r="AG491" s="3">
        <f t="shared" si="70"/>
        <v>7.2959999999999994</v>
      </c>
      <c r="AH491" s="4">
        <f t="shared" si="71"/>
        <v>0</v>
      </c>
      <c r="AI491" s="3">
        <f t="shared" si="76"/>
        <v>0.45</v>
      </c>
      <c r="AJ491" s="14"/>
      <c r="AK491" s="14"/>
      <c r="AO491" s="12">
        <v>15</v>
      </c>
      <c r="AP491" s="7"/>
      <c r="AQ491" s="7"/>
      <c r="AR491" s="13"/>
    </row>
    <row r="492" spans="1:44">
      <c r="A492" s="1" t="s">
        <v>52</v>
      </c>
      <c r="B492" s="2">
        <v>0.72365740740740747</v>
      </c>
      <c r="C492" s="3">
        <v>107.38</v>
      </c>
      <c r="D492" s="3">
        <v>391.98</v>
      </c>
      <c r="E492" s="3">
        <v>307.12</v>
      </c>
      <c r="F492" s="3">
        <v>429.12</v>
      </c>
      <c r="G492" s="3">
        <v>207.67</v>
      </c>
      <c r="H492" s="3">
        <v>473.67</v>
      </c>
      <c r="I492" s="3">
        <v>103.16</v>
      </c>
      <c r="J492" s="3">
        <v>215.82</v>
      </c>
      <c r="K492" s="3">
        <v>204.34</v>
      </c>
      <c r="L492" s="3">
        <v>259.62</v>
      </c>
      <c r="M492" s="3">
        <v>604.78</v>
      </c>
      <c r="N492" s="3">
        <v>420.86</v>
      </c>
      <c r="O492" s="3">
        <v>925.05</v>
      </c>
      <c r="P492" s="3">
        <v>852.83</v>
      </c>
      <c r="Q492" s="3">
        <v>2286.1</v>
      </c>
      <c r="R492" s="3">
        <v>2286.1</v>
      </c>
      <c r="S492" s="3">
        <v>50.7</v>
      </c>
      <c r="T492" s="3">
        <v>0.28999999999999998</v>
      </c>
      <c r="U492" s="3">
        <v>4.72</v>
      </c>
      <c r="V492" s="3">
        <v>0.44</v>
      </c>
      <c r="W492" s="3">
        <v>5.23</v>
      </c>
      <c r="X492" s="3">
        <v>-0.22</v>
      </c>
      <c r="Y492" s="3">
        <v>-0.08</v>
      </c>
      <c r="Z492" s="3">
        <v>0.31</v>
      </c>
      <c r="AA492" s="4">
        <f t="shared" si="72"/>
        <v>0</v>
      </c>
      <c r="AB492" s="4">
        <f t="shared" si="68"/>
        <v>1.6</v>
      </c>
      <c r="AC492" s="3">
        <f t="shared" si="74"/>
        <v>81.12</v>
      </c>
      <c r="AD492" s="4">
        <f t="shared" si="69"/>
        <v>0</v>
      </c>
      <c r="AE492" s="3">
        <f t="shared" si="75"/>
        <v>0.46399999999999997</v>
      </c>
      <c r="AF492" s="4">
        <f t="shared" si="73"/>
        <v>0</v>
      </c>
      <c r="AG492" s="3">
        <f t="shared" si="70"/>
        <v>7.5519999999999996</v>
      </c>
      <c r="AH492" s="4">
        <f t="shared" si="71"/>
        <v>0</v>
      </c>
      <c r="AI492" s="3">
        <f t="shared" si="76"/>
        <v>0.44</v>
      </c>
      <c r="AJ492" s="14"/>
      <c r="AK492" s="14"/>
      <c r="AO492" s="12">
        <v>15</v>
      </c>
      <c r="AP492" s="7"/>
      <c r="AQ492" s="7"/>
      <c r="AR492" s="13"/>
    </row>
    <row r="493" spans="1:44">
      <c r="A493" s="1" t="s">
        <v>52</v>
      </c>
      <c r="B493" s="2">
        <v>0.7243518518518518</v>
      </c>
      <c r="C493" s="3">
        <v>106.69</v>
      </c>
      <c r="D493" s="3">
        <v>384.34</v>
      </c>
      <c r="E493" s="3">
        <v>307.97000000000003</v>
      </c>
      <c r="F493" s="3">
        <v>403.49</v>
      </c>
      <c r="G493" s="3">
        <v>209.32</v>
      </c>
      <c r="H493" s="3">
        <v>472.34</v>
      </c>
      <c r="I493" s="3">
        <v>105.15</v>
      </c>
      <c r="J493" s="3">
        <v>221.43</v>
      </c>
      <c r="K493" s="3">
        <v>203.67</v>
      </c>
      <c r="L493" s="3">
        <v>257.01</v>
      </c>
      <c r="M493" s="3">
        <v>605.03</v>
      </c>
      <c r="N493" s="3">
        <v>416.58</v>
      </c>
      <c r="O493" s="3">
        <v>930.4</v>
      </c>
      <c r="P493" s="3">
        <v>857.75</v>
      </c>
      <c r="Q493" s="3">
        <v>2286.11</v>
      </c>
      <c r="R493" s="3">
        <v>2286.11</v>
      </c>
      <c r="S493" s="3">
        <v>50.78</v>
      </c>
      <c r="T493" s="3">
        <v>0.27</v>
      </c>
      <c r="U493" s="3">
        <v>4.5999999999999996</v>
      </c>
      <c r="V493" s="3">
        <v>0.42</v>
      </c>
      <c r="W493" s="3">
        <v>5.3</v>
      </c>
      <c r="X493" s="3">
        <v>-0.23</v>
      </c>
      <c r="Y493" s="3">
        <v>-0.08</v>
      </c>
      <c r="Z493" s="3">
        <v>0.31</v>
      </c>
      <c r="AA493" s="4">
        <f t="shared" si="72"/>
        <v>0</v>
      </c>
      <c r="AB493" s="4">
        <f t="shared" si="68"/>
        <v>1.6</v>
      </c>
      <c r="AC493" s="3">
        <f t="shared" si="74"/>
        <v>81.248000000000005</v>
      </c>
      <c r="AD493" s="4">
        <f t="shared" si="69"/>
        <v>0</v>
      </c>
      <c r="AE493" s="3">
        <f t="shared" si="75"/>
        <v>0.43200000000000005</v>
      </c>
      <c r="AF493" s="4">
        <f t="shared" si="73"/>
        <v>0</v>
      </c>
      <c r="AG493" s="3">
        <f t="shared" si="70"/>
        <v>7.3599999999999994</v>
      </c>
      <c r="AH493" s="4">
        <f t="shared" si="71"/>
        <v>0</v>
      </c>
      <c r="AI493" s="3">
        <f t="shared" si="76"/>
        <v>0.42</v>
      </c>
      <c r="AJ493" s="14"/>
      <c r="AK493" s="14"/>
      <c r="AO493" s="12">
        <v>15</v>
      </c>
      <c r="AP493" s="7"/>
      <c r="AQ493" s="7"/>
      <c r="AR493" s="13"/>
    </row>
    <row r="494" spans="1:44">
      <c r="A494" s="1" t="s">
        <v>52</v>
      </c>
      <c r="B494" s="2">
        <v>0.72504629629629624</v>
      </c>
      <c r="C494" s="3">
        <v>104.77</v>
      </c>
      <c r="D494" s="3">
        <v>376.11</v>
      </c>
      <c r="E494" s="3">
        <v>306.44</v>
      </c>
      <c r="F494" s="3">
        <v>384.35</v>
      </c>
      <c r="G494" s="3">
        <v>208.76</v>
      </c>
      <c r="H494" s="3">
        <v>466.4</v>
      </c>
      <c r="I494" s="3">
        <v>106.9</v>
      </c>
      <c r="J494" s="3">
        <v>221.73</v>
      </c>
      <c r="K494" s="3">
        <v>202.92</v>
      </c>
      <c r="L494" s="3">
        <v>254.52</v>
      </c>
      <c r="M494" s="3">
        <v>604.78</v>
      </c>
      <c r="N494" s="3">
        <v>412.54</v>
      </c>
      <c r="O494" s="3">
        <v>933.6</v>
      </c>
      <c r="P494" s="3">
        <v>857.31</v>
      </c>
      <c r="Q494" s="3">
        <v>2286.11</v>
      </c>
      <c r="R494" s="3">
        <v>2286.11</v>
      </c>
      <c r="S494" s="3">
        <v>51.1</v>
      </c>
      <c r="T494" s="3">
        <v>0.28999999999999998</v>
      </c>
      <c r="U494" s="3">
        <v>4.75</v>
      </c>
      <c r="V494" s="3">
        <v>0.44</v>
      </c>
      <c r="W494" s="3">
        <v>5.29</v>
      </c>
      <c r="X494" s="3">
        <v>-0.23</v>
      </c>
      <c r="Y494" s="3">
        <v>-0.09</v>
      </c>
      <c r="Z494" s="3">
        <v>0.31</v>
      </c>
      <c r="AA494" s="4">
        <f t="shared" si="72"/>
        <v>0</v>
      </c>
      <c r="AB494" s="4">
        <f t="shared" si="68"/>
        <v>1.6</v>
      </c>
      <c r="AC494" s="3">
        <f t="shared" si="74"/>
        <v>81.760000000000005</v>
      </c>
      <c r="AD494" s="4">
        <f t="shared" si="69"/>
        <v>0</v>
      </c>
      <c r="AE494" s="3">
        <f t="shared" si="75"/>
        <v>0.46399999999999997</v>
      </c>
      <c r="AF494" s="4">
        <f t="shared" si="73"/>
        <v>0</v>
      </c>
      <c r="AG494" s="3">
        <f t="shared" si="70"/>
        <v>7.6000000000000005</v>
      </c>
      <c r="AH494" s="4">
        <f t="shared" si="71"/>
        <v>0</v>
      </c>
      <c r="AI494" s="3">
        <f t="shared" si="76"/>
        <v>0.44</v>
      </c>
      <c r="AJ494" s="14"/>
      <c r="AK494" s="14"/>
      <c r="AO494" s="12">
        <v>15</v>
      </c>
      <c r="AP494" s="7"/>
      <c r="AQ494" s="7"/>
      <c r="AR494" s="13"/>
    </row>
    <row r="495" spans="1:44">
      <c r="A495" s="1" t="s">
        <v>52</v>
      </c>
      <c r="B495" s="2">
        <v>0.7257407407407408</v>
      </c>
      <c r="C495" s="3">
        <v>102.19</v>
      </c>
      <c r="D495" s="3">
        <v>368.05</v>
      </c>
      <c r="E495" s="3">
        <v>303.19</v>
      </c>
      <c r="F495" s="3">
        <v>368.96</v>
      </c>
      <c r="G495" s="3">
        <v>206.6</v>
      </c>
      <c r="H495" s="3">
        <v>459.13</v>
      </c>
      <c r="I495" s="3">
        <v>108.3</v>
      </c>
      <c r="J495" s="3">
        <v>219.9</v>
      </c>
      <c r="K495" s="3">
        <v>202.12</v>
      </c>
      <c r="L495" s="3">
        <v>252.12</v>
      </c>
      <c r="M495" s="3">
        <v>605.48</v>
      </c>
      <c r="N495" s="3">
        <v>408.78</v>
      </c>
      <c r="O495" s="3">
        <v>937.13</v>
      </c>
      <c r="P495" s="3">
        <v>855.68</v>
      </c>
      <c r="Q495" s="3">
        <v>2286.13</v>
      </c>
      <c r="R495" s="3">
        <v>2286.13</v>
      </c>
      <c r="S495" s="3">
        <v>50.35</v>
      </c>
      <c r="T495" s="3">
        <v>0.3</v>
      </c>
      <c r="U495" s="3">
        <v>4.3600000000000003</v>
      </c>
      <c r="V495" s="3">
        <v>0.48</v>
      </c>
      <c r="W495" s="3">
        <v>5.1100000000000003</v>
      </c>
      <c r="X495" s="3">
        <v>-0.22</v>
      </c>
      <c r="Y495" s="3">
        <v>-0.09</v>
      </c>
      <c r="Z495" s="3">
        <v>0.28999999999999998</v>
      </c>
      <c r="AA495" s="4">
        <f t="shared" si="72"/>
        <v>0</v>
      </c>
      <c r="AB495" s="4">
        <f t="shared" ref="AB495:AB558" si="77">AB494</f>
        <v>1.6</v>
      </c>
      <c r="AC495" s="3">
        <f t="shared" si="74"/>
        <v>80.56</v>
      </c>
      <c r="AD495" s="4">
        <f t="shared" si="69"/>
        <v>0</v>
      </c>
      <c r="AE495" s="3">
        <f t="shared" si="75"/>
        <v>0.48</v>
      </c>
      <c r="AF495" s="4">
        <f t="shared" si="73"/>
        <v>0</v>
      </c>
      <c r="AG495" s="3">
        <f t="shared" si="70"/>
        <v>6.9760000000000009</v>
      </c>
      <c r="AH495" s="4">
        <f t="shared" si="71"/>
        <v>0</v>
      </c>
      <c r="AI495" s="3">
        <f t="shared" si="76"/>
        <v>0.48</v>
      </c>
      <c r="AJ495" s="14"/>
      <c r="AK495" s="14"/>
      <c r="AO495" s="12">
        <v>15</v>
      </c>
      <c r="AP495" s="7"/>
      <c r="AQ495" s="7"/>
      <c r="AR495" s="13"/>
    </row>
    <row r="496" spans="1:44">
      <c r="A496" s="1" t="s">
        <v>52</v>
      </c>
      <c r="B496" s="2">
        <v>0.72643518518518524</v>
      </c>
      <c r="C496" s="3">
        <v>99.32</v>
      </c>
      <c r="D496" s="3">
        <v>360.5</v>
      </c>
      <c r="E496" s="3">
        <v>299.01</v>
      </c>
      <c r="F496" s="3">
        <v>362.14</v>
      </c>
      <c r="G496" s="3">
        <v>203.41</v>
      </c>
      <c r="H496" s="3">
        <v>451.65</v>
      </c>
      <c r="I496" s="3">
        <v>109.35</v>
      </c>
      <c r="J496" s="3">
        <v>217.21</v>
      </c>
      <c r="K496" s="3">
        <v>201.35</v>
      </c>
      <c r="L496" s="3">
        <v>249.82</v>
      </c>
      <c r="M496" s="3">
        <v>604.36</v>
      </c>
      <c r="N496" s="3">
        <v>405.18</v>
      </c>
      <c r="O496" s="3">
        <v>898.14</v>
      </c>
      <c r="P496" s="3">
        <v>853.79</v>
      </c>
      <c r="Q496" s="3">
        <v>2286.14</v>
      </c>
      <c r="R496" s="3">
        <v>2286.14</v>
      </c>
      <c r="S496" s="3">
        <v>49.27</v>
      </c>
      <c r="T496" s="3">
        <v>0.31</v>
      </c>
      <c r="U496" s="3">
        <v>4.5</v>
      </c>
      <c r="V496" s="3">
        <v>0.47</v>
      </c>
      <c r="W496" s="3">
        <v>5.31</v>
      </c>
      <c r="X496" s="3">
        <v>-0.22</v>
      </c>
      <c r="Y496" s="3">
        <v>-0.09</v>
      </c>
      <c r="Z496" s="3">
        <v>0.28999999999999998</v>
      </c>
      <c r="AA496" s="4">
        <f t="shared" si="72"/>
        <v>0</v>
      </c>
      <c r="AB496" s="4">
        <f t="shared" si="77"/>
        <v>1.6</v>
      </c>
      <c r="AC496" s="3">
        <f t="shared" si="74"/>
        <v>78.832000000000008</v>
      </c>
      <c r="AD496" s="4">
        <f t="shared" si="69"/>
        <v>0</v>
      </c>
      <c r="AE496" s="3">
        <f t="shared" si="75"/>
        <v>0.496</v>
      </c>
      <c r="AF496" s="4">
        <f t="shared" si="73"/>
        <v>0</v>
      </c>
      <c r="AG496" s="3">
        <f t="shared" si="70"/>
        <v>7.2</v>
      </c>
      <c r="AH496" s="4">
        <f t="shared" si="71"/>
        <v>0</v>
      </c>
      <c r="AI496" s="3">
        <f t="shared" si="76"/>
        <v>0.47</v>
      </c>
      <c r="AJ496" s="14"/>
      <c r="AK496" s="14"/>
      <c r="AO496" s="12">
        <v>15</v>
      </c>
      <c r="AP496" s="7"/>
      <c r="AQ496" s="7"/>
      <c r="AR496" s="13"/>
    </row>
    <row r="497" spans="1:44">
      <c r="A497" s="1" t="s">
        <v>52</v>
      </c>
      <c r="B497" s="2">
        <v>0.72714120370370372</v>
      </c>
      <c r="C497" s="3">
        <v>97.68</v>
      </c>
      <c r="D497" s="3">
        <v>359.36</v>
      </c>
      <c r="E497" s="3">
        <v>296.99</v>
      </c>
      <c r="F497" s="3">
        <v>399.78</v>
      </c>
      <c r="G497" s="3">
        <v>199.9</v>
      </c>
      <c r="H497" s="3">
        <v>444.34</v>
      </c>
      <c r="I497" s="3">
        <v>110.19</v>
      </c>
      <c r="J497" s="3">
        <v>214.13</v>
      </c>
      <c r="K497" s="3">
        <v>200.44</v>
      </c>
      <c r="L497" s="3">
        <v>247.58</v>
      </c>
      <c r="M497" s="3">
        <v>601.94000000000005</v>
      </c>
      <c r="N497" s="3">
        <v>401.69</v>
      </c>
      <c r="O497" s="3">
        <v>875.54</v>
      </c>
      <c r="P497" s="3">
        <v>850.71</v>
      </c>
      <c r="Q497" s="3">
        <v>2286.15</v>
      </c>
      <c r="R497" s="3">
        <v>2286.15</v>
      </c>
      <c r="S497" s="3">
        <v>50.45</v>
      </c>
      <c r="T497" s="3">
        <v>0.32</v>
      </c>
      <c r="U497" s="3">
        <v>5.3</v>
      </c>
      <c r="V497" s="3">
        <v>0.42</v>
      </c>
      <c r="W497" s="3">
        <v>5.17</v>
      </c>
      <c r="X497" s="3">
        <v>-0.27</v>
      </c>
      <c r="Y497" s="3">
        <v>-0.1</v>
      </c>
      <c r="Z497" s="3">
        <v>0.31</v>
      </c>
      <c r="AA497" s="4">
        <f t="shared" si="72"/>
        <v>0</v>
      </c>
      <c r="AB497" s="4">
        <f t="shared" si="77"/>
        <v>1.6</v>
      </c>
      <c r="AC497" s="3">
        <f t="shared" si="74"/>
        <v>80.720000000000013</v>
      </c>
      <c r="AD497" s="4">
        <f t="shared" si="69"/>
        <v>0</v>
      </c>
      <c r="AE497" s="3">
        <f t="shared" si="75"/>
        <v>0.51200000000000001</v>
      </c>
      <c r="AF497" s="4">
        <f t="shared" si="73"/>
        <v>0</v>
      </c>
      <c r="AG497" s="3">
        <f t="shared" si="70"/>
        <v>8.48</v>
      </c>
      <c r="AH497" s="4">
        <f t="shared" si="71"/>
        <v>0</v>
      </c>
      <c r="AI497" s="3">
        <f t="shared" si="76"/>
        <v>0.42</v>
      </c>
      <c r="AJ497" s="14"/>
      <c r="AK497" s="14"/>
      <c r="AO497" s="12">
        <v>15</v>
      </c>
      <c r="AP497" s="7"/>
      <c r="AQ497" s="7"/>
      <c r="AR497" s="13"/>
    </row>
    <row r="498" spans="1:44">
      <c r="A498" s="1" t="s">
        <v>52</v>
      </c>
      <c r="B498" s="2">
        <v>0.72783564814814816</v>
      </c>
      <c r="C498" s="3">
        <v>99.02</v>
      </c>
      <c r="D498" s="3">
        <v>370.99</v>
      </c>
      <c r="E498" s="3">
        <v>299.36</v>
      </c>
      <c r="F498" s="3">
        <v>443.75</v>
      </c>
      <c r="G498" s="3">
        <v>198.16</v>
      </c>
      <c r="H498" s="3">
        <v>442.24</v>
      </c>
      <c r="I498" s="3">
        <v>110.67</v>
      </c>
      <c r="J498" s="3">
        <v>210.96</v>
      </c>
      <c r="K498" s="3">
        <v>199.6</v>
      </c>
      <c r="L498" s="3">
        <v>245.88</v>
      </c>
      <c r="M498" s="3">
        <v>599.52</v>
      </c>
      <c r="N498" s="3">
        <v>398.59</v>
      </c>
      <c r="O498" s="3">
        <v>881.8</v>
      </c>
      <c r="P498" s="3">
        <v>853.53</v>
      </c>
      <c r="Q498" s="3">
        <v>2286.15</v>
      </c>
      <c r="R498" s="3">
        <v>2286.15</v>
      </c>
      <c r="S498" s="3">
        <v>60.35</v>
      </c>
      <c r="T498" s="3">
        <v>0.44</v>
      </c>
      <c r="U498" s="3">
        <v>5.76</v>
      </c>
      <c r="V498" s="3">
        <v>0.5</v>
      </c>
      <c r="W498" s="3">
        <v>4.62</v>
      </c>
      <c r="X498" s="3">
        <v>-0.23</v>
      </c>
      <c r="Y498" s="3">
        <v>-0.1</v>
      </c>
      <c r="Z498" s="3">
        <v>0.25</v>
      </c>
      <c r="AA498" s="4">
        <f t="shared" si="72"/>
        <v>0</v>
      </c>
      <c r="AB498" s="4">
        <f t="shared" si="77"/>
        <v>1.6</v>
      </c>
      <c r="AC498" s="3">
        <f t="shared" si="74"/>
        <v>96.56</v>
      </c>
      <c r="AD498" s="4">
        <f t="shared" si="69"/>
        <v>0</v>
      </c>
      <c r="AE498" s="3">
        <f t="shared" si="75"/>
        <v>0.70400000000000007</v>
      </c>
      <c r="AF498" s="4">
        <f t="shared" si="73"/>
        <v>0</v>
      </c>
      <c r="AG498" s="3">
        <f t="shared" si="70"/>
        <v>9.2159999999999993</v>
      </c>
      <c r="AH498" s="4">
        <f t="shared" si="71"/>
        <v>0</v>
      </c>
      <c r="AI498" s="3">
        <f t="shared" si="76"/>
        <v>0.5</v>
      </c>
      <c r="AJ498" s="14"/>
      <c r="AK498" s="14"/>
      <c r="AO498" s="12">
        <v>15</v>
      </c>
      <c r="AP498" s="7"/>
      <c r="AQ498" s="7"/>
      <c r="AR498" s="13"/>
    </row>
    <row r="499" spans="1:44">
      <c r="A499" s="1" t="s">
        <v>52</v>
      </c>
      <c r="B499" s="2">
        <v>0.72853009259259249</v>
      </c>
      <c r="C499" s="3">
        <v>102.85</v>
      </c>
      <c r="D499" s="3">
        <v>386.42</v>
      </c>
      <c r="E499" s="3">
        <v>303.98</v>
      </c>
      <c r="F499" s="3">
        <v>439.83</v>
      </c>
      <c r="G499" s="3">
        <v>201.36</v>
      </c>
      <c r="H499" s="3">
        <v>457.01</v>
      </c>
      <c r="I499" s="3">
        <v>110.98</v>
      </c>
      <c r="J499" s="3">
        <v>207.96</v>
      </c>
      <c r="K499" s="3">
        <v>199.5</v>
      </c>
      <c r="L499" s="3">
        <v>251.42</v>
      </c>
      <c r="M499" s="3">
        <v>598.78</v>
      </c>
      <c r="N499" s="3">
        <v>403.09</v>
      </c>
      <c r="O499" s="3">
        <v>884.17</v>
      </c>
      <c r="P499" s="3">
        <v>856.89</v>
      </c>
      <c r="Q499" s="3">
        <v>2286.16</v>
      </c>
      <c r="R499" s="3">
        <v>2286.16</v>
      </c>
      <c r="S499" s="3">
        <v>61.29</v>
      </c>
      <c r="T499" s="3">
        <v>0.48</v>
      </c>
      <c r="U499" s="3">
        <v>5.7</v>
      </c>
      <c r="V499" s="3">
        <v>0.55000000000000004</v>
      </c>
      <c r="W499" s="3">
        <v>4.84</v>
      </c>
      <c r="X499" s="3">
        <v>-0.22</v>
      </c>
      <c r="Y499" s="3">
        <v>-0.1</v>
      </c>
      <c r="Z499" s="3">
        <v>0.25</v>
      </c>
      <c r="AA499" s="4">
        <f t="shared" si="72"/>
        <v>0</v>
      </c>
      <c r="AB499" s="4">
        <f t="shared" si="77"/>
        <v>1.6</v>
      </c>
      <c r="AC499" s="3">
        <f t="shared" si="74"/>
        <v>98.064000000000007</v>
      </c>
      <c r="AD499" s="4">
        <f t="shared" si="69"/>
        <v>0</v>
      </c>
      <c r="AE499" s="3">
        <f t="shared" si="75"/>
        <v>0.76800000000000002</v>
      </c>
      <c r="AF499" s="4">
        <f t="shared" si="73"/>
        <v>0</v>
      </c>
      <c r="AG499" s="3">
        <f t="shared" si="70"/>
        <v>9.120000000000001</v>
      </c>
      <c r="AH499" s="4">
        <f t="shared" si="71"/>
        <v>0</v>
      </c>
      <c r="AI499" s="3">
        <f t="shared" si="76"/>
        <v>0.55000000000000004</v>
      </c>
      <c r="AJ499" s="14"/>
      <c r="AK499" s="14"/>
      <c r="AO499" s="12">
        <v>15</v>
      </c>
      <c r="AP499" s="7"/>
      <c r="AQ499" s="7"/>
      <c r="AR499" s="13"/>
    </row>
    <row r="500" spans="1:44">
      <c r="A500" s="1" t="s">
        <v>52</v>
      </c>
      <c r="B500" s="2">
        <v>0.72922453703703705</v>
      </c>
      <c r="C500" s="3">
        <v>105.97</v>
      </c>
      <c r="D500" s="3">
        <v>391.91</v>
      </c>
      <c r="E500" s="3">
        <v>307.27999999999997</v>
      </c>
      <c r="F500" s="3">
        <v>443.56</v>
      </c>
      <c r="G500" s="3">
        <v>207.3</v>
      </c>
      <c r="H500" s="3">
        <v>475.39</v>
      </c>
      <c r="I500" s="3">
        <v>111.38</v>
      </c>
      <c r="J500" s="3">
        <v>205.12</v>
      </c>
      <c r="K500" s="3">
        <v>200.97</v>
      </c>
      <c r="L500" s="3">
        <v>266.06</v>
      </c>
      <c r="M500" s="3">
        <v>599.17999999999995</v>
      </c>
      <c r="N500" s="3">
        <v>416.94</v>
      </c>
      <c r="O500" s="3">
        <v>889.33</v>
      </c>
      <c r="P500" s="3">
        <v>854.28</v>
      </c>
      <c r="Q500" s="3">
        <v>2286.15</v>
      </c>
      <c r="R500" s="3">
        <v>2286.15</v>
      </c>
      <c r="S500" s="3">
        <v>59.53</v>
      </c>
      <c r="T500" s="3">
        <v>0.43</v>
      </c>
      <c r="U500" s="3">
        <v>5.38</v>
      </c>
      <c r="V500" s="3">
        <v>0.54</v>
      </c>
      <c r="W500" s="3">
        <v>5.0599999999999996</v>
      </c>
      <c r="X500" s="3">
        <v>-0.22</v>
      </c>
      <c r="Y500" s="3">
        <v>-0.11</v>
      </c>
      <c r="Z500" s="3">
        <v>0.27</v>
      </c>
      <c r="AA500" s="4">
        <f t="shared" si="72"/>
        <v>0</v>
      </c>
      <c r="AB500" s="4">
        <f t="shared" si="77"/>
        <v>1.6</v>
      </c>
      <c r="AC500" s="3">
        <f t="shared" si="74"/>
        <v>95.248000000000005</v>
      </c>
      <c r="AD500" s="4">
        <f t="shared" si="69"/>
        <v>0</v>
      </c>
      <c r="AE500" s="3">
        <f t="shared" si="75"/>
        <v>0.68800000000000006</v>
      </c>
      <c r="AF500" s="4">
        <f t="shared" si="73"/>
        <v>0</v>
      </c>
      <c r="AG500" s="3">
        <f t="shared" si="70"/>
        <v>8.6080000000000005</v>
      </c>
      <c r="AH500" s="4">
        <f t="shared" si="71"/>
        <v>0</v>
      </c>
      <c r="AI500" s="3">
        <f t="shared" si="76"/>
        <v>0.54</v>
      </c>
      <c r="AJ500" s="14"/>
      <c r="AK500" s="14"/>
      <c r="AO500" s="12">
        <v>15</v>
      </c>
      <c r="AP500" s="7"/>
      <c r="AQ500" s="7"/>
      <c r="AR500" s="13"/>
    </row>
    <row r="501" spans="1:44">
      <c r="A501" s="1" t="s">
        <v>52</v>
      </c>
      <c r="B501" s="2">
        <v>0.72991898148148149</v>
      </c>
      <c r="C501" s="3">
        <v>107.36</v>
      </c>
      <c r="D501" s="3">
        <v>387.67</v>
      </c>
      <c r="E501" s="3">
        <v>313.57</v>
      </c>
      <c r="F501" s="3">
        <v>477.64</v>
      </c>
      <c r="G501" s="3">
        <v>215.07</v>
      </c>
      <c r="H501" s="3">
        <v>494.26</v>
      </c>
      <c r="I501" s="3">
        <v>111.78</v>
      </c>
      <c r="J501" s="3">
        <v>202.47</v>
      </c>
      <c r="K501" s="3">
        <v>203.31</v>
      </c>
      <c r="L501" s="3">
        <v>277.47000000000003</v>
      </c>
      <c r="M501" s="3">
        <v>599.96</v>
      </c>
      <c r="N501" s="3">
        <v>421.92</v>
      </c>
      <c r="O501" s="3">
        <v>901.24</v>
      </c>
      <c r="P501" s="3">
        <v>850.78</v>
      </c>
      <c r="Q501" s="3">
        <v>2286.14</v>
      </c>
      <c r="R501" s="3">
        <v>2286.14</v>
      </c>
      <c r="S501" s="3">
        <v>55.98</v>
      </c>
      <c r="T501" s="3">
        <v>0.39</v>
      </c>
      <c r="U501" s="3">
        <v>5.04</v>
      </c>
      <c r="V501" s="3">
        <v>0.5</v>
      </c>
      <c r="W501" s="3">
        <v>5.27</v>
      </c>
      <c r="X501" s="3">
        <v>-0.23</v>
      </c>
      <c r="Y501" s="3">
        <v>-0.11</v>
      </c>
      <c r="Z501" s="3">
        <v>0.28999999999999998</v>
      </c>
      <c r="AA501" s="4">
        <f t="shared" si="72"/>
        <v>0</v>
      </c>
      <c r="AB501" s="4">
        <f t="shared" si="77"/>
        <v>1.6</v>
      </c>
      <c r="AC501" s="3">
        <f t="shared" si="74"/>
        <v>89.567999999999998</v>
      </c>
      <c r="AD501" s="4">
        <f t="shared" si="69"/>
        <v>0</v>
      </c>
      <c r="AE501" s="3">
        <f t="shared" si="75"/>
        <v>0.62400000000000011</v>
      </c>
      <c r="AF501" s="4">
        <f t="shared" si="73"/>
        <v>0</v>
      </c>
      <c r="AG501" s="3">
        <f t="shared" si="70"/>
        <v>8.0640000000000001</v>
      </c>
      <c r="AH501" s="4">
        <f t="shared" si="71"/>
        <v>0</v>
      </c>
      <c r="AI501" s="3">
        <f t="shared" si="76"/>
        <v>0.5</v>
      </c>
      <c r="AJ501" s="14"/>
      <c r="AK501" s="14"/>
      <c r="AO501" s="12">
        <v>15</v>
      </c>
      <c r="AP501" s="7"/>
      <c r="AQ501" s="7"/>
      <c r="AR501" s="13"/>
    </row>
    <row r="502" spans="1:44">
      <c r="A502" s="1" t="s">
        <v>52</v>
      </c>
      <c r="B502" s="2">
        <v>0.73061342592592593</v>
      </c>
      <c r="C502" s="3">
        <v>107.57</v>
      </c>
      <c r="D502" s="3">
        <v>380.26</v>
      </c>
      <c r="E502" s="3">
        <v>322.86</v>
      </c>
      <c r="F502" s="3">
        <v>498.08</v>
      </c>
      <c r="G502" s="3">
        <v>224.02</v>
      </c>
      <c r="H502" s="3">
        <v>515.69000000000005</v>
      </c>
      <c r="I502" s="3">
        <v>111.98</v>
      </c>
      <c r="J502" s="3">
        <v>199.98</v>
      </c>
      <c r="K502" s="3">
        <v>205.2</v>
      </c>
      <c r="L502" s="3">
        <v>280.08</v>
      </c>
      <c r="M502" s="3">
        <v>600.85</v>
      </c>
      <c r="N502" s="3">
        <v>420.79</v>
      </c>
      <c r="O502" s="3">
        <v>909.53</v>
      </c>
      <c r="P502" s="3">
        <v>853.68</v>
      </c>
      <c r="Q502" s="3">
        <v>2286.14</v>
      </c>
      <c r="R502" s="3">
        <v>2286.14</v>
      </c>
      <c r="S502" s="3">
        <v>53.31</v>
      </c>
      <c r="T502" s="3">
        <v>0.33</v>
      </c>
      <c r="U502" s="3">
        <v>4.62</v>
      </c>
      <c r="V502" s="3">
        <v>0.47</v>
      </c>
      <c r="W502" s="3">
        <v>5.2</v>
      </c>
      <c r="X502" s="3">
        <v>-0.22</v>
      </c>
      <c r="Y502" s="3">
        <v>-0.11</v>
      </c>
      <c r="Z502" s="3">
        <v>0.28999999999999998</v>
      </c>
      <c r="AA502" s="4">
        <f t="shared" si="72"/>
        <v>0</v>
      </c>
      <c r="AB502" s="4">
        <f t="shared" si="77"/>
        <v>1.6</v>
      </c>
      <c r="AC502" s="3">
        <f t="shared" si="74"/>
        <v>85.296000000000006</v>
      </c>
      <c r="AD502" s="4">
        <f t="shared" si="69"/>
        <v>0</v>
      </c>
      <c r="AE502" s="3">
        <f t="shared" si="75"/>
        <v>0.52800000000000002</v>
      </c>
      <c r="AF502" s="4">
        <f t="shared" si="73"/>
        <v>0</v>
      </c>
      <c r="AG502" s="3">
        <f t="shared" si="70"/>
        <v>7.3920000000000003</v>
      </c>
      <c r="AH502" s="4">
        <f t="shared" si="71"/>
        <v>0</v>
      </c>
      <c r="AI502" s="3">
        <f t="shared" si="76"/>
        <v>0.47</v>
      </c>
      <c r="AJ502" s="14"/>
      <c r="AK502" s="14"/>
      <c r="AO502" s="12">
        <v>15</v>
      </c>
      <c r="AP502" s="7"/>
      <c r="AQ502" s="7"/>
      <c r="AR502" s="13"/>
    </row>
    <row r="503" spans="1:44">
      <c r="A503" s="1" t="s">
        <v>52</v>
      </c>
      <c r="B503" s="2">
        <v>0.73130787037037026</v>
      </c>
      <c r="C503" s="3">
        <v>106.29</v>
      </c>
      <c r="D503" s="3">
        <v>372.24</v>
      </c>
      <c r="E503" s="3">
        <v>331.85</v>
      </c>
      <c r="F503" s="3">
        <v>499.13</v>
      </c>
      <c r="G503" s="3">
        <v>229.39</v>
      </c>
      <c r="H503" s="3">
        <v>522.16</v>
      </c>
      <c r="I503" s="3">
        <v>112.07</v>
      </c>
      <c r="J503" s="3">
        <v>197.6</v>
      </c>
      <c r="K503" s="3">
        <v>206.39</v>
      </c>
      <c r="L503" s="3">
        <v>278.74</v>
      </c>
      <c r="M503" s="3">
        <v>601.83000000000004</v>
      </c>
      <c r="N503" s="3">
        <v>417.57</v>
      </c>
      <c r="O503" s="3">
        <v>918.75</v>
      </c>
      <c r="P503" s="3">
        <v>857.76</v>
      </c>
      <c r="Q503" s="3">
        <v>2286.15</v>
      </c>
      <c r="R503" s="3">
        <v>2286.15</v>
      </c>
      <c r="S503" s="3">
        <v>52.15</v>
      </c>
      <c r="T503" s="3">
        <v>0.32</v>
      </c>
      <c r="U503" s="3">
        <v>4.62</v>
      </c>
      <c r="V503" s="3">
        <v>0.45</v>
      </c>
      <c r="W503" s="3">
        <v>5.24</v>
      </c>
      <c r="X503" s="3">
        <v>-0.23</v>
      </c>
      <c r="Y503" s="3">
        <v>-0.12</v>
      </c>
      <c r="Z503" s="3">
        <v>0.28999999999999998</v>
      </c>
      <c r="AA503" s="4">
        <f t="shared" si="72"/>
        <v>0</v>
      </c>
      <c r="AB503" s="4">
        <f t="shared" si="77"/>
        <v>1.6</v>
      </c>
      <c r="AC503" s="3">
        <f t="shared" si="74"/>
        <v>83.44</v>
      </c>
      <c r="AD503" s="4">
        <f t="shared" si="69"/>
        <v>0</v>
      </c>
      <c r="AE503" s="3">
        <f t="shared" si="75"/>
        <v>0.51200000000000001</v>
      </c>
      <c r="AF503" s="4">
        <f t="shared" si="73"/>
        <v>0</v>
      </c>
      <c r="AG503" s="3">
        <f t="shared" si="70"/>
        <v>7.3920000000000003</v>
      </c>
      <c r="AH503" s="4">
        <f t="shared" si="71"/>
        <v>0</v>
      </c>
      <c r="AI503" s="3">
        <f t="shared" si="76"/>
        <v>0.45</v>
      </c>
      <c r="AJ503" s="14"/>
      <c r="AK503" s="14"/>
      <c r="AO503" s="12">
        <v>15</v>
      </c>
      <c r="AP503" s="7"/>
      <c r="AQ503" s="7"/>
      <c r="AR503" s="13"/>
    </row>
    <row r="504" spans="1:44">
      <c r="A504" s="1" t="s">
        <v>52</v>
      </c>
      <c r="B504" s="2">
        <v>0.73200231481481481</v>
      </c>
      <c r="C504" s="3">
        <v>103.99</v>
      </c>
      <c r="D504" s="3">
        <v>364.37</v>
      </c>
      <c r="E504" s="3">
        <v>339.02</v>
      </c>
      <c r="F504" s="3">
        <v>499.67</v>
      </c>
      <c r="G504" s="3">
        <v>230.3</v>
      </c>
      <c r="H504" s="3">
        <v>516.24</v>
      </c>
      <c r="I504" s="3">
        <v>111.91</v>
      </c>
      <c r="J504" s="3">
        <v>195.33</v>
      </c>
      <c r="K504" s="3">
        <v>207.08</v>
      </c>
      <c r="L504" s="3">
        <v>276.08999999999997</v>
      </c>
      <c r="M504" s="3">
        <v>602.22</v>
      </c>
      <c r="N504" s="3">
        <v>413.8</v>
      </c>
      <c r="O504" s="3">
        <v>928.32</v>
      </c>
      <c r="P504" s="3">
        <v>856.57</v>
      </c>
      <c r="Q504" s="3">
        <v>2286.15</v>
      </c>
      <c r="R504" s="3">
        <v>2286.15</v>
      </c>
      <c r="S504" s="3">
        <v>51.55</v>
      </c>
      <c r="T504" s="3">
        <v>0.28000000000000003</v>
      </c>
      <c r="U504" s="3">
        <v>4.55</v>
      </c>
      <c r="V504" s="3">
        <v>0.41</v>
      </c>
      <c r="W504" s="3">
        <v>5.18</v>
      </c>
      <c r="X504" s="3">
        <v>-0.23</v>
      </c>
      <c r="Y504" s="3">
        <v>-0.13</v>
      </c>
      <c r="Z504" s="3">
        <v>0.31</v>
      </c>
      <c r="AA504" s="4">
        <f t="shared" si="72"/>
        <v>0</v>
      </c>
      <c r="AB504" s="4">
        <f t="shared" si="77"/>
        <v>1.6</v>
      </c>
      <c r="AC504" s="3">
        <f t="shared" si="74"/>
        <v>82.48</v>
      </c>
      <c r="AD504" s="4">
        <f t="shared" si="69"/>
        <v>0</v>
      </c>
      <c r="AE504" s="3">
        <f t="shared" si="75"/>
        <v>0.44800000000000006</v>
      </c>
      <c r="AF504" s="4">
        <f t="shared" si="73"/>
        <v>0</v>
      </c>
      <c r="AG504" s="3">
        <f t="shared" si="70"/>
        <v>7.28</v>
      </c>
      <c r="AH504" s="4">
        <f t="shared" si="71"/>
        <v>0</v>
      </c>
      <c r="AI504" s="3">
        <f t="shared" si="76"/>
        <v>0.41</v>
      </c>
      <c r="AJ504" s="14"/>
      <c r="AK504" s="14"/>
      <c r="AO504" s="12">
        <v>15</v>
      </c>
      <c r="AP504" s="7"/>
      <c r="AQ504" s="7"/>
      <c r="AR504" s="13"/>
    </row>
    <row r="505" spans="1:44">
      <c r="A505" s="1" t="s">
        <v>52</v>
      </c>
      <c r="B505" s="2">
        <v>0.73270833333333341</v>
      </c>
      <c r="C505" s="3">
        <v>101.12</v>
      </c>
      <c r="D505" s="3">
        <v>356.86</v>
      </c>
      <c r="E505" s="3">
        <v>344.47</v>
      </c>
      <c r="F505" s="3">
        <v>499.06</v>
      </c>
      <c r="G505" s="3">
        <v>228.19</v>
      </c>
      <c r="H505" s="3">
        <v>506.61</v>
      </c>
      <c r="I505" s="3">
        <v>111.59</v>
      </c>
      <c r="J505" s="3">
        <v>193.15</v>
      </c>
      <c r="K505" s="3">
        <v>207.23</v>
      </c>
      <c r="L505" s="3">
        <v>273.08</v>
      </c>
      <c r="M505" s="3">
        <v>602.24</v>
      </c>
      <c r="N505" s="3">
        <v>409.98</v>
      </c>
      <c r="O505" s="3">
        <v>932.8</v>
      </c>
      <c r="P505" s="3">
        <v>854.66</v>
      </c>
      <c r="Q505" s="3">
        <v>2286.16</v>
      </c>
      <c r="R505" s="3">
        <v>2286.16</v>
      </c>
      <c r="S505" s="3">
        <v>50.18</v>
      </c>
      <c r="T505" s="3">
        <v>0.28999999999999998</v>
      </c>
      <c r="U505" s="3">
        <v>4.46</v>
      </c>
      <c r="V505" s="3">
        <v>0.42</v>
      </c>
      <c r="W505" s="3">
        <v>5.16</v>
      </c>
      <c r="X505" s="3">
        <v>-0.23</v>
      </c>
      <c r="Y505" s="3">
        <v>-0.13</v>
      </c>
      <c r="Z505" s="3">
        <v>0.3</v>
      </c>
      <c r="AA505" s="4">
        <f t="shared" si="72"/>
        <v>0</v>
      </c>
      <c r="AB505" s="4">
        <f t="shared" si="77"/>
        <v>1.6</v>
      </c>
      <c r="AC505" s="3">
        <f t="shared" si="74"/>
        <v>80.288000000000011</v>
      </c>
      <c r="AD505" s="4">
        <f t="shared" si="69"/>
        <v>0</v>
      </c>
      <c r="AE505" s="3">
        <f t="shared" si="75"/>
        <v>0.46399999999999997</v>
      </c>
      <c r="AF505" s="4">
        <f t="shared" si="73"/>
        <v>0</v>
      </c>
      <c r="AG505" s="3">
        <f t="shared" si="70"/>
        <v>7.1360000000000001</v>
      </c>
      <c r="AH505" s="4">
        <f t="shared" si="71"/>
        <v>0</v>
      </c>
      <c r="AI505" s="3">
        <f t="shared" si="76"/>
        <v>0.42</v>
      </c>
      <c r="AJ505" s="14"/>
      <c r="AK505" s="14"/>
      <c r="AO505" s="12">
        <v>15</v>
      </c>
      <c r="AP505" s="7"/>
      <c r="AQ505" s="7"/>
      <c r="AR505" s="13"/>
    </row>
    <row r="506" spans="1:44">
      <c r="A506" s="1" t="s">
        <v>52</v>
      </c>
      <c r="B506" s="2">
        <v>0.73340277777777774</v>
      </c>
      <c r="C506" s="3">
        <v>98.2</v>
      </c>
      <c r="D506" s="3">
        <v>350.91</v>
      </c>
      <c r="E506" s="3">
        <v>348.14</v>
      </c>
      <c r="F506" s="3">
        <v>499.11</v>
      </c>
      <c r="G506" s="3">
        <v>224.26</v>
      </c>
      <c r="H506" s="3">
        <v>496.64</v>
      </c>
      <c r="I506" s="3">
        <v>111.12</v>
      </c>
      <c r="J506" s="3">
        <v>191.05</v>
      </c>
      <c r="K506" s="3">
        <v>207.14</v>
      </c>
      <c r="L506" s="3">
        <v>270.02999999999997</v>
      </c>
      <c r="M506" s="3">
        <v>602.21</v>
      </c>
      <c r="N506" s="3">
        <v>406.29</v>
      </c>
      <c r="O506" s="3">
        <v>934.09</v>
      </c>
      <c r="P506" s="3">
        <v>852.77</v>
      </c>
      <c r="Q506" s="3">
        <v>2286.17</v>
      </c>
      <c r="R506" s="3">
        <v>2286.17</v>
      </c>
      <c r="S506" s="3">
        <v>50.98</v>
      </c>
      <c r="T506" s="3">
        <v>0.31</v>
      </c>
      <c r="U506" s="3">
        <v>4.6500000000000004</v>
      </c>
      <c r="V506" s="3">
        <v>0.45</v>
      </c>
      <c r="W506" s="3">
        <v>5.1100000000000003</v>
      </c>
      <c r="X506" s="3">
        <v>-0.23</v>
      </c>
      <c r="Y506" s="3">
        <v>-0.14000000000000001</v>
      </c>
      <c r="Z506" s="3">
        <v>0.3</v>
      </c>
      <c r="AA506" s="4">
        <f t="shared" si="72"/>
        <v>0</v>
      </c>
      <c r="AB506" s="4">
        <f t="shared" si="77"/>
        <v>1.6</v>
      </c>
      <c r="AC506" s="3">
        <f t="shared" si="74"/>
        <v>81.567999999999998</v>
      </c>
      <c r="AD506" s="4">
        <f t="shared" si="69"/>
        <v>0</v>
      </c>
      <c r="AE506" s="3">
        <f t="shared" si="75"/>
        <v>0.496</v>
      </c>
      <c r="AF506" s="4">
        <f t="shared" si="73"/>
        <v>0</v>
      </c>
      <c r="AG506" s="3">
        <f t="shared" si="70"/>
        <v>7.4400000000000013</v>
      </c>
      <c r="AH506" s="4">
        <f t="shared" si="71"/>
        <v>0</v>
      </c>
      <c r="AI506" s="3">
        <f t="shared" si="76"/>
        <v>0.45</v>
      </c>
      <c r="AJ506" s="14"/>
      <c r="AK506" s="14"/>
      <c r="AO506" s="12">
        <v>15</v>
      </c>
      <c r="AP506" s="7"/>
      <c r="AQ506" s="7"/>
      <c r="AR506" s="13"/>
    </row>
    <row r="507" spans="1:44">
      <c r="A507" s="1" t="s">
        <v>52</v>
      </c>
      <c r="B507" s="2">
        <v>0.73409722222222218</v>
      </c>
      <c r="C507" s="3">
        <v>95.96</v>
      </c>
      <c r="D507" s="3">
        <v>355.75</v>
      </c>
      <c r="E507" s="3">
        <v>347.88</v>
      </c>
      <c r="F507" s="3">
        <v>499.82</v>
      </c>
      <c r="G507" s="3">
        <v>219.27</v>
      </c>
      <c r="H507" s="3">
        <v>496.54</v>
      </c>
      <c r="I507" s="3">
        <v>110.49</v>
      </c>
      <c r="J507" s="3">
        <v>189.02</v>
      </c>
      <c r="K507" s="3">
        <v>206.75</v>
      </c>
      <c r="L507" s="3">
        <v>267.06</v>
      </c>
      <c r="M507" s="3">
        <v>602.58000000000004</v>
      </c>
      <c r="N507" s="3">
        <v>402.73</v>
      </c>
      <c r="O507" s="3">
        <v>923.34</v>
      </c>
      <c r="P507" s="3">
        <v>850.95</v>
      </c>
      <c r="Q507" s="3">
        <v>2286.17</v>
      </c>
      <c r="R507" s="3">
        <v>2286.17</v>
      </c>
      <c r="S507" s="3">
        <v>51.53</v>
      </c>
      <c r="T507" s="3">
        <v>0.27</v>
      </c>
      <c r="U507" s="3">
        <v>4.95</v>
      </c>
      <c r="V507" s="3">
        <v>0.4</v>
      </c>
      <c r="W507" s="3">
        <v>6.38</v>
      </c>
      <c r="X507" s="3">
        <v>-0.22</v>
      </c>
      <c r="Y507" s="3">
        <v>-0.13</v>
      </c>
      <c r="Z507" s="3">
        <v>0.35</v>
      </c>
      <c r="AA507" s="4">
        <f t="shared" si="72"/>
        <v>0</v>
      </c>
      <c r="AB507" s="4">
        <f t="shared" si="77"/>
        <v>1.6</v>
      </c>
      <c r="AC507" s="3">
        <f t="shared" si="74"/>
        <v>82.448000000000008</v>
      </c>
      <c r="AD507" s="4">
        <f t="shared" si="69"/>
        <v>0</v>
      </c>
      <c r="AE507" s="3">
        <f t="shared" si="75"/>
        <v>0.43200000000000005</v>
      </c>
      <c r="AF507" s="4">
        <f t="shared" si="73"/>
        <v>0</v>
      </c>
      <c r="AG507" s="3">
        <f t="shared" si="70"/>
        <v>7.9200000000000008</v>
      </c>
      <c r="AH507" s="4">
        <f t="shared" si="71"/>
        <v>0</v>
      </c>
      <c r="AI507" s="3">
        <f t="shared" si="76"/>
        <v>0.4</v>
      </c>
      <c r="AJ507" s="14"/>
      <c r="AK507" s="14"/>
      <c r="AO507" s="12">
        <v>30</v>
      </c>
      <c r="AP507" s="7"/>
      <c r="AQ507" s="7"/>
      <c r="AR507" s="13"/>
    </row>
    <row r="508" spans="1:44">
      <c r="A508" s="1" t="s">
        <v>52</v>
      </c>
      <c r="B508" s="2">
        <v>0.73479166666666673</v>
      </c>
      <c r="C508" s="3">
        <v>98.72</v>
      </c>
      <c r="D508" s="3">
        <v>370.76</v>
      </c>
      <c r="E508" s="3">
        <v>349.61</v>
      </c>
      <c r="F508" s="3">
        <v>499.56</v>
      </c>
      <c r="G508" s="3">
        <v>221.55</v>
      </c>
      <c r="H508" s="3">
        <v>510.95</v>
      </c>
      <c r="I508" s="3">
        <v>109.76</v>
      </c>
      <c r="J508" s="3">
        <v>187.06</v>
      </c>
      <c r="K508" s="3">
        <v>206.14</v>
      </c>
      <c r="L508" s="3">
        <v>264.20999999999998</v>
      </c>
      <c r="M508" s="3">
        <v>600.99</v>
      </c>
      <c r="N508" s="3">
        <v>399.31</v>
      </c>
      <c r="O508" s="3">
        <v>926.54</v>
      </c>
      <c r="P508" s="3">
        <v>851.86</v>
      </c>
      <c r="Q508" s="3">
        <v>2286.19</v>
      </c>
      <c r="R508" s="3">
        <v>2286.19</v>
      </c>
      <c r="S508" s="3">
        <v>56.71</v>
      </c>
      <c r="T508" s="3">
        <v>0.28999999999999998</v>
      </c>
      <c r="U508" s="3">
        <v>5.0199999999999996</v>
      </c>
      <c r="V508" s="3">
        <v>0.43</v>
      </c>
      <c r="W508" s="3">
        <v>12.86</v>
      </c>
      <c r="X508" s="3">
        <v>-0.22</v>
      </c>
      <c r="Y508" s="3">
        <v>-0.12</v>
      </c>
      <c r="Z508" s="3">
        <v>0.78</v>
      </c>
      <c r="AA508" s="4">
        <f t="shared" si="72"/>
        <v>0</v>
      </c>
      <c r="AB508" s="4">
        <f t="shared" si="77"/>
        <v>1.6</v>
      </c>
      <c r="AC508" s="3">
        <f t="shared" si="74"/>
        <v>90.736000000000004</v>
      </c>
      <c r="AD508" s="4">
        <f t="shared" si="69"/>
        <v>0</v>
      </c>
      <c r="AE508" s="3">
        <f t="shared" si="75"/>
        <v>0.46399999999999997</v>
      </c>
      <c r="AF508" s="4">
        <f t="shared" si="73"/>
        <v>0</v>
      </c>
      <c r="AG508" s="3">
        <f t="shared" si="70"/>
        <v>8.032</v>
      </c>
      <c r="AH508" s="4">
        <f t="shared" si="71"/>
        <v>0</v>
      </c>
      <c r="AI508" s="3">
        <f t="shared" si="76"/>
        <v>0.43</v>
      </c>
      <c r="AJ508" s="14"/>
      <c r="AK508" s="14"/>
      <c r="AO508" s="12">
        <v>30</v>
      </c>
      <c r="AP508" s="7"/>
      <c r="AQ508" s="7"/>
      <c r="AR508" s="13"/>
    </row>
    <row r="509" spans="1:44">
      <c r="A509" s="1" t="s">
        <v>52</v>
      </c>
      <c r="B509" s="2">
        <v>0.73548611111111117</v>
      </c>
      <c r="C509" s="3">
        <v>102.85</v>
      </c>
      <c r="D509" s="3">
        <v>387.37</v>
      </c>
      <c r="E509" s="3">
        <v>350.08</v>
      </c>
      <c r="F509" s="3">
        <v>481.61</v>
      </c>
      <c r="G509" s="3">
        <v>223.62</v>
      </c>
      <c r="H509" s="3">
        <v>516.73</v>
      </c>
      <c r="I509" s="3">
        <v>108.95</v>
      </c>
      <c r="J509" s="3">
        <v>185.14</v>
      </c>
      <c r="K509" s="3">
        <v>205.36</v>
      </c>
      <c r="L509" s="3">
        <v>261.47000000000003</v>
      </c>
      <c r="M509" s="3">
        <v>600.34</v>
      </c>
      <c r="N509" s="3">
        <v>396.97</v>
      </c>
      <c r="O509" s="3">
        <v>925.8</v>
      </c>
      <c r="P509" s="3">
        <v>856.82</v>
      </c>
      <c r="Q509" s="3">
        <v>2286.17</v>
      </c>
      <c r="R509" s="3">
        <v>2286.17</v>
      </c>
      <c r="S509" s="3">
        <v>57.14</v>
      </c>
      <c r="T509" s="3">
        <v>0.3</v>
      </c>
      <c r="U509" s="3">
        <v>4.8899999999999997</v>
      </c>
      <c r="V509" s="3">
        <v>0.43</v>
      </c>
      <c r="W509" s="3">
        <v>17</v>
      </c>
      <c r="X509" s="3">
        <v>-0.22</v>
      </c>
      <c r="Y509" s="3">
        <v>-0.1</v>
      </c>
      <c r="Z509" s="3">
        <v>1.1399999999999999</v>
      </c>
      <c r="AA509" s="4">
        <f t="shared" si="72"/>
        <v>0</v>
      </c>
      <c r="AB509" s="4">
        <f t="shared" si="77"/>
        <v>1.6</v>
      </c>
      <c r="AC509" s="3">
        <f t="shared" si="74"/>
        <v>91.424000000000007</v>
      </c>
      <c r="AD509" s="4">
        <f t="shared" si="69"/>
        <v>0</v>
      </c>
      <c r="AE509" s="3">
        <f t="shared" si="75"/>
        <v>0.48</v>
      </c>
      <c r="AF509" s="4">
        <f t="shared" si="73"/>
        <v>0</v>
      </c>
      <c r="AG509" s="3">
        <f t="shared" si="70"/>
        <v>7.8239999999999998</v>
      </c>
      <c r="AH509" s="4">
        <f t="shared" si="71"/>
        <v>0</v>
      </c>
      <c r="AI509" s="3">
        <f t="shared" si="76"/>
        <v>0.43</v>
      </c>
      <c r="AJ509" s="14"/>
      <c r="AK509" s="14"/>
      <c r="AO509" s="12">
        <v>30</v>
      </c>
      <c r="AP509" s="7"/>
      <c r="AQ509" s="7"/>
      <c r="AR509" s="13"/>
    </row>
    <row r="510" spans="1:44">
      <c r="A510" s="1" t="s">
        <v>52</v>
      </c>
      <c r="B510" s="2">
        <v>0.7361805555555555</v>
      </c>
      <c r="C510" s="3">
        <v>105.47</v>
      </c>
      <c r="D510" s="3">
        <v>393.3</v>
      </c>
      <c r="E510" s="3">
        <v>348.86</v>
      </c>
      <c r="F510" s="3">
        <v>486.34</v>
      </c>
      <c r="G510" s="3">
        <v>223.38</v>
      </c>
      <c r="H510" s="3">
        <v>510.97</v>
      </c>
      <c r="I510" s="3">
        <v>108.13</v>
      </c>
      <c r="J510" s="3">
        <v>183.29</v>
      </c>
      <c r="K510" s="3">
        <v>204.49</v>
      </c>
      <c r="L510" s="3">
        <v>258.85000000000002</v>
      </c>
      <c r="M510" s="3">
        <v>600.41</v>
      </c>
      <c r="N510" s="3">
        <v>398.75</v>
      </c>
      <c r="O510" s="3">
        <v>926.69</v>
      </c>
      <c r="P510" s="3">
        <v>856.45</v>
      </c>
      <c r="Q510" s="3">
        <v>2286.1799999999998</v>
      </c>
      <c r="R510" s="3">
        <v>2286.1799999999998</v>
      </c>
      <c r="S510" s="3">
        <v>57.99</v>
      </c>
      <c r="T510" s="3">
        <v>0.28000000000000003</v>
      </c>
      <c r="U510" s="3">
        <v>5.05</v>
      </c>
      <c r="V510" s="3">
        <v>0.43</v>
      </c>
      <c r="W510" s="3">
        <v>17.579999999999998</v>
      </c>
      <c r="X510" s="3">
        <v>-0.25</v>
      </c>
      <c r="Y510" s="3">
        <v>-0.1</v>
      </c>
      <c r="Z510" s="3">
        <v>1.24</v>
      </c>
      <c r="AA510" s="4">
        <f t="shared" si="72"/>
        <v>0</v>
      </c>
      <c r="AB510" s="4">
        <f t="shared" si="77"/>
        <v>1.6</v>
      </c>
      <c r="AC510" s="3">
        <f t="shared" si="74"/>
        <v>92.784000000000006</v>
      </c>
      <c r="AD510" s="4">
        <f t="shared" si="69"/>
        <v>0</v>
      </c>
      <c r="AE510" s="3">
        <f t="shared" si="75"/>
        <v>0.44800000000000006</v>
      </c>
      <c r="AF510" s="4">
        <f t="shared" si="73"/>
        <v>0</v>
      </c>
      <c r="AG510" s="3">
        <f t="shared" si="70"/>
        <v>8.08</v>
      </c>
      <c r="AH510" s="4">
        <f t="shared" si="71"/>
        <v>0</v>
      </c>
      <c r="AI510" s="3">
        <f t="shared" si="76"/>
        <v>0.43</v>
      </c>
      <c r="AJ510" s="14"/>
      <c r="AK510" s="14"/>
      <c r="AO510" s="12">
        <v>30</v>
      </c>
      <c r="AP510" s="7"/>
      <c r="AQ510" s="7"/>
      <c r="AR510" s="13"/>
    </row>
    <row r="511" spans="1:44">
      <c r="A511" s="1" t="s">
        <v>52</v>
      </c>
      <c r="B511" s="2">
        <v>0.73687499999999995</v>
      </c>
      <c r="C511" s="3">
        <v>105.77</v>
      </c>
      <c r="D511" s="3">
        <v>389.06</v>
      </c>
      <c r="E511" s="3">
        <v>349.65</v>
      </c>
      <c r="F511" s="3">
        <v>499.87</v>
      </c>
      <c r="G511" s="3">
        <v>221.13</v>
      </c>
      <c r="H511" s="3">
        <v>501.55</v>
      </c>
      <c r="I511" s="3">
        <v>106.47</v>
      </c>
      <c r="J511" s="3">
        <v>181.48</v>
      </c>
      <c r="K511" s="3">
        <v>202.05</v>
      </c>
      <c r="L511" s="3">
        <v>256.32</v>
      </c>
      <c r="M511" s="3">
        <v>596.28</v>
      </c>
      <c r="N511" s="3">
        <v>407.44</v>
      </c>
      <c r="O511" s="3">
        <v>929.05</v>
      </c>
      <c r="P511" s="3">
        <v>854.76</v>
      </c>
      <c r="Q511" s="3">
        <v>2286.16</v>
      </c>
      <c r="R511" s="3">
        <v>2286.16</v>
      </c>
      <c r="S511" s="3">
        <v>57.95</v>
      </c>
      <c r="T511" s="3">
        <v>0.23</v>
      </c>
      <c r="U511" s="3">
        <v>6.97</v>
      </c>
      <c r="V511" s="3">
        <v>0.4</v>
      </c>
      <c r="W511" s="3">
        <v>17.79</v>
      </c>
      <c r="X511" s="3">
        <v>-0.22</v>
      </c>
      <c r="Y511" s="3">
        <v>-0.11</v>
      </c>
      <c r="Z511" s="3">
        <v>1.23</v>
      </c>
      <c r="AA511" s="4">
        <f t="shared" si="72"/>
        <v>0</v>
      </c>
      <c r="AB511" s="4">
        <f t="shared" si="77"/>
        <v>1.6</v>
      </c>
      <c r="AC511" s="3">
        <f t="shared" si="74"/>
        <v>92.720000000000013</v>
      </c>
      <c r="AD511" s="4">
        <f t="shared" si="69"/>
        <v>0</v>
      </c>
      <c r="AE511" s="3">
        <f t="shared" si="75"/>
        <v>0.36800000000000005</v>
      </c>
      <c r="AF511" s="4">
        <f t="shared" si="73"/>
        <v>0</v>
      </c>
      <c r="AG511" s="3">
        <f t="shared" si="70"/>
        <v>11.152000000000001</v>
      </c>
      <c r="AH511" s="4">
        <f t="shared" si="71"/>
        <v>0</v>
      </c>
      <c r="AI511" s="3">
        <f t="shared" si="76"/>
        <v>0.4</v>
      </c>
      <c r="AJ511" s="14"/>
      <c r="AK511" s="14"/>
      <c r="AO511" s="12">
        <v>30</v>
      </c>
      <c r="AP511" s="7"/>
      <c r="AQ511" s="7"/>
      <c r="AR511" s="13"/>
    </row>
    <row r="512" spans="1:44">
      <c r="A512" s="1" t="s">
        <v>52</v>
      </c>
      <c r="B512" s="2">
        <v>0.73758101851851843</v>
      </c>
      <c r="C512" s="3">
        <v>104.53</v>
      </c>
      <c r="D512" s="3">
        <v>381.58</v>
      </c>
      <c r="E512" s="3">
        <v>350.02</v>
      </c>
      <c r="F512" s="3">
        <v>489.31</v>
      </c>
      <c r="G512" s="3">
        <v>218.53</v>
      </c>
      <c r="H512" s="3">
        <v>494.37</v>
      </c>
      <c r="I512" s="3">
        <v>104.79</v>
      </c>
      <c r="J512" s="3">
        <v>179.73</v>
      </c>
      <c r="K512" s="3">
        <v>199.7</v>
      </c>
      <c r="L512" s="3">
        <v>253.94</v>
      </c>
      <c r="M512" s="3">
        <v>594.86</v>
      </c>
      <c r="N512" s="3">
        <v>410.41</v>
      </c>
      <c r="O512" s="3">
        <v>933.53</v>
      </c>
      <c r="P512" s="3">
        <v>852.84</v>
      </c>
      <c r="Q512" s="3">
        <v>2286.15</v>
      </c>
      <c r="R512" s="3">
        <v>2286.15</v>
      </c>
      <c r="S512" s="3">
        <v>52.79</v>
      </c>
      <c r="T512" s="3">
        <v>-0.05</v>
      </c>
      <c r="U512" s="3">
        <v>20.51</v>
      </c>
      <c r="V512" s="3">
        <v>0.24</v>
      </c>
      <c r="W512" s="3">
        <v>16.739999999999998</v>
      </c>
      <c r="X512" s="3">
        <v>-0.22</v>
      </c>
      <c r="Y512" s="3">
        <v>-0.11</v>
      </c>
      <c r="Z512" s="3">
        <v>1.17</v>
      </c>
      <c r="AA512" s="4">
        <f t="shared" si="72"/>
        <v>0</v>
      </c>
      <c r="AB512" s="4">
        <f t="shared" si="77"/>
        <v>1.6</v>
      </c>
      <c r="AC512" s="3">
        <f t="shared" si="74"/>
        <v>84.463999999999999</v>
      </c>
      <c r="AD512" s="4">
        <f t="shared" si="69"/>
        <v>0</v>
      </c>
      <c r="AE512" s="3">
        <f t="shared" si="75"/>
        <v>-8.0000000000000016E-2</v>
      </c>
      <c r="AF512" s="4">
        <f t="shared" si="73"/>
        <v>0</v>
      </c>
      <c r="AG512" s="3">
        <f t="shared" si="70"/>
        <v>32.816000000000003</v>
      </c>
      <c r="AH512" s="4">
        <f t="shared" si="71"/>
        <v>0</v>
      </c>
      <c r="AI512" s="3">
        <f t="shared" si="76"/>
        <v>0.24</v>
      </c>
      <c r="AJ512" s="14"/>
      <c r="AK512" s="14"/>
      <c r="AO512" s="12">
        <v>30</v>
      </c>
      <c r="AP512" s="7"/>
      <c r="AQ512" s="7"/>
      <c r="AR512" s="13"/>
    </row>
    <row r="513" spans="1:44">
      <c r="A513" s="1" t="s">
        <v>52</v>
      </c>
      <c r="B513" s="2">
        <v>0.73827546296296298</v>
      </c>
      <c r="C513" s="3">
        <v>102.88</v>
      </c>
      <c r="D513" s="3">
        <v>373.4</v>
      </c>
      <c r="E513" s="3">
        <v>349.19</v>
      </c>
      <c r="F513" s="3">
        <v>492.74</v>
      </c>
      <c r="G513" s="3">
        <v>219.39</v>
      </c>
      <c r="H513" s="3">
        <v>503.19</v>
      </c>
      <c r="I513" s="3">
        <v>103.13</v>
      </c>
      <c r="J513" s="3">
        <v>178.03</v>
      </c>
      <c r="K513" s="3">
        <v>198.19</v>
      </c>
      <c r="L513" s="3">
        <v>255.6</v>
      </c>
      <c r="M513" s="3">
        <v>592.79</v>
      </c>
      <c r="N513" s="3">
        <v>408.69</v>
      </c>
      <c r="O513" s="3">
        <v>938.83</v>
      </c>
      <c r="P513" s="3">
        <v>851.07</v>
      </c>
      <c r="Q513" s="3">
        <v>2286.14</v>
      </c>
      <c r="R513" s="3">
        <v>2286.14</v>
      </c>
      <c r="S513" s="3">
        <v>53.71</v>
      </c>
      <c r="T513" s="3">
        <v>-7.0000000000000007E-2</v>
      </c>
      <c r="U513" s="3">
        <v>20.41</v>
      </c>
      <c r="V513" s="3">
        <v>0.22</v>
      </c>
      <c r="W513" s="3">
        <v>16.77</v>
      </c>
      <c r="X513" s="3">
        <v>-0.22</v>
      </c>
      <c r="Y513" s="3">
        <v>-0.11</v>
      </c>
      <c r="Z513" s="3">
        <v>1.1499999999999999</v>
      </c>
      <c r="AA513" s="4">
        <f t="shared" si="72"/>
        <v>0</v>
      </c>
      <c r="AB513" s="4">
        <f t="shared" si="77"/>
        <v>1.6</v>
      </c>
      <c r="AC513" s="3">
        <f t="shared" si="74"/>
        <v>85.936000000000007</v>
      </c>
      <c r="AD513" s="4">
        <f t="shared" si="69"/>
        <v>0</v>
      </c>
      <c r="AE513" s="3">
        <f t="shared" si="75"/>
        <v>-0.11200000000000002</v>
      </c>
      <c r="AF513" s="4">
        <f t="shared" si="73"/>
        <v>0</v>
      </c>
      <c r="AG513" s="3">
        <f t="shared" si="70"/>
        <v>32.655999999999999</v>
      </c>
      <c r="AH513" s="4">
        <f t="shared" si="71"/>
        <v>0</v>
      </c>
      <c r="AI513" s="3">
        <f t="shared" si="76"/>
        <v>0.22</v>
      </c>
      <c r="AJ513" s="14"/>
      <c r="AK513" s="14"/>
      <c r="AO513" s="12">
        <v>30</v>
      </c>
      <c r="AP513" s="7"/>
      <c r="AQ513" s="7"/>
      <c r="AR513" s="13"/>
    </row>
    <row r="514" spans="1:44">
      <c r="A514" s="1" t="s">
        <v>52</v>
      </c>
      <c r="B514" s="2">
        <v>0.73896990740740742</v>
      </c>
      <c r="C514" s="3">
        <v>100.25</v>
      </c>
      <c r="D514" s="3">
        <v>365.36</v>
      </c>
      <c r="E514" s="3">
        <v>349.32</v>
      </c>
      <c r="F514" s="3">
        <v>491.53</v>
      </c>
      <c r="G514" s="3">
        <v>220.95</v>
      </c>
      <c r="H514" s="3">
        <v>515.99</v>
      </c>
      <c r="I514" s="3">
        <v>101.59</v>
      </c>
      <c r="J514" s="3">
        <v>176.37</v>
      </c>
      <c r="K514" s="3">
        <v>198.27</v>
      </c>
      <c r="L514" s="3">
        <v>267.86</v>
      </c>
      <c r="M514" s="3">
        <v>592.16999999999996</v>
      </c>
      <c r="N514" s="3">
        <v>405.43</v>
      </c>
      <c r="O514" s="3">
        <v>942.64</v>
      </c>
      <c r="P514" s="3">
        <v>851.04</v>
      </c>
      <c r="Q514" s="3">
        <v>2286.13</v>
      </c>
      <c r="R514" s="3">
        <v>2286.13</v>
      </c>
      <c r="S514" s="3">
        <v>57.91</v>
      </c>
      <c r="T514" s="3">
        <v>0.02</v>
      </c>
      <c r="U514" s="3">
        <v>16.600000000000001</v>
      </c>
      <c r="V514" s="3">
        <v>0.23</v>
      </c>
      <c r="W514" s="3">
        <v>17.559999999999999</v>
      </c>
      <c r="X514" s="3">
        <v>-0.23</v>
      </c>
      <c r="Y514" s="3">
        <v>-0.12</v>
      </c>
      <c r="Z514" s="3">
        <v>1.2</v>
      </c>
      <c r="AA514" s="4">
        <f t="shared" si="72"/>
        <v>0</v>
      </c>
      <c r="AB514" s="4">
        <f t="shared" si="77"/>
        <v>1.6</v>
      </c>
      <c r="AC514" s="3">
        <f t="shared" si="74"/>
        <v>92.656000000000006</v>
      </c>
      <c r="AD514" s="4">
        <f t="shared" si="69"/>
        <v>0</v>
      </c>
      <c r="AE514" s="3">
        <f t="shared" si="75"/>
        <v>3.2000000000000001E-2</v>
      </c>
      <c r="AF514" s="4">
        <f t="shared" si="73"/>
        <v>0</v>
      </c>
      <c r="AG514" s="3">
        <f t="shared" si="70"/>
        <v>26.560000000000002</v>
      </c>
      <c r="AH514" s="4">
        <f t="shared" si="71"/>
        <v>0</v>
      </c>
      <c r="AI514" s="3">
        <f t="shared" si="76"/>
        <v>0.23</v>
      </c>
      <c r="AJ514" s="14"/>
      <c r="AK514" s="14"/>
      <c r="AO514" s="12">
        <v>30</v>
      </c>
      <c r="AP514" s="7"/>
      <c r="AQ514" s="7"/>
      <c r="AR514" s="13"/>
    </row>
    <row r="515" spans="1:44">
      <c r="A515" s="1" t="s">
        <v>52</v>
      </c>
      <c r="B515" s="2">
        <v>0.73966435185185186</v>
      </c>
      <c r="C515" s="3">
        <v>94.21</v>
      </c>
      <c r="D515" s="3">
        <v>359.67</v>
      </c>
      <c r="E515" s="3">
        <v>343.23</v>
      </c>
      <c r="F515" s="3">
        <v>494.15</v>
      </c>
      <c r="G515" s="3">
        <v>214.5</v>
      </c>
      <c r="H515" s="3">
        <v>514.76</v>
      </c>
      <c r="I515" s="3">
        <v>100.38</v>
      </c>
      <c r="J515" s="3">
        <v>174.79</v>
      </c>
      <c r="K515" s="3">
        <v>200.17</v>
      </c>
      <c r="L515" s="3">
        <v>285.48</v>
      </c>
      <c r="M515" s="3">
        <v>589.42999999999995</v>
      </c>
      <c r="N515" s="3">
        <v>401.7</v>
      </c>
      <c r="O515" s="3">
        <v>890.61</v>
      </c>
      <c r="P515" s="3">
        <v>856.15</v>
      </c>
      <c r="Q515" s="3">
        <v>2286.14</v>
      </c>
      <c r="R515" s="3">
        <v>2286.14</v>
      </c>
      <c r="S515" s="3">
        <v>59.9</v>
      </c>
      <c r="T515" s="3">
        <v>0.05</v>
      </c>
      <c r="U515" s="3">
        <v>15.61</v>
      </c>
      <c r="V515" s="3">
        <v>0.25</v>
      </c>
      <c r="W515" s="3">
        <v>16.87</v>
      </c>
      <c r="X515" s="3">
        <v>-0.22</v>
      </c>
      <c r="Y515" s="3">
        <v>-0.13</v>
      </c>
      <c r="Z515" s="3">
        <v>1.18</v>
      </c>
      <c r="AA515" s="4">
        <f t="shared" si="72"/>
        <v>0</v>
      </c>
      <c r="AB515" s="4">
        <f t="shared" si="77"/>
        <v>1.6</v>
      </c>
      <c r="AC515" s="3">
        <f t="shared" si="74"/>
        <v>95.84</v>
      </c>
      <c r="AD515" s="4">
        <f t="shared" si="69"/>
        <v>0</v>
      </c>
      <c r="AE515" s="3">
        <f t="shared" si="75"/>
        <v>8.0000000000000016E-2</v>
      </c>
      <c r="AF515" s="4">
        <f t="shared" si="73"/>
        <v>0</v>
      </c>
      <c r="AG515" s="3">
        <f t="shared" si="70"/>
        <v>24.975999999999999</v>
      </c>
      <c r="AH515" s="4">
        <f t="shared" si="71"/>
        <v>0</v>
      </c>
      <c r="AI515" s="3">
        <f t="shared" si="76"/>
        <v>0.25</v>
      </c>
      <c r="AJ515" s="14"/>
      <c r="AK515" s="14"/>
      <c r="AO515" s="12">
        <v>30</v>
      </c>
      <c r="AP515" s="7"/>
      <c r="AQ515" s="7"/>
      <c r="AR515" s="13"/>
    </row>
    <row r="516" spans="1:44">
      <c r="A516" s="1" t="s">
        <v>52</v>
      </c>
      <c r="B516" s="2">
        <v>0.7403587962962962</v>
      </c>
      <c r="C516" s="3">
        <v>93.72</v>
      </c>
      <c r="D516" s="3">
        <v>366.09</v>
      </c>
      <c r="E516" s="3">
        <v>343.44</v>
      </c>
      <c r="F516" s="3">
        <v>499.07</v>
      </c>
      <c r="G516" s="3">
        <v>211.42</v>
      </c>
      <c r="H516" s="3">
        <v>506.39</v>
      </c>
      <c r="I516" s="3">
        <v>99.54</v>
      </c>
      <c r="J516" s="3">
        <v>173.86</v>
      </c>
      <c r="K516" s="3">
        <v>203.1</v>
      </c>
      <c r="L516" s="3">
        <v>301.11</v>
      </c>
      <c r="M516" s="3">
        <v>585.64</v>
      </c>
      <c r="N516" s="3">
        <v>398.73</v>
      </c>
      <c r="O516" s="3">
        <v>862.97</v>
      </c>
      <c r="P516" s="3">
        <v>855.11</v>
      </c>
      <c r="Q516" s="3">
        <v>2286.15</v>
      </c>
      <c r="R516" s="3">
        <v>2286.15</v>
      </c>
      <c r="S516" s="3">
        <v>56.19</v>
      </c>
      <c r="T516" s="3">
        <v>-7.0000000000000007E-2</v>
      </c>
      <c r="U516" s="3">
        <v>17.23</v>
      </c>
      <c r="V516" s="3">
        <v>0.21</v>
      </c>
      <c r="W516" s="3">
        <v>11.42</v>
      </c>
      <c r="X516" s="3">
        <v>-0.23</v>
      </c>
      <c r="Y516" s="3">
        <v>-0.14000000000000001</v>
      </c>
      <c r="Z516" s="3">
        <v>0.86</v>
      </c>
      <c r="AA516" s="4">
        <f t="shared" si="72"/>
        <v>0</v>
      </c>
      <c r="AB516" s="4">
        <f t="shared" si="77"/>
        <v>1.6</v>
      </c>
      <c r="AC516" s="3">
        <f t="shared" si="74"/>
        <v>89.903999999999996</v>
      </c>
      <c r="AD516" s="4">
        <f t="shared" ref="AD516:AD579" si="78">AD515</f>
        <v>0</v>
      </c>
      <c r="AE516" s="3">
        <f t="shared" si="75"/>
        <v>-0.11200000000000002</v>
      </c>
      <c r="AF516" s="4">
        <f t="shared" si="73"/>
        <v>0</v>
      </c>
      <c r="AG516" s="3">
        <f t="shared" ref="AG516:AG579" si="79">U516*AB516+AF516</f>
        <v>27.568000000000001</v>
      </c>
      <c r="AH516" s="4">
        <f t="shared" ref="AH516:AH579" si="80">AH515</f>
        <v>0</v>
      </c>
      <c r="AI516" s="3">
        <f t="shared" si="76"/>
        <v>0.21</v>
      </c>
      <c r="AJ516" s="14"/>
      <c r="AK516" s="14"/>
      <c r="AO516" s="12">
        <v>30</v>
      </c>
      <c r="AP516" s="7"/>
      <c r="AQ516" s="7"/>
      <c r="AR516" s="13"/>
    </row>
    <row r="517" spans="1:44">
      <c r="A517" s="1" t="s">
        <v>52</v>
      </c>
      <c r="B517" s="2">
        <v>0.74105324074074075</v>
      </c>
      <c r="C517" s="3">
        <v>94.46</v>
      </c>
      <c r="D517" s="3">
        <v>381.39</v>
      </c>
      <c r="E517" s="3">
        <v>340.87</v>
      </c>
      <c r="F517" s="3">
        <v>498.66</v>
      </c>
      <c r="G517" s="3">
        <v>205.95</v>
      </c>
      <c r="H517" s="3">
        <v>496.54</v>
      </c>
      <c r="I517" s="3">
        <v>99.79</v>
      </c>
      <c r="J517" s="3">
        <v>181.13</v>
      </c>
      <c r="K517" s="3">
        <v>205.87</v>
      </c>
      <c r="L517" s="3">
        <v>306.41000000000003</v>
      </c>
      <c r="M517" s="3">
        <v>583.74</v>
      </c>
      <c r="N517" s="3">
        <v>406.75</v>
      </c>
      <c r="O517" s="3">
        <v>858.62</v>
      </c>
      <c r="P517" s="3">
        <v>850.94</v>
      </c>
      <c r="Q517" s="3">
        <v>2286.16</v>
      </c>
      <c r="R517" s="3">
        <v>2286.16</v>
      </c>
      <c r="S517" s="3">
        <v>54.5</v>
      </c>
      <c r="T517" s="3">
        <v>-0.06</v>
      </c>
      <c r="U517" s="3">
        <v>16.27</v>
      </c>
      <c r="V517" s="3">
        <v>0.2</v>
      </c>
      <c r="W517" s="3">
        <v>5.63</v>
      </c>
      <c r="X517" s="3">
        <v>-0.22</v>
      </c>
      <c r="Y517" s="3">
        <v>-0.15</v>
      </c>
      <c r="Z517" s="3">
        <v>0.38</v>
      </c>
      <c r="AA517" s="4">
        <f t="shared" ref="AA517:AA580" si="81">AA516</f>
        <v>0</v>
      </c>
      <c r="AB517" s="4">
        <f t="shared" si="77"/>
        <v>1.6</v>
      </c>
      <c r="AC517" s="3">
        <f t="shared" si="74"/>
        <v>87.2</v>
      </c>
      <c r="AD517" s="4">
        <f t="shared" si="78"/>
        <v>0</v>
      </c>
      <c r="AE517" s="3">
        <f t="shared" si="75"/>
        <v>-9.6000000000000002E-2</v>
      </c>
      <c r="AF517" s="4">
        <f t="shared" ref="AF517:AF580" si="82">AF516</f>
        <v>0</v>
      </c>
      <c r="AG517" s="3">
        <f t="shared" si="79"/>
        <v>26.032</v>
      </c>
      <c r="AH517" s="4">
        <f t="shared" si="80"/>
        <v>0</v>
      </c>
      <c r="AI517" s="3">
        <f t="shared" si="76"/>
        <v>0.2</v>
      </c>
      <c r="AJ517" s="14"/>
      <c r="AK517" s="14"/>
      <c r="AO517" s="12">
        <v>30</v>
      </c>
      <c r="AP517" s="7"/>
      <c r="AQ517" s="7"/>
      <c r="AR517" s="13"/>
    </row>
    <row r="518" spans="1:44">
      <c r="A518" s="1" t="s">
        <v>52</v>
      </c>
      <c r="B518" s="2">
        <v>0.74174768518518519</v>
      </c>
      <c r="C518" s="3">
        <v>97.75</v>
      </c>
      <c r="D518" s="3">
        <v>398.97</v>
      </c>
      <c r="E518" s="3">
        <v>338.8</v>
      </c>
      <c r="F518" s="3">
        <v>499.29</v>
      </c>
      <c r="G518" s="3">
        <v>204.04</v>
      </c>
      <c r="H518" s="3">
        <v>496.16</v>
      </c>
      <c r="I518" s="3">
        <v>101.63</v>
      </c>
      <c r="J518" s="3">
        <v>198.27</v>
      </c>
      <c r="K518" s="3">
        <v>208.7</v>
      </c>
      <c r="L518" s="3">
        <v>305.20999999999998</v>
      </c>
      <c r="M518" s="3">
        <v>585.86</v>
      </c>
      <c r="N518" s="3">
        <v>419.18</v>
      </c>
      <c r="O518" s="3">
        <v>853.72</v>
      </c>
      <c r="P518" s="3">
        <v>852.96</v>
      </c>
      <c r="Q518" s="3">
        <v>2286.17</v>
      </c>
      <c r="R518" s="3">
        <v>2286.17</v>
      </c>
      <c r="S518" s="3">
        <v>47.26</v>
      </c>
      <c r="T518" s="3">
        <v>0.01</v>
      </c>
      <c r="U518" s="3">
        <v>11.15</v>
      </c>
      <c r="V518" s="3">
        <v>0.24</v>
      </c>
      <c r="W518" s="3">
        <v>5.0999999999999996</v>
      </c>
      <c r="X518" s="3">
        <v>-0.24</v>
      </c>
      <c r="Y518" s="3">
        <v>-0.14000000000000001</v>
      </c>
      <c r="Z518" s="3">
        <v>0.28999999999999998</v>
      </c>
      <c r="AA518" s="4">
        <f t="shared" si="81"/>
        <v>0</v>
      </c>
      <c r="AB518" s="4">
        <f t="shared" si="77"/>
        <v>1.6</v>
      </c>
      <c r="AC518" s="3">
        <f t="shared" si="74"/>
        <v>75.616</v>
      </c>
      <c r="AD518" s="4">
        <f t="shared" si="78"/>
        <v>0</v>
      </c>
      <c r="AE518" s="3">
        <f t="shared" si="75"/>
        <v>1.6E-2</v>
      </c>
      <c r="AF518" s="4">
        <f t="shared" si="82"/>
        <v>0</v>
      </c>
      <c r="AG518" s="3">
        <f t="shared" si="79"/>
        <v>17.84</v>
      </c>
      <c r="AH518" s="4">
        <f t="shared" si="80"/>
        <v>0</v>
      </c>
      <c r="AI518" s="3">
        <f t="shared" si="76"/>
        <v>0.24</v>
      </c>
      <c r="AJ518" s="14"/>
      <c r="AK518" s="14"/>
      <c r="AO518" s="12">
        <v>30</v>
      </c>
      <c r="AP518" s="7"/>
      <c r="AQ518" s="7"/>
      <c r="AR518" s="13"/>
    </row>
    <row r="519" spans="1:44">
      <c r="A519" s="1" t="s">
        <v>52</v>
      </c>
      <c r="B519" s="2">
        <v>0.74244212962962963</v>
      </c>
      <c r="C519" s="3">
        <v>101.94</v>
      </c>
      <c r="D519" s="3">
        <v>412.55</v>
      </c>
      <c r="E519" s="3">
        <v>337.97</v>
      </c>
      <c r="F519" s="3">
        <v>499.68</v>
      </c>
      <c r="G519" s="3">
        <v>207.13</v>
      </c>
      <c r="H519" s="3">
        <v>510.48</v>
      </c>
      <c r="I519" s="3">
        <v>103.59</v>
      </c>
      <c r="J519" s="3">
        <v>210.35</v>
      </c>
      <c r="K519" s="3">
        <v>210.31</v>
      </c>
      <c r="L519" s="3">
        <v>301.83</v>
      </c>
      <c r="M519" s="3">
        <v>586.08000000000004</v>
      </c>
      <c r="N519" s="3">
        <v>421.49</v>
      </c>
      <c r="O519" s="3">
        <v>853.32</v>
      </c>
      <c r="P519" s="3">
        <v>856.59</v>
      </c>
      <c r="Q519" s="3">
        <v>2286.19</v>
      </c>
      <c r="R519" s="3">
        <v>2286.19</v>
      </c>
      <c r="S519" s="3">
        <v>45.73</v>
      </c>
      <c r="T519" s="3">
        <v>0.13</v>
      </c>
      <c r="U519" s="3">
        <v>5.96</v>
      </c>
      <c r="V519" s="3">
        <v>0.32</v>
      </c>
      <c r="W519" s="3">
        <v>5.54</v>
      </c>
      <c r="X519" s="3">
        <v>-0.22</v>
      </c>
      <c r="Y519" s="3">
        <v>-0.14000000000000001</v>
      </c>
      <c r="Z519" s="3">
        <v>0.28999999999999998</v>
      </c>
      <c r="AA519" s="4">
        <f t="shared" si="81"/>
        <v>0</v>
      </c>
      <c r="AB519" s="4">
        <f t="shared" si="77"/>
        <v>1.6</v>
      </c>
      <c r="AC519" s="3">
        <f t="shared" si="74"/>
        <v>73.167999999999992</v>
      </c>
      <c r="AD519" s="4">
        <f t="shared" si="78"/>
        <v>0</v>
      </c>
      <c r="AE519" s="3">
        <f t="shared" si="75"/>
        <v>0.20800000000000002</v>
      </c>
      <c r="AF519" s="4">
        <f t="shared" si="82"/>
        <v>0</v>
      </c>
      <c r="AG519" s="3">
        <f t="shared" si="79"/>
        <v>9.5359999999999996</v>
      </c>
      <c r="AH519" s="4">
        <f t="shared" si="80"/>
        <v>0</v>
      </c>
      <c r="AI519" s="3">
        <f t="shared" si="76"/>
        <v>0.32</v>
      </c>
      <c r="AJ519" s="14"/>
      <c r="AK519" s="14"/>
      <c r="AO519" s="12">
        <v>30</v>
      </c>
      <c r="AP519" s="7"/>
      <c r="AQ519" s="7"/>
      <c r="AR519" s="13"/>
    </row>
    <row r="520" spans="1:44">
      <c r="A520" s="1" t="s">
        <v>52</v>
      </c>
      <c r="B520" s="2">
        <v>0.74314814814814811</v>
      </c>
      <c r="C520" s="3">
        <v>106.72</v>
      </c>
      <c r="D520" s="3">
        <v>412.8</v>
      </c>
      <c r="E520" s="3">
        <v>342.63</v>
      </c>
      <c r="F520" s="3">
        <v>498.96</v>
      </c>
      <c r="G520" s="3">
        <v>213.58</v>
      </c>
      <c r="H520" s="3">
        <v>516.54</v>
      </c>
      <c r="I520" s="3">
        <v>105.35</v>
      </c>
      <c r="J520" s="3">
        <v>213.99</v>
      </c>
      <c r="K520" s="3">
        <v>211.32</v>
      </c>
      <c r="L520" s="3">
        <v>297.77999999999997</v>
      </c>
      <c r="M520" s="3">
        <v>585.74</v>
      </c>
      <c r="N520" s="3">
        <v>419.06</v>
      </c>
      <c r="O520" s="3">
        <v>858.43</v>
      </c>
      <c r="P520" s="3">
        <v>852.86</v>
      </c>
      <c r="Q520" s="3">
        <v>2286.19</v>
      </c>
      <c r="R520" s="3">
        <v>2286.19</v>
      </c>
      <c r="S520" s="3">
        <v>45.83</v>
      </c>
      <c r="T520" s="3">
        <v>0.1</v>
      </c>
      <c r="U520" s="3">
        <v>5.83</v>
      </c>
      <c r="V520" s="3">
        <v>0.26</v>
      </c>
      <c r="W520" s="3">
        <v>5.32</v>
      </c>
      <c r="X520" s="3">
        <v>-0.23</v>
      </c>
      <c r="Y520" s="3">
        <v>-0.14000000000000001</v>
      </c>
      <c r="Z520" s="3">
        <v>0.26</v>
      </c>
      <c r="AA520" s="4">
        <f t="shared" si="81"/>
        <v>0</v>
      </c>
      <c r="AB520" s="4">
        <f t="shared" si="77"/>
        <v>1.6</v>
      </c>
      <c r="AC520" s="3">
        <f t="shared" si="74"/>
        <v>73.328000000000003</v>
      </c>
      <c r="AD520" s="4">
        <f t="shared" si="78"/>
        <v>0</v>
      </c>
      <c r="AE520" s="3">
        <f t="shared" si="75"/>
        <v>0.16000000000000003</v>
      </c>
      <c r="AF520" s="4">
        <f t="shared" si="82"/>
        <v>0</v>
      </c>
      <c r="AG520" s="3">
        <f t="shared" si="79"/>
        <v>9.3280000000000012</v>
      </c>
      <c r="AH520" s="4">
        <f t="shared" si="80"/>
        <v>0</v>
      </c>
      <c r="AI520" s="3">
        <f t="shared" si="76"/>
        <v>0.26</v>
      </c>
      <c r="AJ520" s="14"/>
      <c r="AK520" s="14"/>
      <c r="AO520" s="12">
        <v>30</v>
      </c>
      <c r="AP520" s="7"/>
      <c r="AQ520" s="7"/>
      <c r="AR520" s="13"/>
    </row>
    <row r="521" spans="1:44">
      <c r="A521" s="1" t="s">
        <v>52</v>
      </c>
      <c r="B521" s="2">
        <v>0.74384259259259267</v>
      </c>
      <c r="C521" s="3">
        <v>108.23</v>
      </c>
      <c r="D521" s="3">
        <v>405.56</v>
      </c>
      <c r="E521" s="3">
        <v>345.82</v>
      </c>
      <c r="F521" s="3">
        <v>490.57</v>
      </c>
      <c r="G521" s="3">
        <v>216.62</v>
      </c>
      <c r="H521" s="3">
        <v>510.83</v>
      </c>
      <c r="I521" s="3">
        <v>106.83</v>
      </c>
      <c r="J521" s="3">
        <v>213.6</v>
      </c>
      <c r="K521" s="3">
        <v>211.8</v>
      </c>
      <c r="L521" s="3">
        <v>293.62</v>
      </c>
      <c r="M521" s="3">
        <v>587</v>
      </c>
      <c r="N521" s="3">
        <v>415.27</v>
      </c>
      <c r="O521" s="3">
        <v>874.07</v>
      </c>
      <c r="P521" s="3">
        <v>847.92</v>
      </c>
      <c r="Q521" s="3">
        <v>2286.2199999999998</v>
      </c>
      <c r="R521" s="3">
        <v>2286.2199999999998</v>
      </c>
      <c r="S521" s="3">
        <v>43.71</v>
      </c>
      <c r="T521" s="3">
        <v>0.26</v>
      </c>
      <c r="U521" s="3">
        <v>4.17</v>
      </c>
      <c r="V521" s="3">
        <v>0.42</v>
      </c>
      <c r="W521" s="3">
        <v>2.15</v>
      </c>
      <c r="X521" s="3">
        <v>-0.22</v>
      </c>
      <c r="Y521" s="3">
        <v>-0.15</v>
      </c>
      <c r="Z521" s="3">
        <v>0.1</v>
      </c>
      <c r="AA521" s="4">
        <f t="shared" si="81"/>
        <v>0</v>
      </c>
      <c r="AB521" s="4">
        <f t="shared" si="77"/>
        <v>1.6</v>
      </c>
      <c r="AC521" s="3">
        <f t="shared" si="74"/>
        <v>69.936000000000007</v>
      </c>
      <c r="AD521" s="4">
        <f t="shared" si="78"/>
        <v>0</v>
      </c>
      <c r="AE521" s="3">
        <f t="shared" si="75"/>
        <v>0.41600000000000004</v>
      </c>
      <c r="AF521" s="4">
        <f t="shared" si="82"/>
        <v>0</v>
      </c>
      <c r="AG521" s="3">
        <f t="shared" si="79"/>
        <v>6.6720000000000006</v>
      </c>
      <c r="AH521" s="4">
        <f t="shared" si="80"/>
        <v>0</v>
      </c>
      <c r="AI521" s="3">
        <f t="shared" si="76"/>
        <v>0.42</v>
      </c>
      <c r="AJ521" s="14"/>
      <c r="AK521" s="14"/>
      <c r="AP521" s="7"/>
      <c r="AQ521" s="7"/>
      <c r="AR521" s="13"/>
    </row>
    <row r="522" spans="1:44">
      <c r="A522" s="1" t="s">
        <v>52</v>
      </c>
      <c r="B522" s="2">
        <v>0.74453703703703711</v>
      </c>
      <c r="C522" s="3">
        <v>107.57</v>
      </c>
      <c r="D522" s="3">
        <v>396.41</v>
      </c>
      <c r="E522" s="3">
        <v>345.6</v>
      </c>
      <c r="F522" s="3">
        <v>461.55</v>
      </c>
      <c r="G522" s="3">
        <v>216.67</v>
      </c>
      <c r="H522" s="3">
        <v>501.41</v>
      </c>
      <c r="I522" s="3">
        <v>107.86</v>
      </c>
      <c r="J522" s="3">
        <v>211.57</v>
      </c>
      <c r="K522" s="3">
        <v>211.84</v>
      </c>
      <c r="L522" s="3">
        <v>289.58</v>
      </c>
      <c r="M522" s="3">
        <v>587</v>
      </c>
      <c r="N522" s="3">
        <v>411.16</v>
      </c>
      <c r="O522" s="3">
        <v>895.79</v>
      </c>
      <c r="P522" s="3">
        <v>843.33</v>
      </c>
      <c r="Q522" s="3">
        <v>2286.23</v>
      </c>
      <c r="R522" s="3">
        <v>2286.23</v>
      </c>
      <c r="S522" s="3">
        <v>38.44</v>
      </c>
      <c r="T522" s="3">
        <v>0.34</v>
      </c>
      <c r="U522" s="3">
        <v>3.1</v>
      </c>
      <c r="V522" s="3">
        <v>0.55000000000000004</v>
      </c>
      <c r="W522" s="3">
        <v>1.39</v>
      </c>
      <c r="X522" s="3">
        <v>-0.21</v>
      </c>
      <c r="Y522" s="3">
        <v>-0.15</v>
      </c>
      <c r="Z522" s="3">
        <v>0.03</v>
      </c>
      <c r="AA522" s="4">
        <f t="shared" si="81"/>
        <v>0</v>
      </c>
      <c r="AB522" s="4">
        <f t="shared" si="77"/>
        <v>1.6</v>
      </c>
      <c r="AC522" s="3">
        <f t="shared" si="74"/>
        <v>61.503999999999998</v>
      </c>
      <c r="AD522" s="4">
        <f t="shared" si="78"/>
        <v>0</v>
      </c>
      <c r="AE522" s="3">
        <f t="shared" si="75"/>
        <v>0.54400000000000004</v>
      </c>
      <c r="AF522" s="4">
        <f t="shared" si="82"/>
        <v>0</v>
      </c>
      <c r="AG522" s="3">
        <f t="shared" si="79"/>
        <v>4.9600000000000009</v>
      </c>
      <c r="AH522" s="4">
        <f t="shared" si="80"/>
        <v>0</v>
      </c>
      <c r="AI522" s="3">
        <f t="shared" si="76"/>
        <v>0.55000000000000004</v>
      </c>
      <c r="AJ522" s="14"/>
      <c r="AK522" s="14"/>
      <c r="AP522" s="7"/>
      <c r="AQ522" s="7"/>
      <c r="AR522" s="13"/>
    </row>
    <row r="523" spans="1:44">
      <c r="A523" s="1" t="s">
        <v>52</v>
      </c>
      <c r="B523" s="2">
        <v>0.74523148148148144</v>
      </c>
      <c r="C523" s="3">
        <v>105.55</v>
      </c>
      <c r="D523" s="3">
        <v>387.12</v>
      </c>
      <c r="E523" s="3">
        <v>342.15</v>
      </c>
      <c r="F523" s="3">
        <v>436.71</v>
      </c>
      <c r="G523" s="3">
        <v>214.73</v>
      </c>
      <c r="H523" s="3">
        <v>491.32</v>
      </c>
      <c r="I523" s="3">
        <v>108.58</v>
      </c>
      <c r="J523" s="3">
        <v>208.9</v>
      </c>
      <c r="K523" s="3">
        <v>211.55</v>
      </c>
      <c r="L523" s="3">
        <v>285.72000000000003</v>
      </c>
      <c r="M523" s="3">
        <v>587.66999999999996</v>
      </c>
      <c r="N523" s="3">
        <v>407.11</v>
      </c>
      <c r="O523" s="3">
        <v>916.97</v>
      </c>
      <c r="P523" s="3">
        <v>839.77</v>
      </c>
      <c r="Q523" s="3">
        <v>2286.2399999999998</v>
      </c>
      <c r="R523" s="3">
        <v>2286.2399999999998</v>
      </c>
      <c r="S523" s="3">
        <v>29.06</v>
      </c>
      <c r="T523" s="3">
        <v>0.04</v>
      </c>
      <c r="U523" s="3">
        <v>4.92</v>
      </c>
      <c r="V523" s="3">
        <v>0.28000000000000003</v>
      </c>
      <c r="W523" s="3">
        <v>1.28</v>
      </c>
      <c r="X523" s="3">
        <v>-0.23</v>
      </c>
      <c r="Y523" s="3">
        <v>-0.15</v>
      </c>
      <c r="Z523" s="3">
        <v>0.02</v>
      </c>
      <c r="AA523" s="4">
        <f t="shared" si="81"/>
        <v>0</v>
      </c>
      <c r="AB523" s="4">
        <f t="shared" si="77"/>
        <v>1.6</v>
      </c>
      <c r="AC523" s="3">
        <f t="shared" si="74"/>
        <v>46.496000000000002</v>
      </c>
      <c r="AD523" s="4">
        <f t="shared" si="78"/>
        <v>0</v>
      </c>
      <c r="AE523" s="3">
        <f t="shared" si="75"/>
        <v>6.4000000000000001E-2</v>
      </c>
      <c r="AF523" s="4">
        <f t="shared" si="82"/>
        <v>0</v>
      </c>
      <c r="AG523" s="3">
        <f t="shared" si="79"/>
        <v>7.8719999999999999</v>
      </c>
      <c r="AH523" s="4">
        <f t="shared" si="80"/>
        <v>0</v>
      </c>
      <c r="AI523" s="3">
        <f t="shared" si="76"/>
        <v>0.28000000000000003</v>
      </c>
      <c r="AJ523" s="14"/>
      <c r="AK523" s="14"/>
      <c r="AP523" s="7"/>
      <c r="AQ523" s="7"/>
      <c r="AR523" s="13"/>
    </row>
    <row r="524" spans="1:44">
      <c r="A524" s="1" t="s">
        <v>52</v>
      </c>
      <c r="B524" s="2">
        <v>0.74592592592592588</v>
      </c>
      <c r="C524" s="3">
        <v>103.75</v>
      </c>
      <c r="D524" s="3">
        <v>378.2</v>
      </c>
      <c r="E524" s="3">
        <v>338.06</v>
      </c>
      <c r="F524" s="3">
        <v>416.74</v>
      </c>
      <c r="G524" s="3">
        <v>212.67</v>
      </c>
      <c r="H524" s="3">
        <v>481.36</v>
      </c>
      <c r="I524" s="3">
        <v>108.9</v>
      </c>
      <c r="J524" s="3">
        <v>206.07</v>
      </c>
      <c r="K524" s="3">
        <v>211.41</v>
      </c>
      <c r="L524" s="3">
        <v>282.06</v>
      </c>
      <c r="M524" s="3">
        <v>592.98</v>
      </c>
      <c r="N524" s="3">
        <v>403.26</v>
      </c>
      <c r="O524" s="3">
        <v>888.44</v>
      </c>
      <c r="P524" s="3">
        <v>837.29</v>
      </c>
      <c r="Q524" s="3">
        <v>2286.2600000000002</v>
      </c>
      <c r="R524" s="3">
        <v>2286.2600000000002</v>
      </c>
      <c r="S524" s="3">
        <v>20.41</v>
      </c>
      <c r="T524" s="3">
        <v>-0.08</v>
      </c>
      <c r="U524" s="3">
        <v>11.46</v>
      </c>
      <c r="V524" s="3">
        <v>0.18</v>
      </c>
      <c r="W524" s="3">
        <v>1.23</v>
      </c>
      <c r="X524" s="3">
        <v>-0.22</v>
      </c>
      <c r="Y524" s="3">
        <v>-0.15</v>
      </c>
      <c r="Z524" s="3">
        <v>0</v>
      </c>
      <c r="AA524" s="4">
        <f t="shared" si="81"/>
        <v>0</v>
      </c>
      <c r="AB524" s="4">
        <f t="shared" si="77"/>
        <v>1.6</v>
      </c>
      <c r="AC524" s="3">
        <f t="shared" si="74"/>
        <v>32.655999999999999</v>
      </c>
      <c r="AD524" s="4">
        <f t="shared" si="78"/>
        <v>0</v>
      </c>
      <c r="AE524" s="3">
        <f t="shared" si="75"/>
        <v>-0.128</v>
      </c>
      <c r="AF524" s="4">
        <f t="shared" si="82"/>
        <v>0</v>
      </c>
      <c r="AG524" s="3">
        <f t="shared" si="79"/>
        <v>18.336000000000002</v>
      </c>
      <c r="AH524" s="4">
        <f t="shared" si="80"/>
        <v>0</v>
      </c>
      <c r="AI524" s="3">
        <f t="shared" si="76"/>
        <v>0.18</v>
      </c>
      <c r="AJ524" s="14"/>
      <c r="AK524" s="14"/>
      <c r="AP524" s="7"/>
      <c r="AQ524" s="7"/>
      <c r="AR524" s="13"/>
    </row>
    <row r="525" spans="1:44">
      <c r="A525" s="1" t="s">
        <v>52</v>
      </c>
      <c r="B525" s="2">
        <v>0.74662037037037043</v>
      </c>
      <c r="C525" s="3">
        <v>101.59</v>
      </c>
      <c r="D525" s="3">
        <v>369.81</v>
      </c>
      <c r="E525" s="3">
        <v>332.78</v>
      </c>
      <c r="F525" s="3">
        <v>400.05</v>
      </c>
      <c r="G525" s="3">
        <v>209.89</v>
      </c>
      <c r="H525" s="3">
        <v>471.87</v>
      </c>
      <c r="I525" s="3">
        <v>109.15</v>
      </c>
      <c r="J525" s="3">
        <v>203.21</v>
      </c>
      <c r="K525" s="3">
        <v>210.86</v>
      </c>
      <c r="L525" s="3">
        <v>278.60000000000002</v>
      </c>
      <c r="M525" s="3">
        <v>593.19000000000005</v>
      </c>
      <c r="N525" s="3">
        <v>399.56</v>
      </c>
      <c r="O525" s="3">
        <v>832.74</v>
      </c>
      <c r="P525" s="3">
        <v>834.61</v>
      </c>
      <c r="Q525" s="3">
        <v>2286.2600000000002</v>
      </c>
      <c r="R525" s="3">
        <v>2286.2600000000002</v>
      </c>
      <c r="S525" s="3">
        <v>4.5599999999999996</v>
      </c>
      <c r="T525" s="3">
        <v>-0.11</v>
      </c>
      <c r="U525" s="3">
        <v>5.13</v>
      </c>
      <c r="V525" s="3">
        <v>0.15</v>
      </c>
      <c r="W525" s="3">
        <v>1.31</v>
      </c>
      <c r="X525" s="3">
        <v>-0.21</v>
      </c>
      <c r="Y525" s="3">
        <v>-0.15</v>
      </c>
      <c r="Z525" s="3">
        <v>0</v>
      </c>
      <c r="AA525" s="4">
        <f t="shared" si="81"/>
        <v>0</v>
      </c>
      <c r="AB525" s="4">
        <f t="shared" si="77"/>
        <v>1.6</v>
      </c>
      <c r="AC525" s="3">
        <f t="shared" si="74"/>
        <v>7.2959999999999994</v>
      </c>
      <c r="AD525" s="4">
        <f t="shared" si="78"/>
        <v>0</v>
      </c>
      <c r="AE525" s="3">
        <f t="shared" si="75"/>
        <v>-0.17600000000000002</v>
      </c>
      <c r="AF525" s="4">
        <f t="shared" si="82"/>
        <v>0</v>
      </c>
      <c r="AG525" s="3">
        <f t="shared" si="79"/>
        <v>8.2080000000000002</v>
      </c>
      <c r="AH525" s="4">
        <f t="shared" si="80"/>
        <v>0</v>
      </c>
      <c r="AI525" s="3">
        <f t="shared" si="76"/>
        <v>0.15</v>
      </c>
      <c r="AJ525" s="14"/>
      <c r="AK525" s="14"/>
      <c r="AP525" s="7"/>
      <c r="AQ525" s="7"/>
      <c r="AR525" s="13"/>
    </row>
    <row r="526" spans="1:44">
      <c r="A526" s="1" t="s">
        <v>52</v>
      </c>
      <c r="B526" s="2">
        <v>0.74732638888888892</v>
      </c>
      <c r="C526" s="3">
        <v>101.1</v>
      </c>
      <c r="D526" s="3">
        <v>361.99</v>
      </c>
      <c r="E526" s="3">
        <v>330.48</v>
      </c>
      <c r="F526" s="3">
        <v>385.65</v>
      </c>
      <c r="G526" s="3">
        <v>209.13</v>
      </c>
      <c r="H526" s="3">
        <v>462.93</v>
      </c>
      <c r="I526" s="3">
        <v>108.74</v>
      </c>
      <c r="J526" s="3">
        <v>200.4</v>
      </c>
      <c r="K526" s="3">
        <v>208.98</v>
      </c>
      <c r="L526" s="3">
        <v>275.36</v>
      </c>
      <c r="M526" s="3">
        <v>585.79999999999995</v>
      </c>
      <c r="N526" s="3">
        <v>396.08</v>
      </c>
      <c r="O526" s="3">
        <v>801.23</v>
      </c>
      <c r="P526" s="3">
        <v>830.65</v>
      </c>
      <c r="Q526" s="3">
        <v>2286.29</v>
      </c>
      <c r="R526" s="3">
        <v>2286.29</v>
      </c>
      <c r="S526" s="3">
        <v>2.61</v>
      </c>
      <c r="T526" s="3">
        <v>-0.08</v>
      </c>
      <c r="U526" s="3">
        <v>0.05</v>
      </c>
      <c r="V526" s="3">
        <v>0.16</v>
      </c>
      <c r="W526" s="3">
        <v>1.36</v>
      </c>
      <c r="X526" s="3">
        <v>-0.21</v>
      </c>
      <c r="Y526" s="3">
        <v>-0.15</v>
      </c>
      <c r="Z526" s="3">
        <v>0.01</v>
      </c>
      <c r="AA526" s="4">
        <f t="shared" si="81"/>
        <v>0</v>
      </c>
      <c r="AB526" s="4">
        <f t="shared" si="77"/>
        <v>1.6</v>
      </c>
      <c r="AC526" s="3">
        <f t="shared" si="74"/>
        <v>4.1760000000000002</v>
      </c>
      <c r="AD526" s="4">
        <f t="shared" si="78"/>
        <v>0</v>
      </c>
      <c r="AE526" s="3">
        <f t="shared" si="75"/>
        <v>-0.128</v>
      </c>
      <c r="AF526" s="4">
        <f t="shared" si="82"/>
        <v>0</v>
      </c>
      <c r="AG526" s="3">
        <f t="shared" si="79"/>
        <v>8.0000000000000016E-2</v>
      </c>
      <c r="AH526" s="4">
        <f t="shared" si="80"/>
        <v>0</v>
      </c>
      <c r="AI526" s="3">
        <f t="shared" si="76"/>
        <v>0.16</v>
      </c>
      <c r="AJ526" s="14"/>
      <c r="AK526" s="14"/>
      <c r="AP526" s="7"/>
      <c r="AQ526" s="7"/>
      <c r="AR526" s="13"/>
    </row>
    <row r="527" spans="1:44">
      <c r="A527" s="1" t="s">
        <v>52</v>
      </c>
      <c r="B527" s="2">
        <v>0.74802083333333336</v>
      </c>
      <c r="C527" s="3">
        <v>102.42</v>
      </c>
      <c r="D527" s="3">
        <v>354.68</v>
      </c>
      <c r="E527" s="3">
        <v>331.18</v>
      </c>
      <c r="F527" s="3">
        <v>373.65</v>
      </c>
      <c r="G527" s="3">
        <v>211.01</v>
      </c>
      <c r="H527" s="3">
        <v>454.55</v>
      </c>
      <c r="I527" s="3">
        <v>107.64</v>
      </c>
      <c r="J527" s="3">
        <v>197.68</v>
      </c>
      <c r="K527" s="3">
        <v>206.05</v>
      </c>
      <c r="L527" s="3">
        <v>272.27999999999997</v>
      </c>
      <c r="M527" s="3">
        <v>577.9</v>
      </c>
      <c r="N527" s="3">
        <v>392.76</v>
      </c>
      <c r="O527" s="3">
        <v>789.25</v>
      </c>
      <c r="P527" s="3">
        <v>825.35</v>
      </c>
      <c r="Q527" s="3">
        <v>2286.3000000000002</v>
      </c>
      <c r="R527" s="3">
        <v>2286.3000000000002</v>
      </c>
      <c r="S527" s="3">
        <v>1.93</v>
      </c>
      <c r="T527" s="3">
        <v>-0.08</v>
      </c>
      <c r="U527" s="3">
        <v>-0.05</v>
      </c>
      <c r="V527" s="3">
        <v>0.19</v>
      </c>
      <c r="W527" s="3">
        <v>1.34</v>
      </c>
      <c r="X527" s="3">
        <v>-0.19</v>
      </c>
      <c r="Y527" s="3">
        <v>-0.15</v>
      </c>
      <c r="Z527" s="3">
        <v>0.02</v>
      </c>
      <c r="AA527" s="4">
        <f t="shared" si="81"/>
        <v>0</v>
      </c>
      <c r="AB527" s="4">
        <f t="shared" si="77"/>
        <v>1.6</v>
      </c>
      <c r="AC527" s="3">
        <f t="shared" si="74"/>
        <v>3.0880000000000001</v>
      </c>
      <c r="AD527" s="4">
        <f t="shared" si="78"/>
        <v>0</v>
      </c>
      <c r="AE527" s="3">
        <f t="shared" si="75"/>
        <v>-0.128</v>
      </c>
      <c r="AF527" s="4">
        <f t="shared" si="82"/>
        <v>0</v>
      </c>
      <c r="AG527" s="3">
        <f t="shared" si="79"/>
        <v>-8.0000000000000016E-2</v>
      </c>
      <c r="AH527" s="4">
        <f t="shared" si="80"/>
        <v>0</v>
      </c>
      <c r="AI527" s="3">
        <f t="shared" si="76"/>
        <v>0.19</v>
      </c>
      <c r="AJ527" s="14"/>
      <c r="AK527" s="14"/>
      <c r="AP527" s="7"/>
      <c r="AQ527" s="7"/>
      <c r="AR527" s="13"/>
    </row>
    <row r="528" spans="1:44">
      <c r="A528" s="1" t="s">
        <v>52</v>
      </c>
      <c r="B528" s="2">
        <v>0.7487152777777778</v>
      </c>
      <c r="C528" s="3">
        <v>102.32</v>
      </c>
      <c r="D528" s="3">
        <v>347.89</v>
      </c>
      <c r="E528" s="3">
        <v>328.17</v>
      </c>
      <c r="F528" s="3">
        <v>363.4</v>
      </c>
      <c r="G528" s="3">
        <v>210.83</v>
      </c>
      <c r="H528" s="3">
        <v>446.81</v>
      </c>
      <c r="I528" s="3">
        <v>106.43</v>
      </c>
      <c r="J528" s="3">
        <v>195.1</v>
      </c>
      <c r="K528" s="3">
        <v>203.95</v>
      </c>
      <c r="L528" s="3">
        <v>269.3</v>
      </c>
      <c r="M528" s="3">
        <v>571.91</v>
      </c>
      <c r="N528" s="3">
        <v>389.5</v>
      </c>
      <c r="O528" s="3">
        <v>781.21</v>
      </c>
      <c r="P528" s="3">
        <v>819.21</v>
      </c>
      <c r="Q528" s="3">
        <v>2286.3200000000002</v>
      </c>
      <c r="R528" s="3">
        <v>2286.3200000000002</v>
      </c>
      <c r="S528" s="3">
        <v>1.57</v>
      </c>
      <c r="T528" s="3">
        <v>-7.0000000000000007E-2</v>
      </c>
      <c r="U528" s="3">
        <v>-0.05</v>
      </c>
      <c r="V528" s="3">
        <v>0.19</v>
      </c>
      <c r="W528" s="3">
        <v>1.34</v>
      </c>
      <c r="X528" s="3">
        <v>-0.21</v>
      </c>
      <c r="Y528" s="3">
        <v>-0.16</v>
      </c>
      <c r="Z528" s="3">
        <v>0.02</v>
      </c>
      <c r="AA528" s="4">
        <f t="shared" si="81"/>
        <v>0</v>
      </c>
      <c r="AB528" s="4">
        <f t="shared" si="77"/>
        <v>1.6</v>
      </c>
      <c r="AC528" s="3">
        <f t="shared" si="74"/>
        <v>2.5120000000000005</v>
      </c>
      <c r="AD528" s="4">
        <f t="shared" si="78"/>
        <v>0</v>
      </c>
      <c r="AE528" s="3">
        <f t="shared" si="75"/>
        <v>-0.11200000000000002</v>
      </c>
      <c r="AF528" s="4">
        <f t="shared" si="82"/>
        <v>0</v>
      </c>
      <c r="AG528" s="3">
        <f t="shared" si="79"/>
        <v>-8.0000000000000016E-2</v>
      </c>
      <c r="AH528" s="4">
        <f t="shared" si="80"/>
        <v>0</v>
      </c>
      <c r="AI528" s="3">
        <f t="shared" si="76"/>
        <v>0.19</v>
      </c>
      <c r="AJ528" s="14"/>
      <c r="AK528" s="14"/>
      <c r="AP528" s="7"/>
      <c r="AQ528" s="7"/>
      <c r="AR528" s="13"/>
    </row>
    <row r="529" spans="1:44">
      <c r="A529" s="1" t="s">
        <v>52</v>
      </c>
      <c r="B529" s="2">
        <v>0.74940972222222213</v>
      </c>
      <c r="C529" s="3">
        <v>101.74</v>
      </c>
      <c r="D529" s="3">
        <v>341.58</v>
      </c>
      <c r="E529" s="3">
        <v>324.82</v>
      </c>
      <c r="F529" s="3">
        <v>354.31</v>
      </c>
      <c r="G529" s="3">
        <v>209.93</v>
      </c>
      <c r="H529" s="3">
        <v>439.63</v>
      </c>
      <c r="I529" s="3">
        <v>105.05</v>
      </c>
      <c r="J529" s="3">
        <v>192.64</v>
      </c>
      <c r="K529" s="3">
        <v>201.81</v>
      </c>
      <c r="L529" s="3">
        <v>266.42</v>
      </c>
      <c r="M529" s="3">
        <v>567.42999999999995</v>
      </c>
      <c r="N529" s="3">
        <v>386.3</v>
      </c>
      <c r="O529" s="3">
        <v>771.85</v>
      </c>
      <c r="P529" s="3">
        <v>812.75</v>
      </c>
      <c r="Q529" s="3">
        <v>2286.33</v>
      </c>
      <c r="R529" s="3">
        <v>2286.33</v>
      </c>
      <c r="S529" s="3">
        <v>1.26</v>
      </c>
      <c r="T529" s="3">
        <v>-0.08</v>
      </c>
      <c r="U529" s="3">
        <v>-0.06</v>
      </c>
      <c r="V529" s="3">
        <v>0.2</v>
      </c>
      <c r="W529" s="3">
        <v>1.36</v>
      </c>
      <c r="X529" s="3">
        <v>-0.21</v>
      </c>
      <c r="Y529" s="3">
        <v>-0.17</v>
      </c>
      <c r="Z529" s="3">
        <v>0.02</v>
      </c>
      <c r="AA529" s="4">
        <f t="shared" si="81"/>
        <v>0</v>
      </c>
      <c r="AB529" s="4">
        <f t="shared" si="77"/>
        <v>1.6</v>
      </c>
      <c r="AC529" s="3">
        <f t="shared" si="74"/>
        <v>2.016</v>
      </c>
      <c r="AD529" s="4">
        <f t="shared" si="78"/>
        <v>0</v>
      </c>
      <c r="AE529" s="3">
        <f t="shared" si="75"/>
        <v>-0.128</v>
      </c>
      <c r="AF529" s="4">
        <f t="shared" si="82"/>
        <v>0</v>
      </c>
      <c r="AG529" s="3">
        <f t="shared" si="79"/>
        <v>-9.6000000000000002E-2</v>
      </c>
      <c r="AH529" s="4">
        <f t="shared" si="80"/>
        <v>0</v>
      </c>
      <c r="AI529" s="3">
        <f t="shared" si="76"/>
        <v>0.2</v>
      </c>
      <c r="AJ529" s="14"/>
      <c r="AK529" s="14"/>
      <c r="AP529" s="7"/>
      <c r="AQ529" s="7"/>
      <c r="AR529" s="13"/>
    </row>
    <row r="530" spans="1:44">
      <c r="A530" s="1" t="s">
        <v>52</v>
      </c>
      <c r="B530" s="2">
        <v>0.75010416666666668</v>
      </c>
      <c r="C530" s="3">
        <v>100.7</v>
      </c>
      <c r="D530" s="3">
        <v>335.68</v>
      </c>
      <c r="E530" s="3">
        <v>320.60000000000002</v>
      </c>
      <c r="F530" s="3">
        <v>346.05</v>
      </c>
      <c r="G530" s="3">
        <v>208.5</v>
      </c>
      <c r="H530" s="3">
        <v>432.92</v>
      </c>
      <c r="I530" s="3">
        <v>103.6</v>
      </c>
      <c r="J530" s="3">
        <v>190.29</v>
      </c>
      <c r="K530" s="3">
        <v>199.68</v>
      </c>
      <c r="L530" s="3">
        <v>263.60000000000002</v>
      </c>
      <c r="M530" s="3">
        <v>562.38</v>
      </c>
      <c r="N530" s="3">
        <v>383.13</v>
      </c>
      <c r="O530" s="3">
        <v>762.23</v>
      </c>
      <c r="P530" s="3">
        <v>806.26</v>
      </c>
      <c r="Q530" s="3">
        <v>2286.35</v>
      </c>
      <c r="R530" s="3">
        <v>2286.35</v>
      </c>
      <c r="S530" s="3">
        <v>1.01</v>
      </c>
      <c r="T530" s="3">
        <v>-0.09</v>
      </c>
      <c r="U530" s="3">
        <v>-7.0000000000000007E-2</v>
      </c>
      <c r="V530" s="3">
        <v>0.19</v>
      </c>
      <c r="W530" s="3">
        <v>1.33</v>
      </c>
      <c r="X530" s="3">
        <v>-0.2</v>
      </c>
      <c r="Y530" s="3">
        <v>-0.17</v>
      </c>
      <c r="Z530" s="3">
        <v>0</v>
      </c>
      <c r="AA530" s="4">
        <f t="shared" si="81"/>
        <v>0</v>
      </c>
      <c r="AB530" s="4">
        <f t="shared" si="77"/>
        <v>1.6</v>
      </c>
      <c r="AC530" s="3">
        <f t="shared" si="74"/>
        <v>1.6160000000000001</v>
      </c>
      <c r="AD530" s="4">
        <f t="shared" si="78"/>
        <v>0</v>
      </c>
      <c r="AE530" s="3">
        <f t="shared" si="75"/>
        <v>-0.14399999999999999</v>
      </c>
      <c r="AF530" s="4">
        <f t="shared" si="82"/>
        <v>0</v>
      </c>
      <c r="AG530" s="3">
        <f t="shared" si="79"/>
        <v>-0.11200000000000002</v>
      </c>
      <c r="AH530" s="4">
        <f t="shared" si="80"/>
        <v>0</v>
      </c>
      <c r="AI530" s="3">
        <f t="shared" si="76"/>
        <v>0.19</v>
      </c>
      <c r="AJ530" s="14"/>
      <c r="AK530" s="14"/>
      <c r="AP530" s="7"/>
      <c r="AQ530" s="7"/>
      <c r="AR530" s="13"/>
    </row>
    <row r="531" spans="1:44">
      <c r="A531" s="1" t="s">
        <v>52</v>
      </c>
      <c r="B531" s="2">
        <v>0.75079861111111112</v>
      </c>
      <c r="C531" s="3">
        <v>100.13</v>
      </c>
      <c r="D531" s="3">
        <v>330.15</v>
      </c>
      <c r="E531" s="3">
        <v>318.02</v>
      </c>
      <c r="F531" s="3">
        <v>338.47</v>
      </c>
      <c r="G531" s="3">
        <v>207.35</v>
      </c>
      <c r="H531" s="3">
        <v>426.61</v>
      </c>
      <c r="I531" s="3">
        <v>102.04</v>
      </c>
      <c r="J531" s="3">
        <v>188.04</v>
      </c>
      <c r="K531" s="3">
        <v>197.53</v>
      </c>
      <c r="L531" s="3">
        <v>260.87</v>
      </c>
      <c r="M531" s="3">
        <v>558.5</v>
      </c>
      <c r="N531" s="3">
        <v>380.02</v>
      </c>
      <c r="O531" s="3">
        <v>753.07</v>
      </c>
      <c r="P531" s="3">
        <v>799.84</v>
      </c>
      <c r="Q531" s="3">
        <v>2286.37</v>
      </c>
      <c r="R531" s="3">
        <v>2286.37</v>
      </c>
      <c r="S531" s="3">
        <v>0.84</v>
      </c>
      <c r="T531" s="3">
        <v>-0.09</v>
      </c>
      <c r="U531" s="3">
        <v>-0.09</v>
      </c>
      <c r="V531" s="3">
        <v>0.18</v>
      </c>
      <c r="W531" s="3">
        <v>1.32</v>
      </c>
      <c r="X531" s="3">
        <v>-0.23</v>
      </c>
      <c r="Y531" s="3">
        <v>-0.17</v>
      </c>
      <c r="Z531" s="3">
        <v>0.03</v>
      </c>
      <c r="AA531" s="4">
        <f t="shared" si="81"/>
        <v>0</v>
      </c>
      <c r="AB531" s="4">
        <f t="shared" si="77"/>
        <v>1.6</v>
      </c>
      <c r="AC531" s="3">
        <f t="shared" si="74"/>
        <v>1.3440000000000001</v>
      </c>
      <c r="AD531" s="4">
        <f t="shared" si="78"/>
        <v>0</v>
      </c>
      <c r="AE531" s="3">
        <f t="shared" si="75"/>
        <v>-0.14399999999999999</v>
      </c>
      <c r="AF531" s="4">
        <f t="shared" si="82"/>
        <v>0</v>
      </c>
      <c r="AG531" s="3">
        <f t="shared" si="79"/>
        <v>-0.14399999999999999</v>
      </c>
      <c r="AH531" s="4">
        <f t="shared" si="80"/>
        <v>0</v>
      </c>
      <c r="AI531" s="3">
        <f t="shared" si="76"/>
        <v>0.18</v>
      </c>
      <c r="AJ531" s="14"/>
      <c r="AK531" s="14"/>
      <c r="AP531" s="7"/>
      <c r="AQ531" s="7"/>
      <c r="AR531" s="13"/>
    </row>
    <row r="532" spans="1:44">
      <c r="A532" s="1" t="s">
        <v>52</v>
      </c>
      <c r="B532" s="2">
        <v>0.75149305555555557</v>
      </c>
      <c r="C532" s="3">
        <v>116.01</v>
      </c>
      <c r="D532" s="3">
        <v>324.92</v>
      </c>
      <c r="E532" s="3">
        <v>343.7</v>
      </c>
      <c r="F532" s="3">
        <v>332.3</v>
      </c>
      <c r="G532" s="3">
        <v>219.05</v>
      </c>
      <c r="H532" s="3">
        <v>420.7</v>
      </c>
      <c r="I532" s="3">
        <v>100.59</v>
      </c>
      <c r="J532" s="3">
        <v>185.87</v>
      </c>
      <c r="K532" s="3">
        <v>197.4</v>
      </c>
      <c r="L532" s="3">
        <v>258.2</v>
      </c>
      <c r="M532" s="3">
        <v>608.27</v>
      </c>
      <c r="N532" s="3">
        <v>376.98</v>
      </c>
      <c r="O532" s="3">
        <v>748.49</v>
      </c>
      <c r="P532" s="3">
        <v>793.55</v>
      </c>
      <c r="Q532" s="3">
        <v>2286.38</v>
      </c>
      <c r="R532" s="3">
        <v>2286.38</v>
      </c>
      <c r="S532" s="3">
        <v>0.67</v>
      </c>
      <c r="T532" s="3">
        <v>-0.12</v>
      </c>
      <c r="U532" s="3">
        <v>-0.17</v>
      </c>
      <c r="V532" s="3">
        <v>0.17</v>
      </c>
      <c r="W532" s="3">
        <v>1.2</v>
      </c>
      <c r="X532" s="3">
        <v>-0.22</v>
      </c>
      <c r="Y532" s="3">
        <v>-0.17</v>
      </c>
      <c r="Z532" s="3">
        <v>0.02</v>
      </c>
      <c r="AA532" s="4">
        <f t="shared" si="81"/>
        <v>0</v>
      </c>
      <c r="AB532" s="4">
        <f t="shared" si="77"/>
        <v>1.6</v>
      </c>
      <c r="AC532" s="3">
        <f t="shared" si="74"/>
        <v>1.0720000000000001</v>
      </c>
      <c r="AD532" s="4">
        <f t="shared" si="78"/>
        <v>0</v>
      </c>
      <c r="AE532" s="3">
        <f t="shared" si="75"/>
        <v>-0.192</v>
      </c>
      <c r="AF532" s="4">
        <f t="shared" si="82"/>
        <v>0</v>
      </c>
      <c r="AG532" s="3">
        <f t="shared" si="79"/>
        <v>-0.27200000000000002</v>
      </c>
      <c r="AH532" s="4">
        <f t="shared" si="80"/>
        <v>0</v>
      </c>
      <c r="AI532" s="3">
        <f t="shared" si="76"/>
        <v>0.17</v>
      </c>
      <c r="AJ532" s="14"/>
      <c r="AK532" s="14"/>
      <c r="AP532" s="7"/>
      <c r="AQ532" s="7"/>
      <c r="AR532" s="13"/>
    </row>
    <row r="533" spans="1:44">
      <c r="A533" s="1" t="s">
        <v>52</v>
      </c>
      <c r="B533" s="2">
        <v>0.75219907407407405</v>
      </c>
      <c r="C533" s="3">
        <v>127.87</v>
      </c>
      <c r="D533" s="3">
        <v>320.12</v>
      </c>
      <c r="E533" s="3">
        <v>357.54</v>
      </c>
      <c r="F533" s="3">
        <v>328.21</v>
      </c>
      <c r="G533" s="3">
        <v>227.98</v>
      </c>
      <c r="H533" s="3">
        <v>415.5</v>
      </c>
      <c r="I533" s="3">
        <v>99.85</v>
      </c>
      <c r="J533" s="3">
        <v>183.8</v>
      </c>
      <c r="K533" s="3">
        <v>197.38</v>
      </c>
      <c r="L533" s="3">
        <v>255.67</v>
      </c>
      <c r="M533" s="3">
        <v>620.85</v>
      </c>
      <c r="N533" s="3">
        <v>374.1</v>
      </c>
      <c r="O533" s="3">
        <v>750.44</v>
      </c>
      <c r="P533" s="3">
        <v>787.73</v>
      </c>
      <c r="Q533" s="3">
        <v>2286.39</v>
      </c>
      <c r="R533" s="3">
        <v>2286.39</v>
      </c>
      <c r="S533" s="3">
        <v>0.51</v>
      </c>
      <c r="T533" s="3">
        <v>-0.15</v>
      </c>
      <c r="U533" s="3">
        <v>5.09</v>
      </c>
      <c r="V533" s="3">
        <v>0.12</v>
      </c>
      <c r="W533" s="3">
        <v>1.17</v>
      </c>
      <c r="X533" s="3">
        <v>-0.19</v>
      </c>
      <c r="Y533" s="3">
        <v>-0.17</v>
      </c>
      <c r="Z533" s="3">
        <v>0.01</v>
      </c>
      <c r="AA533" s="4">
        <f t="shared" si="81"/>
        <v>0</v>
      </c>
      <c r="AB533" s="4">
        <f t="shared" si="77"/>
        <v>1.6</v>
      </c>
      <c r="AC533" s="3">
        <f t="shared" si="74"/>
        <v>0.81600000000000006</v>
      </c>
      <c r="AD533" s="4">
        <f t="shared" si="78"/>
        <v>0</v>
      </c>
      <c r="AE533" s="3">
        <f t="shared" si="75"/>
        <v>-0.24</v>
      </c>
      <c r="AF533" s="4">
        <f t="shared" si="82"/>
        <v>0</v>
      </c>
      <c r="AG533" s="3">
        <f t="shared" si="79"/>
        <v>8.1440000000000001</v>
      </c>
      <c r="AH533" s="4">
        <f t="shared" si="80"/>
        <v>0</v>
      </c>
      <c r="AI533" s="3">
        <f t="shared" si="76"/>
        <v>0.12</v>
      </c>
      <c r="AJ533" s="14"/>
      <c r="AK533" s="14"/>
      <c r="AP533" s="7"/>
      <c r="AQ533" s="7"/>
      <c r="AR533" s="13"/>
    </row>
    <row r="534" spans="1:44">
      <c r="A534" s="1" t="s">
        <v>52</v>
      </c>
      <c r="B534" s="2">
        <v>0.75289351851851849</v>
      </c>
      <c r="C534" s="3">
        <v>130.1</v>
      </c>
      <c r="D534" s="3">
        <v>315.77999999999997</v>
      </c>
      <c r="E534" s="3">
        <v>355.74</v>
      </c>
      <c r="F534" s="3">
        <v>325.22000000000003</v>
      </c>
      <c r="G534" s="3">
        <v>233.54</v>
      </c>
      <c r="H534" s="3">
        <v>411.02</v>
      </c>
      <c r="I534" s="3">
        <v>99.52</v>
      </c>
      <c r="J534" s="3">
        <v>181.87</v>
      </c>
      <c r="K534" s="3">
        <v>196.93</v>
      </c>
      <c r="L534" s="3">
        <v>253.34</v>
      </c>
      <c r="M534" s="3">
        <v>622.54999999999995</v>
      </c>
      <c r="N534" s="3">
        <v>371.57</v>
      </c>
      <c r="O534" s="3">
        <v>752.66</v>
      </c>
      <c r="P534" s="3">
        <v>782.58</v>
      </c>
      <c r="Q534" s="3">
        <v>2286.4</v>
      </c>
      <c r="R534" s="3">
        <v>2286.4</v>
      </c>
      <c r="S534" s="3">
        <v>0.16</v>
      </c>
      <c r="T534" s="3">
        <v>-0.23</v>
      </c>
      <c r="U534" s="3">
        <v>19.04</v>
      </c>
      <c r="V534" s="3">
        <v>0.09</v>
      </c>
      <c r="W534" s="3">
        <v>1</v>
      </c>
      <c r="X534" s="3">
        <v>-0.16</v>
      </c>
      <c r="Y534" s="3">
        <v>-0.19</v>
      </c>
      <c r="Z534" s="3">
        <v>-0.01</v>
      </c>
      <c r="AA534" s="4">
        <f t="shared" si="81"/>
        <v>0</v>
      </c>
      <c r="AB534" s="4">
        <f t="shared" si="77"/>
        <v>1.6</v>
      </c>
      <c r="AC534" s="3">
        <f t="shared" si="74"/>
        <v>0.25600000000000001</v>
      </c>
      <c r="AD534" s="4">
        <f t="shared" si="78"/>
        <v>0</v>
      </c>
      <c r="AE534" s="3">
        <f t="shared" si="75"/>
        <v>-0.36800000000000005</v>
      </c>
      <c r="AF534" s="4">
        <f t="shared" si="82"/>
        <v>0</v>
      </c>
      <c r="AG534" s="3">
        <f t="shared" si="79"/>
        <v>30.463999999999999</v>
      </c>
      <c r="AH534" s="4">
        <f t="shared" si="80"/>
        <v>0</v>
      </c>
      <c r="AI534" s="3">
        <f t="shared" si="76"/>
        <v>0.09</v>
      </c>
      <c r="AJ534" s="14"/>
      <c r="AK534" s="14"/>
    </row>
    <row r="535" spans="1:44">
      <c r="A535" s="1" t="s">
        <v>52</v>
      </c>
      <c r="B535" s="2">
        <v>0.75358796296296304</v>
      </c>
      <c r="C535" s="3">
        <v>126.97</v>
      </c>
      <c r="D535" s="3">
        <v>311.85000000000002</v>
      </c>
      <c r="E535" s="3">
        <v>346.19</v>
      </c>
      <c r="F535" s="3">
        <v>322.31</v>
      </c>
      <c r="G535" s="3">
        <v>236.58</v>
      </c>
      <c r="H535" s="3">
        <v>407.03</v>
      </c>
      <c r="I535" s="3">
        <v>99.3</v>
      </c>
      <c r="J535" s="3">
        <v>180.09</v>
      </c>
      <c r="K535" s="3">
        <v>196.49</v>
      </c>
      <c r="L535" s="3">
        <v>251.23</v>
      </c>
      <c r="M535" s="3">
        <v>623.05999999999995</v>
      </c>
      <c r="N535" s="3">
        <v>369.37</v>
      </c>
      <c r="O535" s="3">
        <v>753.88</v>
      </c>
      <c r="P535" s="3">
        <v>777.9</v>
      </c>
      <c r="Q535" s="3">
        <v>2286.41</v>
      </c>
      <c r="R535" s="3">
        <v>2286.41</v>
      </c>
      <c r="S535" s="3">
        <v>0.4</v>
      </c>
      <c r="T535" s="3">
        <v>-0.17</v>
      </c>
      <c r="U535" s="3">
        <v>6.94</v>
      </c>
      <c r="V535" s="3">
        <v>0.11</v>
      </c>
      <c r="W535" s="3">
        <v>1.26</v>
      </c>
      <c r="X535" s="3">
        <v>-0.17</v>
      </c>
      <c r="Y535" s="3">
        <v>-0.19</v>
      </c>
      <c r="Z535" s="3">
        <v>0</v>
      </c>
      <c r="AA535" s="4">
        <f t="shared" si="81"/>
        <v>0</v>
      </c>
      <c r="AB535" s="4">
        <f t="shared" si="77"/>
        <v>1.6</v>
      </c>
      <c r="AC535" s="3">
        <f t="shared" si="74"/>
        <v>0.64000000000000012</v>
      </c>
      <c r="AD535" s="4">
        <f t="shared" si="78"/>
        <v>0</v>
      </c>
      <c r="AE535" s="3">
        <f t="shared" si="75"/>
        <v>-0.27200000000000002</v>
      </c>
      <c r="AF535" s="4">
        <f t="shared" si="82"/>
        <v>0</v>
      </c>
      <c r="AG535" s="3">
        <f t="shared" si="79"/>
        <v>11.104000000000001</v>
      </c>
      <c r="AH535" s="4">
        <f t="shared" si="80"/>
        <v>0</v>
      </c>
      <c r="AI535" s="3">
        <f t="shared" si="76"/>
        <v>0.11</v>
      </c>
      <c r="AJ535" s="14"/>
      <c r="AK535" s="14"/>
    </row>
    <row r="536" spans="1:44">
      <c r="A536" s="1" t="s">
        <v>52</v>
      </c>
      <c r="B536" s="2">
        <v>0.75428240740740737</v>
      </c>
      <c r="C536" s="3">
        <v>129.78</v>
      </c>
      <c r="D536" s="3">
        <v>308.20999999999998</v>
      </c>
      <c r="E536" s="3">
        <v>346.96</v>
      </c>
      <c r="F536" s="3">
        <v>319.24</v>
      </c>
      <c r="G536" s="3">
        <v>238.17</v>
      </c>
      <c r="H536" s="3">
        <v>403.3</v>
      </c>
      <c r="I536" s="3">
        <v>99.12</v>
      </c>
      <c r="J536" s="3">
        <v>178.46</v>
      </c>
      <c r="K536" s="3">
        <v>196.05</v>
      </c>
      <c r="L536" s="3">
        <v>249.3</v>
      </c>
      <c r="M536" s="3">
        <v>623.03</v>
      </c>
      <c r="N536" s="3">
        <v>367.45</v>
      </c>
      <c r="O536" s="3">
        <v>755.04</v>
      </c>
      <c r="P536" s="3">
        <v>773.63</v>
      </c>
      <c r="Q536" s="3">
        <v>2286.42</v>
      </c>
      <c r="R536" s="3">
        <v>2286.42</v>
      </c>
      <c r="S536" s="3">
        <v>0.69</v>
      </c>
      <c r="T536" s="3">
        <v>-0.1</v>
      </c>
      <c r="U536" s="3">
        <v>0</v>
      </c>
      <c r="V536" s="3">
        <v>0.1</v>
      </c>
      <c r="W536" s="3">
        <v>1.46</v>
      </c>
      <c r="X536" s="3">
        <v>-0.19</v>
      </c>
      <c r="Y536" s="3">
        <v>-0.18</v>
      </c>
      <c r="Z536" s="3">
        <v>0.02</v>
      </c>
      <c r="AA536" s="4">
        <f t="shared" si="81"/>
        <v>0</v>
      </c>
      <c r="AB536" s="4">
        <f t="shared" si="77"/>
        <v>1.6</v>
      </c>
      <c r="AC536" s="3">
        <f t="shared" si="74"/>
        <v>1.1039999999999999</v>
      </c>
      <c r="AD536" s="4">
        <f t="shared" si="78"/>
        <v>0</v>
      </c>
      <c r="AE536" s="3">
        <f t="shared" si="75"/>
        <v>-0.16000000000000003</v>
      </c>
      <c r="AF536" s="4">
        <f t="shared" si="82"/>
        <v>0</v>
      </c>
      <c r="AG536" s="3">
        <f t="shared" si="79"/>
        <v>0</v>
      </c>
      <c r="AH536" s="4">
        <f t="shared" si="80"/>
        <v>0</v>
      </c>
      <c r="AI536" s="3">
        <f t="shared" si="76"/>
        <v>0.1</v>
      </c>
      <c r="AJ536" s="14"/>
      <c r="AK536" s="14"/>
    </row>
    <row r="537" spans="1:44">
      <c r="A537" s="1" t="s">
        <v>52</v>
      </c>
      <c r="B537" s="2">
        <v>0.75497685185185182</v>
      </c>
      <c r="C537" s="3">
        <v>143.66</v>
      </c>
      <c r="D537" s="3">
        <v>304.81</v>
      </c>
      <c r="E537" s="3">
        <v>360.92</v>
      </c>
      <c r="F537" s="3">
        <v>316.68</v>
      </c>
      <c r="G537" s="3">
        <v>243.01</v>
      </c>
      <c r="H537" s="3">
        <v>399.83</v>
      </c>
      <c r="I537" s="3">
        <v>99</v>
      </c>
      <c r="J537" s="3">
        <v>176.95</v>
      </c>
      <c r="K537" s="3">
        <v>195.64</v>
      </c>
      <c r="L537" s="3">
        <v>247.54</v>
      </c>
      <c r="M537" s="3">
        <v>622.69000000000005</v>
      </c>
      <c r="N537" s="3">
        <v>365.77</v>
      </c>
      <c r="O537" s="3">
        <v>756.1</v>
      </c>
      <c r="P537" s="3">
        <v>769.7</v>
      </c>
      <c r="Q537" s="3">
        <v>2286.44</v>
      </c>
      <c r="R537" s="3">
        <v>2286.44</v>
      </c>
      <c r="S537" s="3">
        <v>0.53</v>
      </c>
      <c r="T537" s="3">
        <v>-0.14000000000000001</v>
      </c>
      <c r="U537" s="3">
        <v>2.77</v>
      </c>
      <c r="V537" s="3">
        <v>0.08</v>
      </c>
      <c r="W537" s="3">
        <v>1.36</v>
      </c>
      <c r="X537" s="3">
        <v>-0.2</v>
      </c>
      <c r="Y537" s="3">
        <v>-0.19</v>
      </c>
      <c r="Z537" s="3">
        <v>0.01</v>
      </c>
      <c r="AA537" s="4">
        <f t="shared" si="81"/>
        <v>0</v>
      </c>
      <c r="AB537" s="4">
        <f t="shared" si="77"/>
        <v>1.6</v>
      </c>
      <c r="AC537" s="3">
        <f t="shared" si="74"/>
        <v>0.84800000000000009</v>
      </c>
      <c r="AD537" s="4">
        <f t="shared" si="78"/>
        <v>0</v>
      </c>
      <c r="AE537" s="3">
        <f t="shared" si="75"/>
        <v>-0.22400000000000003</v>
      </c>
      <c r="AF537" s="4">
        <f t="shared" si="82"/>
        <v>0</v>
      </c>
      <c r="AG537" s="3">
        <f t="shared" si="79"/>
        <v>4.4320000000000004</v>
      </c>
      <c r="AH537" s="4">
        <f t="shared" si="80"/>
        <v>0</v>
      </c>
      <c r="AI537" s="3">
        <f t="shared" si="76"/>
        <v>0.08</v>
      </c>
      <c r="AJ537" s="14"/>
      <c r="AK537" s="14"/>
    </row>
    <row r="538" spans="1:44">
      <c r="A538" s="1" t="s">
        <v>52</v>
      </c>
      <c r="B538" s="2">
        <v>0.75567129629629637</v>
      </c>
      <c r="C538" s="3">
        <v>151.27000000000001</v>
      </c>
      <c r="D538" s="3">
        <v>301.69</v>
      </c>
      <c r="E538" s="3">
        <v>367.53</v>
      </c>
      <c r="F538" s="3">
        <v>314.83999999999997</v>
      </c>
      <c r="G538" s="3">
        <v>246.27</v>
      </c>
      <c r="H538" s="3">
        <v>396.81</v>
      </c>
      <c r="I538" s="3">
        <v>98.91</v>
      </c>
      <c r="J538" s="3">
        <v>175.57</v>
      </c>
      <c r="K538" s="3">
        <v>195.25</v>
      </c>
      <c r="L538" s="3">
        <v>245.94</v>
      </c>
      <c r="M538" s="3">
        <v>622.01</v>
      </c>
      <c r="N538" s="3">
        <v>364.24</v>
      </c>
      <c r="O538" s="3">
        <v>756.74</v>
      </c>
      <c r="P538" s="3">
        <v>766.05</v>
      </c>
      <c r="Q538" s="3">
        <v>2286.46</v>
      </c>
      <c r="R538" s="3">
        <v>2286.46</v>
      </c>
      <c r="S538" s="3">
        <v>0.09</v>
      </c>
      <c r="T538" s="3">
        <v>-0.23</v>
      </c>
      <c r="U538" s="3">
        <v>18.440000000000001</v>
      </c>
      <c r="V538" s="3">
        <v>0.03</v>
      </c>
      <c r="W538" s="3">
        <v>1.1000000000000001</v>
      </c>
      <c r="X538" s="3">
        <v>-0.18</v>
      </c>
      <c r="Y538" s="3">
        <v>-0.19</v>
      </c>
      <c r="Z538" s="3">
        <v>0.01</v>
      </c>
      <c r="AA538" s="4">
        <f t="shared" si="81"/>
        <v>0</v>
      </c>
      <c r="AB538" s="4">
        <f t="shared" si="77"/>
        <v>1.6</v>
      </c>
      <c r="AC538" s="3">
        <f t="shared" si="74"/>
        <v>0.14399999999999999</v>
      </c>
      <c r="AD538" s="4">
        <f t="shared" si="78"/>
        <v>0</v>
      </c>
      <c r="AE538" s="3">
        <f t="shared" si="75"/>
        <v>-0.36800000000000005</v>
      </c>
      <c r="AF538" s="4">
        <f t="shared" si="82"/>
        <v>0</v>
      </c>
      <c r="AG538" s="3">
        <f t="shared" si="79"/>
        <v>29.504000000000005</v>
      </c>
      <c r="AH538" s="4">
        <f t="shared" si="80"/>
        <v>0</v>
      </c>
      <c r="AI538" s="3">
        <f t="shared" si="76"/>
        <v>0.03</v>
      </c>
      <c r="AJ538" s="14"/>
      <c r="AK538" s="14"/>
    </row>
    <row r="539" spans="1:44">
      <c r="A539" s="1" t="s">
        <v>52</v>
      </c>
      <c r="B539" s="2">
        <v>0.75636574074074081</v>
      </c>
      <c r="C539" s="3">
        <v>157.13999999999999</v>
      </c>
      <c r="D539" s="3">
        <v>298.81</v>
      </c>
      <c r="E539" s="3">
        <v>370.45</v>
      </c>
      <c r="F539" s="3">
        <v>313.44</v>
      </c>
      <c r="G539" s="3">
        <v>251.29</v>
      </c>
      <c r="H539" s="3">
        <v>394.21</v>
      </c>
      <c r="I539" s="3">
        <v>98.91</v>
      </c>
      <c r="J539" s="3">
        <v>174.31</v>
      </c>
      <c r="K539" s="3">
        <v>194.9</v>
      </c>
      <c r="L539" s="3">
        <v>244.47</v>
      </c>
      <c r="M539" s="3">
        <v>621.17999999999995</v>
      </c>
      <c r="N539" s="3">
        <v>362.87</v>
      </c>
      <c r="O539" s="3">
        <v>757.13</v>
      </c>
      <c r="P539" s="3">
        <v>762.7</v>
      </c>
      <c r="Q539" s="3">
        <v>2286.4499999999998</v>
      </c>
      <c r="R539" s="3">
        <v>2286.4499999999998</v>
      </c>
      <c r="S539" s="3">
        <v>0.04</v>
      </c>
      <c r="T539" s="3">
        <v>-0.28000000000000003</v>
      </c>
      <c r="U539" s="3">
        <v>19.5</v>
      </c>
      <c r="V539" s="3">
        <v>-0.1</v>
      </c>
      <c r="W539" s="3">
        <v>1.55</v>
      </c>
      <c r="X539" s="3">
        <v>1.1200000000000001</v>
      </c>
      <c r="Y539" s="3">
        <v>-0.09</v>
      </c>
      <c r="Z539" s="3">
        <v>7.0000000000000007E-2</v>
      </c>
      <c r="AA539" s="4">
        <f t="shared" si="81"/>
        <v>0</v>
      </c>
      <c r="AB539" s="4">
        <f t="shared" si="77"/>
        <v>1.6</v>
      </c>
      <c r="AC539" s="3">
        <f t="shared" si="74"/>
        <v>6.4000000000000001E-2</v>
      </c>
      <c r="AD539" s="4">
        <f t="shared" si="78"/>
        <v>0</v>
      </c>
      <c r="AE539" s="3">
        <f t="shared" si="75"/>
        <v>-0.44800000000000006</v>
      </c>
      <c r="AF539" s="4">
        <f t="shared" si="82"/>
        <v>0</v>
      </c>
      <c r="AG539" s="3">
        <f t="shared" si="79"/>
        <v>31.200000000000003</v>
      </c>
      <c r="AH539" s="4">
        <f t="shared" si="80"/>
        <v>0</v>
      </c>
      <c r="AI539" s="3">
        <f t="shared" si="76"/>
        <v>-0.1</v>
      </c>
      <c r="AJ539" s="14"/>
      <c r="AK539" s="14"/>
    </row>
    <row r="540" spans="1:44">
      <c r="A540" s="1" t="s">
        <v>52</v>
      </c>
      <c r="B540" s="2">
        <v>0.75706018518518514</v>
      </c>
      <c r="C540" s="3">
        <v>162.25</v>
      </c>
      <c r="D540" s="3">
        <v>296.16000000000003</v>
      </c>
      <c r="E540" s="3">
        <v>372.46</v>
      </c>
      <c r="F540" s="3">
        <v>312.29000000000002</v>
      </c>
      <c r="G540" s="3">
        <v>258.77</v>
      </c>
      <c r="H540" s="3">
        <v>391.98</v>
      </c>
      <c r="I540" s="3">
        <v>98.85</v>
      </c>
      <c r="J540" s="3">
        <v>173.14</v>
      </c>
      <c r="K540" s="3">
        <v>194.5</v>
      </c>
      <c r="L540" s="3">
        <v>243.1</v>
      </c>
      <c r="M540" s="3">
        <v>620.26</v>
      </c>
      <c r="N540" s="3">
        <v>361.72</v>
      </c>
      <c r="O540" s="3">
        <v>757.18</v>
      </c>
      <c r="P540" s="3">
        <v>759.49</v>
      </c>
      <c r="Q540" s="3">
        <v>2286.4499999999998</v>
      </c>
      <c r="R540" s="3">
        <v>2286.4499999999998</v>
      </c>
      <c r="S540" s="3">
        <v>7.0000000000000007E-2</v>
      </c>
      <c r="T540" s="3">
        <v>-0.28999999999999998</v>
      </c>
      <c r="U540" s="3">
        <v>19.45</v>
      </c>
      <c r="V540" s="3">
        <v>-0.24</v>
      </c>
      <c r="W540" s="3">
        <v>1.57</v>
      </c>
      <c r="X540" s="3">
        <v>3.15</v>
      </c>
      <c r="Y540" s="3">
        <v>0</v>
      </c>
      <c r="Z540" s="3">
        <v>0.04</v>
      </c>
      <c r="AA540" s="4">
        <f t="shared" si="81"/>
        <v>0</v>
      </c>
      <c r="AB540" s="4">
        <f t="shared" si="77"/>
        <v>1.6</v>
      </c>
      <c r="AC540" s="3">
        <f t="shared" si="74"/>
        <v>0.11200000000000002</v>
      </c>
      <c r="AD540" s="4">
        <f t="shared" si="78"/>
        <v>0</v>
      </c>
      <c r="AE540" s="3">
        <f t="shared" si="75"/>
        <v>-0.46399999999999997</v>
      </c>
      <c r="AF540" s="4">
        <f t="shared" si="82"/>
        <v>0</v>
      </c>
      <c r="AG540" s="3">
        <f t="shared" si="79"/>
        <v>31.12</v>
      </c>
      <c r="AH540" s="4">
        <f t="shared" si="80"/>
        <v>0</v>
      </c>
      <c r="AI540" s="3">
        <f t="shared" si="76"/>
        <v>-0.24</v>
      </c>
      <c r="AJ540" s="14"/>
      <c r="AK540" s="14"/>
    </row>
    <row r="541" spans="1:44">
      <c r="A541" s="1" t="s">
        <v>52</v>
      </c>
      <c r="B541" s="2">
        <v>0.75776620370370373</v>
      </c>
      <c r="C541" s="3">
        <v>166.54</v>
      </c>
      <c r="D541" s="3">
        <v>293.77</v>
      </c>
      <c r="E541" s="3">
        <v>374.09</v>
      </c>
      <c r="F541" s="3">
        <v>311.32</v>
      </c>
      <c r="G541" s="3">
        <v>262.83999999999997</v>
      </c>
      <c r="H541" s="3">
        <v>390.04</v>
      </c>
      <c r="I541" s="3">
        <v>98.76</v>
      </c>
      <c r="J541" s="3">
        <v>172.05</v>
      </c>
      <c r="K541" s="3">
        <v>194.15</v>
      </c>
      <c r="L541" s="3">
        <v>241.82</v>
      </c>
      <c r="M541" s="3">
        <v>619.20000000000005</v>
      </c>
      <c r="N541" s="3">
        <v>360.64</v>
      </c>
      <c r="O541" s="3">
        <v>756.97</v>
      </c>
      <c r="P541" s="3">
        <v>756.43</v>
      </c>
      <c r="Q541" s="3">
        <v>2286.46</v>
      </c>
      <c r="R541" s="3">
        <v>2286.46</v>
      </c>
      <c r="S541" s="3">
        <v>7.0000000000000007E-2</v>
      </c>
      <c r="T541" s="3">
        <v>-0.28999999999999998</v>
      </c>
      <c r="U541" s="3">
        <v>19.39</v>
      </c>
      <c r="V541" s="3">
        <v>-0.21</v>
      </c>
      <c r="W541" s="3">
        <v>1.51</v>
      </c>
      <c r="X541" s="3">
        <v>4.4800000000000004</v>
      </c>
      <c r="Y541" s="3">
        <v>0.03</v>
      </c>
      <c r="Z541" s="3">
        <v>0.03</v>
      </c>
      <c r="AA541" s="4">
        <f t="shared" si="81"/>
        <v>0</v>
      </c>
      <c r="AB541" s="4">
        <f t="shared" si="77"/>
        <v>1.6</v>
      </c>
      <c r="AC541" s="3">
        <f t="shared" si="74"/>
        <v>0.11200000000000002</v>
      </c>
      <c r="AD541" s="4">
        <f t="shared" si="78"/>
        <v>0</v>
      </c>
      <c r="AE541" s="3">
        <f t="shared" si="75"/>
        <v>-0.46399999999999997</v>
      </c>
      <c r="AF541" s="4">
        <f t="shared" si="82"/>
        <v>0</v>
      </c>
      <c r="AG541" s="3">
        <f t="shared" si="79"/>
        <v>31.024000000000001</v>
      </c>
      <c r="AH541" s="4">
        <f t="shared" si="80"/>
        <v>0</v>
      </c>
      <c r="AI541" s="3">
        <f t="shared" si="76"/>
        <v>-0.21</v>
      </c>
      <c r="AJ541" s="14"/>
      <c r="AK541" s="14"/>
    </row>
    <row r="542" spans="1:44">
      <c r="A542" s="1" t="s">
        <v>52</v>
      </c>
      <c r="B542" s="2">
        <v>0.75846064814814806</v>
      </c>
      <c r="C542" s="3">
        <v>170.44</v>
      </c>
      <c r="D542" s="3">
        <v>291.66000000000003</v>
      </c>
      <c r="E542" s="3">
        <v>375.42</v>
      </c>
      <c r="F542" s="3">
        <v>310.47000000000003</v>
      </c>
      <c r="G542" s="3">
        <v>265.95</v>
      </c>
      <c r="H542" s="3">
        <v>388.38</v>
      </c>
      <c r="I542" s="3">
        <v>98.82</v>
      </c>
      <c r="J542" s="3">
        <v>171.04</v>
      </c>
      <c r="K542" s="3">
        <v>193.77</v>
      </c>
      <c r="L542" s="3">
        <v>240.62</v>
      </c>
      <c r="M542" s="3">
        <v>617.96</v>
      </c>
      <c r="N542" s="3">
        <v>359.73</v>
      </c>
      <c r="O542" s="3">
        <v>756.54</v>
      </c>
      <c r="P542" s="3">
        <v>753.49</v>
      </c>
      <c r="Q542" s="3">
        <v>2286.48</v>
      </c>
      <c r="R542" s="3">
        <v>2286.48</v>
      </c>
      <c r="S542" s="3">
        <v>7.0000000000000007E-2</v>
      </c>
      <c r="T542" s="3">
        <v>-0.28000000000000003</v>
      </c>
      <c r="U542" s="3">
        <v>19.350000000000001</v>
      </c>
      <c r="V542" s="3">
        <v>-0.23</v>
      </c>
      <c r="W542" s="3">
        <v>1.45</v>
      </c>
      <c r="X542" s="3">
        <v>5.35</v>
      </c>
      <c r="Y542" s="3">
        <v>0.06</v>
      </c>
      <c r="Z542" s="3">
        <v>0.02</v>
      </c>
      <c r="AA542" s="4">
        <f t="shared" si="81"/>
        <v>0</v>
      </c>
      <c r="AB542" s="4">
        <f t="shared" si="77"/>
        <v>1.6</v>
      </c>
      <c r="AC542" s="3">
        <f t="shared" si="74"/>
        <v>0.11200000000000002</v>
      </c>
      <c r="AD542" s="4">
        <f t="shared" si="78"/>
        <v>0</v>
      </c>
      <c r="AE542" s="3">
        <f t="shared" si="75"/>
        <v>-0.44800000000000006</v>
      </c>
      <c r="AF542" s="4">
        <f t="shared" si="82"/>
        <v>0</v>
      </c>
      <c r="AG542" s="3">
        <f t="shared" si="79"/>
        <v>30.960000000000004</v>
      </c>
      <c r="AH542" s="4">
        <f t="shared" si="80"/>
        <v>0</v>
      </c>
      <c r="AI542" s="3">
        <f t="shared" si="76"/>
        <v>-0.23</v>
      </c>
      <c r="AJ542" s="14"/>
      <c r="AK542" s="14"/>
    </row>
    <row r="543" spans="1:44">
      <c r="A543" s="1" t="s">
        <v>52</v>
      </c>
      <c r="B543" s="2">
        <v>0.75915509259259262</v>
      </c>
      <c r="C543" s="3">
        <v>174.1</v>
      </c>
      <c r="D543" s="3">
        <v>289.76</v>
      </c>
      <c r="E543" s="3">
        <v>376.48</v>
      </c>
      <c r="F543" s="3">
        <v>309.7</v>
      </c>
      <c r="G543" s="3">
        <v>268.89999999999998</v>
      </c>
      <c r="H543" s="3">
        <v>386.96</v>
      </c>
      <c r="I543" s="3">
        <v>98.92</v>
      </c>
      <c r="J543" s="3">
        <v>170.1</v>
      </c>
      <c r="K543" s="3">
        <v>193.42</v>
      </c>
      <c r="L543" s="3">
        <v>239.49</v>
      </c>
      <c r="M543" s="3">
        <v>616.67999999999995</v>
      </c>
      <c r="N543" s="3">
        <v>358.89</v>
      </c>
      <c r="O543" s="3">
        <v>756.02</v>
      </c>
      <c r="P543" s="3">
        <v>750.66</v>
      </c>
      <c r="Q543" s="3">
        <v>2286.5</v>
      </c>
      <c r="R543" s="3">
        <v>2286.5</v>
      </c>
      <c r="S543" s="3">
        <v>0.09</v>
      </c>
      <c r="T543" s="3">
        <v>-0.27</v>
      </c>
      <c r="U543" s="3">
        <v>19.329999999999998</v>
      </c>
      <c r="V543" s="3">
        <v>-0.31</v>
      </c>
      <c r="W543" s="3">
        <v>1.39</v>
      </c>
      <c r="X543" s="3">
        <v>5.96</v>
      </c>
      <c r="Y543" s="3">
        <v>7.0000000000000007E-2</v>
      </c>
      <c r="Z543" s="3">
        <v>0.03</v>
      </c>
      <c r="AA543" s="4">
        <f t="shared" si="81"/>
        <v>0</v>
      </c>
      <c r="AB543" s="4">
        <f t="shared" si="77"/>
        <v>1.6</v>
      </c>
      <c r="AC543" s="3">
        <f t="shared" si="74"/>
        <v>0.14399999999999999</v>
      </c>
      <c r="AD543" s="4">
        <f t="shared" si="78"/>
        <v>0</v>
      </c>
      <c r="AE543" s="3">
        <f t="shared" si="75"/>
        <v>-0.43200000000000005</v>
      </c>
      <c r="AF543" s="4">
        <f t="shared" si="82"/>
        <v>0</v>
      </c>
      <c r="AG543" s="3">
        <f t="shared" si="79"/>
        <v>30.927999999999997</v>
      </c>
      <c r="AH543" s="4">
        <f t="shared" si="80"/>
        <v>0</v>
      </c>
      <c r="AI543" s="3">
        <f t="shared" si="76"/>
        <v>-0.31</v>
      </c>
      <c r="AJ543" s="14"/>
      <c r="AK543" s="14"/>
    </row>
    <row r="544" spans="1:44">
      <c r="A544" s="1" t="s">
        <v>52</v>
      </c>
      <c r="B544" s="2">
        <v>0.75984953703703706</v>
      </c>
      <c r="C544" s="3">
        <v>177.65</v>
      </c>
      <c r="D544" s="3">
        <v>288.07</v>
      </c>
      <c r="E544" s="3">
        <v>377.4</v>
      </c>
      <c r="F544" s="3">
        <v>309</v>
      </c>
      <c r="G544" s="3">
        <v>271.82</v>
      </c>
      <c r="H544" s="3">
        <v>385.73</v>
      </c>
      <c r="I544" s="3">
        <v>99.04</v>
      </c>
      <c r="J544" s="3">
        <v>169.22</v>
      </c>
      <c r="K544" s="3">
        <v>193.08</v>
      </c>
      <c r="L544" s="3">
        <v>238.42</v>
      </c>
      <c r="M544" s="3">
        <v>615.34</v>
      </c>
      <c r="N544" s="3">
        <v>358.09</v>
      </c>
      <c r="O544" s="3">
        <v>755.32</v>
      </c>
      <c r="P544" s="3">
        <v>747.9</v>
      </c>
      <c r="Q544" s="3">
        <v>2286.5100000000002</v>
      </c>
      <c r="R544" s="3">
        <v>2286.5100000000002</v>
      </c>
      <c r="S544" s="3">
        <v>0.11</v>
      </c>
      <c r="T544" s="3">
        <v>-0.26</v>
      </c>
      <c r="U544" s="3">
        <v>19.329999999999998</v>
      </c>
      <c r="V544" s="3">
        <v>-0.33</v>
      </c>
      <c r="W544" s="3">
        <v>1.35</v>
      </c>
      <c r="X544" s="3">
        <v>6.36</v>
      </c>
      <c r="Y544" s="3">
        <v>0.08</v>
      </c>
      <c r="Z544" s="3">
        <v>0.03</v>
      </c>
      <c r="AA544" s="4">
        <f t="shared" si="81"/>
        <v>0</v>
      </c>
      <c r="AB544" s="4">
        <f t="shared" si="77"/>
        <v>1.6</v>
      </c>
      <c r="AC544" s="3">
        <f t="shared" si="74"/>
        <v>0.17600000000000002</v>
      </c>
      <c r="AD544" s="4">
        <f t="shared" si="78"/>
        <v>0</v>
      </c>
      <c r="AE544" s="3">
        <f t="shared" si="75"/>
        <v>-0.41600000000000004</v>
      </c>
      <c r="AF544" s="4">
        <f t="shared" si="82"/>
        <v>0</v>
      </c>
      <c r="AG544" s="3">
        <f t="shared" si="79"/>
        <v>30.927999999999997</v>
      </c>
      <c r="AH544" s="4">
        <f t="shared" si="80"/>
        <v>0</v>
      </c>
      <c r="AI544" s="3">
        <f t="shared" si="76"/>
        <v>-0.33</v>
      </c>
      <c r="AJ544" s="14"/>
      <c r="AK544" s="14"/>
    </row>
    <row r="545" spans="1:37">
      <c r="A545" s="1" t="s">
        <v>52</v>
      </c>
      <c r="B545" s="2">
        <v>0.7605439814814815</v>
      </c>
      <c r="C545" s="3">
        <v>181.08</v>
      </c>
      <c r="D545" s="3">
        <v>286.54000000000002</v>
      </c>
      <c r="E545" s="3">
        <v>378.23</v>
      </c>
      <c r="F545" s="3">
        <v>308.31</v>
      </c>
      <c r="G545" s="3">
        <v>274.56</v>
      </c>
      <c r="H545" s="3">
        <v>384.66</v>
      </c>
      <c r="I545" s="3">
        <v>99.15</v>
      </c>
      <c r="J545" s="3">
        <v>168.38</v>
      </c>
      <c r="K545" s="3">
        <v>192.73</v>
      </c>
      <c r="L545" s="3">
        <v>237.4</v>
      </c>
      <c r="M545" s="3">
        <v>613.89</v>
      </c>
      <c r="N545" s="3">
        <v>357.34</v>
      </c>
      <c r="O545" s="3">
        <v>754.42</v>
      </c>
      <c r="P545" s="3">
        <v>745.22</v>
      </c>
      <c r="Q545" s="3">
        <v>2286.5</v>
      </c>
      <c r="R545" s="3">
        <v>2286.5</v>
      </c>
      <c r="S545" s="3">
        <v>0.11</v>
      </c>
      <c r="T545" s="3">
        <v>-0.25</v>
      </c>
      <c r="U545" s="3">
        <v>19.329999999999998</v>
      </c>
      <c r="V545" s="3">
        <v>-0.33</v>
      </c>
      <c r="W545" s="3">
        <v>1.29</v>
      </c>
      <c r="X545" s="3">
        <v>6.76</v>
      </c>
      <c r="Y545" s="3">
        <v>0.09</v>
      </c>
      <c r="Z545" s="3">
        <v>-0.02</v>
      </c>
      <c r="AA545" s="4">
        <f t="shared" si="81"/>
        <v>0</v>
      </c>
      <c r="AB545" s="4">
        <f t="shared" si="77"/>
        <v>1.6</v>
      </c>
      <c r="AC545" s="3">
        <f t="shared" si="74"/>
        <v>0.17600000000000002</v>
      </c>
      <c r="AD545" s="4">
        <f t="shared" si="78"/>
        <v>0</v>
      </c>
      <c r="AE545" s="3">
        <f t="shared" si="75"/>
        <v>-0.4</v>
      </c>
      <c r="AF545" s="4">
        <f t="shared" si="82"/>
        <v>0</v>
      </c>
      <c r="AG545" s="3">
        <f t="shared" si="79"/>
        <v>30.927999999999997</v>
      </c>
      <c r="AH545" s="4">
        <f t="shared" si="80"/>
        <v>0</v>
      </c>
      <c r="AI545" s="3">
        <f t="shared" si="76"/>
        <v>-0.33</v>
      </c>
      <c r="AJ545" s="14"/>
      <c r="AK545" s="14"/>
    </row>
    <row r="546" spans="1:37">
      <c r="A546" s="1" t="s">
        <v>52</v>
      </c>
      <c r="B546" s="2">
        <v>0.76123842592592583</v>
      </c>
      <c r="C546" s="3">
        <v>185.46</v>
      </c>
      <c r="D546" s="3">
        <v>285.14999999999998</v>
      </c>
      <c r="E546" s="3">
        <v>378.92</v>
      </c>
      <c r="F546" s="3">
        <v>307.64999999999998</v>
      </c>
      <c r="G546" s="3">
        <v>276.85000000000002</v>
      </c>
      <c r="H546" s="3">
        <v>383.71</v>
      </c>
      <c r="I546" s="3">
        <v>99.22</v>
      </c>
      <c r="J546" s="3">
        <v>167.61</v>
      </c>
      <c r="K546" s="3">
        <v>192.38</v>
      </c>
      <c r="L546" s="3">
        <v>236.41</v>
      </c>
      <c r="M546" s="3">
        <v>612.4</v>
      </c>
      <c r="N546" s="3">
        <v>356.62</v>
      </c>
      <c r="O546" s="3">
        <v>753.34</v>
      </c>
      <c r="P546" s="3">
        <v>742.58</v>
      </c>
      <c r="Q546" s="3">
        <v>2286.5</v>
      </c>
      <c r="R546" s="3">
        <v>2286.5</v>
      </c>
      <c r="S546" s="3">
        <v>0.13</v>
      </c>
      <c r="T546" s="3">
        <v>-0.24</v>
      </c>
      <c r="U546" s="3">
        <v>19.34</v>
      </c>
      <c r="V546" s="3">
        <v>-0.39</v>
      </c>
      <c r="W546" s="3">
        <v>1.25</v>
      </c>
      <c r="X546" s="3">
        <v>6.84</v>
      </c>
      <c r="Y546" s="3">
        <v>0.09</v>
      </c>
      <c r="Z546" s="3">
        <v>0.02</v>
      </c>
      <c r="AA546" s="4">
        <f t="shared" si="81"/>
        <v>0</v>
      </c>
      <c r="AB546" s="4">
        <f t="shared" si="77"/>
        <v>1.6</v>
      </c>
      <c r="AC546" s="3">
        <f t="shared" si="74"/>
        <v>0.20800000000000002</v>
      </c>
      <c r="AD546" s="4">
        <f t="shared" si="78"/>
        <v>0</v>
      </c>
      <c r="AE546" s="3">
        <f t="shared" si="75"/>
        <v>-0.38400000000000001</v>
      </c>
      <c r="AF546" s="4">
        <f t="shared" si="82"/>
        <v>0</v>
      </c>
      <c r="AG546" s="3">
        <f t="shared" si="79"/>
        <v>30.944000000000003</v>
      </c>
      <c r="AH546" s="4">
        <f t="shared" si="80"/>
        <v>0</v>
      </c>
      <c r="AI546" s="3">
        <f t="shared" si="76"/>
        <v>-0.39</v>
      </c>
      <c r="AJ546" s="14"/>
      <c r="AK546" s="14"/>
    </row>
    <row r="547" spans="1:37">
      <c r="A547" s="1" t="s">
        <v>52</v>
      </c>
      <c r="B547" s="2">
        <v>0.76193287037037039</v>
      </c>
      <c r="C547" s="3">
        <v>189.54</v>
      </c>
      <c r="D547" s="3">
        <v>283.89</v>
      </c>
      <c r="E547" s="3">
        <v>379.49</v>
      </c>
      <c r="F547" s="3">
        <v>306.99</v>
      </c>
      <c r="G547" s="3">
        <v>278.8</v>
      </c>
      <c r="H547" s="3">
        <v>382.88</v>
      </c>
      <c r="I547" s="3">
        <v>99.27</v>
      </c>
      <c r="J547" s="3">
        <v>166.86</v>
      </c>
      <c r="K547" s="3">
        <v>192.08</v>
      </c>
      <c r="L547" s="3">
        <v>235.47</v>
      </c>
      <c r="M547" s="3">
        <v>610.91999999999996</v>
      </c>
      <c r="N547" s="3">
        <v>355.93</v>
      </c>
      <c r="O547" s="3">
        <v>752.07</v>
      </c>
      <c r="P547" s="3">
        <v>740</v>
      </c>
      <c r="Q547" s="3">
        <v>2286.48</v>
      </c>
      <c r="R547" s="3">
        <v>2286.48</v>
      </c>
      <c r="S547" s="3">
        <v>0.15</v>
      </c>
      <c r="T547" s="3">
        <v>-0.23</v>
      </c>
      <c r="U547" s="3">
        <v>19.350000000000001</v>
      </c>
      <c r="V547" s="3">
        <v>-0.34</v>
      </c>
      <c r="W547" s="3">
        <v>1.2</v>
      </c>
      <c r="X547" s="3">
        <v>7.02</v>
      </c>
      <c r="Y547" s="3">
        <v>0.09</v>
      </c>
      <c r="Z547" s="3">
        <v>0.06</v>
      </c>
      <c r="AA547" s="4">
        <f t="shared" si="81"/>
        <v>0</v>
      </c>
      <c r="AB547" s="4">
        <f t="shared" si="77"/>
        <v>1.6</v>
      </c>
      <c r="AC547" s="3">
        <f t="shared" si="74"/>
        <v>0.24</v>
      </c>
      <c r="AD547" s="4">
        <f t="shared" si="78"/>
        <v>0</v>
      </c>
      <c r="AE547" s="3">
        <f t="shared" si="75"/>
        <v>-0.36800000000000005</v>
      </c>
      <c r="AF547" s="4">
        <f t="shared" si="82"/>
        <v>0</v>
      </c>
      <c r="AG547" s="3">
        <f t="shared" si="79"/>
        <v>30.960000000000004</v>
      </c>
      <c r="AH547" s="4">
        <f t="shared" si="80"/>
        <v>0</v>
      </c>
      <c r="AI547" s="3">
        <f t="shared" si="76"/>
        <v>-0.34</v>
      </c>
      <c r="AJ547" s="14"/>
      <c r="AK547" s="14"/>
    </row>
    <row r="548" spans="1:37">
      <c r="A548" s="1" t="s">
        <v>52</v>
      </c>
      <c r="B548" s="2">
        <v>0.76263888888888898</v>
      </c>
      <c r="C548" s="3">
        <v>192.64</v>
      </c>
      <c r="D548" s="3">
        <v>282.73</v>
      </c>
      <c r="E548" s="3">
        <v>379.95</v>
      </c>
      <c r="F548" s="3">
        <v>306.32</v>
      </c>
      <c r="G548" s="3">
        <v>280.63</v>
      </c>
      <c r="H548" s="3">
        <v>382.12</v>
      </c>
      <c r="I548" s="3">
        <v>99.29</v>
      </c>
      <c r="J548" s="3">
        <v>166.16</v>
      </c>
      <c r="K548" s="3">
        <v>191.76</v>
      </c>
      <c r="L548" s="3">
        <v>234.57</v>
      </c>
      <c r="M548" s="3">
        <v>609.4</v>
      </c>
      <c r="N548" s="3">
        <v>355.24</v>
      </c>
      <c r="O548" s="3">
        <v>750.84</v>
      </c>
      <c r="P548" s="3">
        <v>737.49</v>
      </c>
      <c r="Q548" s="3">
        <v>2286.46</v>
      </c>
      <c r="R548" s="3">
        <v>2286.46</v>
      </c>
      <c r="S548" s="3">
        <v>0.15</v>
      </c>
      <c r="T548" s="3">
        <v>-0.23</v>
      </c>
      <c r="U548" s="3">
        <v>19.36</v>
      </c>
      <c r="V548" s="3">
        <v>-0.39</v>
      </c>
      <c r="W548" s="3">
        <v>1.1499999999999999</v>
      </c>
      <c r="X548" s="3">
        <v>7.36</v>
      </c>
      <c r="Y548" s="3">
        <v>0.09</v>
      </c>
      <c r="Z548" s="3">
        <v>0</v>
      </c>
      <c r="AA548" s="4">
        <f t="shared" si="81"/>
        <v>0</v>
      </c>
      <c r="AB548" s="4">
        <f t="shared" si="77"/>
        <v>1.6</v>
      </c>
      <c r="AC548" s="3">
        <f t="shared" ref="AC548:AC611" si="83">S548*AB548+AA548</f>
        <v>0.24</v>
      </c>
      <c r="AD548" s="4">
        <f t="shared" si="78"/>
        <v>0</v>
      </c>
      <c r="AE548" s="3">
        <f t="shared" ref="AE548:AE611" si="84">T548*AB548+AD548</f>
        <v>-0.36800000000000005</v>
      </c>
      <c r="AF548" s="4">
        <f t="shared" si="82"/>
        <v>0</v>
      </c>
      <c r="AG548" s="3">
        <f t="shared" si="79"/>
        <v>30.975999999999999</v>
      </c>
      <c r="AH548" s="4">
        <f t="shared" si="80"/>
        <v>0</v>
      </c>
      <c r="AI548" s="3">
        <f t="shared" ref="AI548:AI611" si="85">AH548*AB548+V548</f>
        <v>-0.39</v>
      </c>
      <c r="AJ548" s="14"/>
      <c r="AK548" s="14"/>
    </row>
    <row r="549" spans="1:37">
      <c r="A549" s="1" t="s">
        <v>52</v>
      </c>
      <c r="B549" s="2">
        <v>0.76333333333333331</v>
      </c>
      <c r="C549" s="3">
        <v>195.11</v>
      </c>
      <c r="D549" s="3">
        <v>281.64999999999998</v>
      </c>
      <c r="E549" s="3">
        <v>380.29</v>
      </c>
      <c r="F549" s="3">
        <v>305.64999999999998</v>
      </c>
      <c r="G549" s="3">
        <v>282.64</v>
      </c>
      <c r="H549" s="3">
        <v>381.43</v>
      </c>
      <c r="I549" s="3">
        <v>99.33</v>
      </c>
      <c r="J549" s="3">
        <v>165.49</v>
      </c>
      <c r="K549" s="3">
        <v>191.4</v>
      </c>
      <c r="L549" s="3">
        <v>233.7</v>
      </c>
      <c r="M549" s="3">
        <v>607.79</v>
      </c>
      <c r="N549" s="3">
        <v>354.59</v>
      </c>
      <c r="O549" s="3">
        <v>749.47</v>
      </c>
      <c r="P549" s="3">
        <v>735</v>
      </c>
      <c r="Q549" s="3">
        <v>2286.4499999999998</v>
      </c>
      <c r="R549" s="3">
        <v>2286.4499999999998</v>
      </c>
      <c r="S549" s="3">
        <v>0.15</v>
      </c>
      <c r="T549" s="3">
        <v>-0.22</v>
      </c>
      <c r="U549" s="3">
        <v>19.38</v>
      </c>
      <c r="V549" s="3">
        <v>-0.4</v>
      </c>
      <c r="W549" s="3">
        <v>1.1200000000000001</v>
      </c>
      <c r="X549" s="3">
        <v>7.54</v>
      </c>
      <c r="Y549" s="3">
        <v>0.09</v>
      </c>
      <c r="Z549" s="3">
        <v>-0.03</v>
      </c>
      <c r="AA549" s="4">
        <f t="shared" si="81"/>
        <v>0</v>
      </c>
      <c r="AB549" s="4">
        <f t="shared" si="77"/>
        <v>1.6</v>
      </c>
      <c r="AC549" s="3">
        <f t="shared" si="83"/>
        <v>0.24</v>
      </c>
      <c r="AD549" s="4">
        <f t="shared" si="78"/>
        <v>0</v>
      </c>
      <c r="AE549" s="3">
        <f t="shared" si="84"/>
        <v>-0.35200000000000004</v>
      </c>
      <c r="AF549" s="4">
        <f t="shared" si="82"/>
        <v>0</v>
      </c>
      <c r="AG549" s="3">
        <f t="shared" si="79"/>
        <v>31.007999999999999</v>
      </c>
      <c r="AH549" s="4">
        <f t="shared" si="80"/>
        <v>0</v>
      </c>
      <c r="AI549" s="3">
        <f t="shared" si="85"/>
        <v>-0.4</v>
      </c>
      <c r="AJ549" s="14"/>
      <c r="AK549" s="14"/>
    </row>
    <row r="550" spans="1:37">
      <c r="A550" s="1" t="s">
        <v>52</v>
      </c>
      <c r="B550" s="2">
        <v>0.76402777777777775</v>
      </c>
      <c r="C550" s="3">
        <v>197.3</v>
      </c>
      <c r="D550" s="3">
        <v>280.64999999999998</v>
      </c>
      <c r="E550" s="3">
        <v>380.48</v>
      </c>
      <c r="F550" s="3">
        <v>304.97000000000003</v>
      </c>
      <c r="G550" s="3">
        <v>284.72000000000003</v>
      </c>
      <c r="H550" s="3">
        <v>380.8</v>
      </c>
      <c r="I550" s="3">
        <v>99.36</v>
      </c>
      <c r="J550" s="3">
        <v>164.85</v>
      </c>
      <c r="K550" s="3">
        <v>191.07</v>
      </c>
      <c r="L550" s="3">
        <v>232.85</v>
      </c>
      <c r="M550" s="3">
        <v>606.17999999999995</v>
      </c>
      <c r="N550" s="3">
        <v>353.95</v>
      </c>
      <c r="O550" s="3">
        <v>747.93</v>
      </c>
      <c r="P550" s="3">
        <v>732.55</v>
      </c>
      <c r="Q550" s="3">
        <v>2286.4299999999998</v>
      </c>
      <c r="R550" s="3">
        <v>2286.4299999999998</v>
      </c>
      <c r="S550" s="3">
        <v>0.17</v>
      </c>
      <c r="T550" s="3">
        <v>-0.22</v>
      </c>
      <c r="U550" s="3">
        <v>19.39</v>
      </c>
      <c r="V550" s="3">
        <v>-0.32</v>
      </c>
      <c r="W550" s="3">
        <v>1.1100000000000001</v>
      </c>
      <c r="X550" s="3">
        <v>7.68</v>
      </c>
      <c r="Y550" s="3">
        <v>0.08</v>
      </c>
      <c r="Z550" s="3">
        <v>-0.04</v>
      </c>
      <c r="AA550" s="4">
        <f t="shared" si="81"/>
        <v>0</v>
      </c>
      <c r="AB550" s="4">
        <f t="shared" si="77"/>
        <v>1.6</v>
      </c>
      <c r="AC550" s="3">
        <f t="shared" si="83"/>
        <v>0.27200000000000002</v>
      </c>
      <c r="AD550" s="4">
        <f t="shared" si="78"/>
        <v>0</v>
      </c>
      <c r="AE550" s="3">
        <f t="shared" si="84"/>
        <v>-0.35200000000000004</v>
      </c>
      <c r="AF550" s="4">
        <f t="shared" si="82"/>
        <v>0</v>
      </c>
      <c r="AG550" s="3">
        <f t="shared" si="79"/>
        <v>31.024000000000001</v>
      </c>
      <c r="AH550" s="4">
        <f t="shared" si="80"/>
        <v>0</v>
      </c>
      <c r="AI550" s="3">
        <f t="shared" si="85"/>
        <v>-0.32</v>
      </c>
      <c r="AJ550" s="14"/>
      <c r="AK550" s="14"/>
    </row>
    <row r="551" spans="1:37">
      <c r="A551" s="1" t="s">
        <v>52</v>
      </c>
      <c r="B551" s="2">
        <v>0.76472222222222219</v>
      </c>
      <c r="C551" s="3">
        <v>199.28</v>
      </c>
      <c r="D551" s="3">
        <v>279.72000000000003</v>
      </c>
      <c r="E551" s="3">
        <v>380.93</v>
      </c>
      <c r="F551" s="3">
        <v>304.27999999999997</v>
      </c>
      <c r="G551" s="3">
        <v>286.49</v>
      </c>
      <c r="H551" s="3">
        <v>380.2</v>
      </c>
      <c r="I551" s="3">
        <v>99.33</v>
      </c>
      <c r="J551" s="3">
        <v>164.24</v>
      </c>
      <c r="K551" s="3">
        <v>190.77</v>
      </c>
      <c r="L551" s="3">
        <v>232.01</v>
      </c>
      <c r="M551" s="3">
        <v>604.53</v>
      </c>
      <c r="N551" s="3">
        <v>353.34</v>
      </c>
      <c r="O551" s="3">
        <v>746.37</v>
      </c>
      <c r="P551" s="3">
        <v>730.1</v>
      </c>
      <c r="Q551" s="3">
        <v>2286.41</v>
      </c>
      <c r="R551" s="3">
        <v>2286.41</v>
      </c>
      <c r="S551" s="3">
        <v>0.19</v>
      </c>
      <c r="T551" s="3">
        <v>-0.21</v>
      </c>
      <c r="U551" s="3">
        <v>19.41</v>
      </c>
      <c r="V551" s="3">
        <v>-0.35</v>
      </c>
      <c r="W551" s="3">
        <v>1.08</v>
      </c>
      <c r="X551" s="3">
        <v>7.81</v>
      </c>
      <c r="Y551" s="3">
        <v>0.08</v>
      </c>
      <c r="Z551" s="3">
        <v>-0.03</v>
      </c>
      <c r="AA551" s="4">
        <f t="shared" si="81"/>
        <v>0</v>
      </c>
      <c r="AB551" s="4">
        <f t="shared" si="77"/>
        <v>1.6</v>
      </c>
      <c r="AC551" s="3">
        <f t="shared" si="83"/>
        <v>0.30400000000000005</v>
      </c>
      <c r="AD551" s="4">
        <f t="shared" si="78"/>
        <v>0</v>
      </c>
      <c r="AE551" s="3">
        <f t="shared" si="84"/>
        <v>-0.33600000000000002</v>
      </c>
      <c r="AF551" s="4">
        <f t="shared" si="82"/>
        <v>0</v>
      </c>
      <c r="AG551" s="3">
        <f t="shared" si="79"/>
        <v>31.056000000000001</v>
      </c>
      <c r="AH551" s="4">
        <f t="shared" si="80"/>
        <v>0</v>
      </c>
      <c r="AI551" s="3">
        <f t="shared" si="85"/>
        <v>-0.35</v>
      </c>
      <c r="AJ551" s="14"/>
      <c r="AK551" s="14"/>
    </row>
    <row r="552" spans="1:37">
      <c r="A552" s="1" t="s">
        <v>52</v>
      </c>
      <c r="B552" s="2">
        <v>0.76541666666666675</v>
      </c>
      <c r="C552" s="3">
        <v>201.14</v>
      </c>
      <c r="D552" s="3">
        <v>278.87</v>
      </c>
      <c r="E552" s="3">
        <v>381.12</v>
      </c>
      <c r="F552" s="3">
        <v>303.58999999999997</v>
      </c>
      <c r="G552" s="3">
        <v>287.95</v>
      </c>
      <c r="H552" s="3">
        <v>379.65</v>
      </c>
      <c r="I552" s="3">
        <v>99.33</v>
      </c>
      <c r="J552" s="3">
        <v>163.65</v>
      </c>
      <c r="K552" s="3">
        <v>190.5</v>
      </c>
      <c r="L552" s="3">
        <v>231.21</v>
      </c>
      <c r="M552" s="3">
        <v>602.86</v>
      </c>
      <c r="N552" s="3">
        <v>352.75</v>
      </c>
      <c r="O552" s="3">
        <v>744.67</v>
      </c>
      <c r="P552" s="3">
        <v>727.7</v>
      </c>
      <c r="Q552" s="3">
        <v>2286.4</v>
      </c>
      <c r="R552" s="3">
        <v>2286.4</v>
      </c>
      <c r="S552" s="3">
        <v>0.19</v>
      </c>
      <c r="T552" s="3">
        <v>-0.2</v>
      </c>
      <c r="U552" s="3">
        <v>19.420000000000002</v>
      </c>
      <c r="V552" s="3">
        <v>-0.31</v>
      </c>
      <c r="W552" s="3">
        <v>1.05</v>
      </c>
      <c r="X552" s="3">
        <v>7.87</v>
      </c>
      <c r="Y552" s="3">
        <v>0.08</v>
      </c>
      <c r="Z552" s="3">
        <v>-0.03</v>
      </c>
      <c r="AA552" s="4">
        <f t="shared" si="81"/>
        <v>0</v>
      </c>
      <c r="AB552" s="4">
        <f t="shared" si="77"/>
        <v>1.6</v>
      </c>
      <c r="AC552" s="3">
        <f t="shared" si="83"/>
        <v>0.30400000000000005</v>
      </c>
      <c r="AD552" s="4">
        <f t="shared" si="78"/>
        <v>0</v>
      </c>
      <c r="AE552" s="3">
        <f t="shared" si="84"/>
        <v>-0.32000000000000006</v>
      </c>
      <c r="AF552" s="4">
        <f t="shared" si="82"/>
        <v>0</v>
      </c>
      <c r="AG552" s="3">
        <f t="shared" si="79"/>
        <v>31.072000000000003</v>
      </c>
      <c r="AH552" s="4">
        <f t="shared" si="80"/>
        <v>0</v>
      </c>
      <c r="AI552" s="3">
        <f t="shared" si="85"/>
        <v>-0.31</v>
      </c>
      <c r="AJ552" s="14"/>
      <c r="AK552" s="14"/>
    </row>
    <row r="553" spans="1:37">
      <c r="A553" s="1" t="s">
        <v>52</v>
      </c>
      <c r="B553" s="2">
        <v>0.76611111111111108</v>
      </c>
      <c r="C553" s="3">
        <v>202.91</v>
      </c>
      <c r="D553" s="3">
        <v>278.04000000000002</v>
      </c>
      <c r="E553" s="3">
        <v>381.07</v>
      </c>
      <c r="F553" s="3">
        <v>302.88</v>
      </c>
      <c r="G553" s="3">
        <v>289.25</v>
      </c>
      <c r="H553" s="3">
        <v>379.11</v>
      </c>
      <c r="I553" s="3">
        <v>99.29</v>
      </c>
      <c r="J553" s="3">
        <v>163.08000000000001</v>
      </c>
      <c r="K553" s="3">
        <v>190.21</v>
      </c>
      <c r="L553" s="3">
        <v>230.42</v>
      </c>
      <c r="M553" s="3">
        <v>601.17999999999995</v>
      </c>
      <c r="N553" s="3">
        <v>352.13</v>
      </c>
      <c r="O553" s="3">
        <v>742.94</v>
      </c>
      <c r="P553" s="3">
        <v>725.31</v>
      </c>
      <c r="Q553" s="3">
        <v>2286.39</v>
      </c>
      <c r="R553" s="3">
        <v>2286.39</v>
      </c>
      <c r="S553" s="3">
        <v>0.19</v>
      </c>
      <c r="T553" s="3">
        <v>-0.21</v>
      </c>
      <c r="U553" s="3">
        <v>19.440000000000001</v>
      </c>
      <c r="V553" s="3">
        <v>-0.28999999999999998</v>
      </c>
      <c r="W553" s="3">
        <v>1</v>
      </c>
      <c r="X553" s="3">
        <v>8.06</v>
      </c>
      <c r="Y553" s="3">
        <v>0.08</v>
      </c>
      <c r="Z553" s="3">
        <v>-0.05</v>
      </c>
      <c r="AA553" s="4">
        <f t="shared" si="81"/>
        <v>0</v>
      </c>
      <c r="AB553" s="4">
        <f t="shared" si="77"/>
        <v>1.6</v>
      </c>
      <c r="AC553" s="3">
        <f t="shared" si="83"/>
        <v>0.30400000000000005</v>
      </c>
      <c r="AD553" s="4">
        <f t="shared" si="78"/>
        <v>0</v>
      </c>
      <c r="AE553" s="3">
        <f t="shared" si="84"/>
        <v>-0.33600000000000002</v>
      </c>
      <c r="AF553" s="4">
        <f t="shared" si="82"/>
        <v>0</v>
      </c>
      <c r="AG553" s="3">
        <f t="shared" si="79"/>
        <v>31.104000000000003</v>
      </c>
      <c r="AH553" s="4">
        <f t="shared" si="80"/>
        <v>0</v>
      </c>
      <c r="AI553" s="3">
        <f t="shared" si="85"/>
        <v>-0.28999999999999998</v>
      </c>
      <c r="AJ553" s="14"/>
      <c r="AK553" s="14"/>
    </row>
    <row r="554" spans="1:37">
      <c r="A554" s="1" t="s">
        <v>52</v>
      </c>
      <c r="B554" s="2">
        <v>0.76680555555555552</v>
      </c>
      <c r="C554" s="3">
        <v>204.62</v>
      </c>
      <c r="D554" s="3">
        <v>277.27</v>
      </c>
      <c r="E554" s="3">
        <v>381.04</v>
      </c>
      <c r="F554" s="3">
        <v>302.16000000000003</v>
      </c>
      <c r="G554" s="3">
        <v>290.38</v>
      </c>
      <c r="H554" s="3">
        <v>378.59</v>
      </c>
      <c r="I554" s="3">
        <v>99.31</v>
      </c>
      <c r="J554" s="3">
        <v>162.54</v>
      </c>
      <c r="K554" s="3">
        <v>189.9</v>
      </c>
      <c r="L554" s="3">
        <v>229.65</v>
      </c>
      <c r="M554" s="3">
        <v>599.48</v>
      </c>
      <c r="N554" s="3">
        <v>351.53</v>
      </c>
      <c r="O554" s="3">
        <v>741.23</v>
      </c>
      <c r="P554" s="3">
        <v>722.95</v>
      </c>
      <c r="Q554" s="3">
        <v>2286.38</v>
      </c>
      <c r="R554" s="3">
        <v>2286.38</v>
      </c>
      <c r="S554" s="3">
        <v>0.19</v>
      </c>
      <c r="T554" s="3">
        <v>-0.2</v>
      </c>
      <c r="U554" s="3">
        <v>19.46</v>
      </c>
      <c r="V554" s="3">
        <v>-0.28999999999999998</v>
      </c>
      <c r="W554" s="3">
        <v>1</v>
      </c>
      <c r="X554" s="3">
        <v>8.1</v>
      </c>
      <c r="Y554" s="3">
        <v>7.0000000000000007E-2</v>
      </c>
      <c r="Z554" s="3">
        <v>-0.06</v>
      </c>
      <c r="AA554" s="4">
        <f t="shared" si="81"/>
        <v>0</v>
      </c>
      <c r="AB554" s="4">
        <f t="shared" si="77"/>
        <v>1.6</v>
      </c>
      <c r="AC554" s="3">
        <f t="shared" si="83"/>
        <v>0.30400000000000005</v>
      </c>
      <c r="AD554" s="4">
        <f t="shared" si="78"/>
        <v>0</v>
      </c>
      <c r="AE554" s="3">
        <f t="shared" si="84"/>
        <v>-0.32000000000000006</v>
      </c>
      <c r="AF554" s="4">
        <f t="shared" si="82"/>
        <v>0</v>
      </c>
      <c r="AG554" s="3">
        <f t="shared" si="79"/>
        <v>31.136000000000003</v>
      </c>
      <c r="AH554" s="4">
        <f t="shared" si="80"/>
        <v>0</v>
      </c>
      <c r="AI554" s="3">
        <f t="shared" si="85"/>
        <v>-0.28999999999999998</v>
      </c>
      <c r="AJ554" s="14"/>
      <c r="AK554" s="14"/>
    </row>
    <row r="555" spans="1:37">
      <c r="A555" s="1" t="s">
        <v>52</v>
      </c>
      <c r="B555" s="2">
        <v>0.76750000000000007</v>
      </c>
      <c r="C555" s="3">
        <v>206.24</v>
      </c>
      <c r="D555" s="3">
        <v>276.52</v>
      </c>
      <c r="E555" s="3">
        <v>380.97</v>
      </c>
      <c r="F555" s="3">
        <v>301.43</v>
      </c>
      <c r="G555" s="3">
        <v>291.35000000000002</v>
      </c>
      <c r="H555" s="3">
        <v>378.09</v>
      </c>
      <c r="I555" s="3">
        <v>99.29</v>
      </c>
      <c r="J555" s="3">
        <v>162.01</v>
      </c>
      <c r="K555" s="3">
        <v>189.57</v>
      </c>
      <c r="L555" s="3">
        <v>228.89</v>
      </c>
      <c r="M555" s="3">
        <v>597.76</v>
      </c>
      <c r="N555" s="3">
        <v>350.96</v>
      </c>
      <c r="O555" s="3">
        <v>739.38</v>
      </c>
      <c r="P555" s="3">
        <v>720.59</v>
      </c>
      <c r="Q555" s="3">
        <v>2286.37</v>
      </c>
      <c r="R555" s="3">
        <v>2286.37</v>
      </c>
      <c r="S555" s="3">
        <v>0.21</v>
      </c>
      <c r="T555" s="3">
        <v>-0.2</v>
      </c>
      <c r="U555" s="3">
        <v>19.47</v>
      </c>
      <c r="V555" s="3">
        <v>-0.27</v>
      </c>
      <c r="W555" s="3">
        <v>1</v>
      </c>
      <c r="X555" s="3">
        <v>8.17</v>
      </c>
      <c r="Y555" s="3">
        <v>0.06</v>
      </c>
      <c r="Z555" s="3">
        <v>-0.06</v>
      </c>
      <c r="AA555" s="4">
        <f t="shared" si="81"/>
        <v>0</v>
      </c>
      <c r="AB555" s="4">
        <f t="shared" si="77"/>
        <v>1.6</v>
      </c>
      <c r="AC555" s="3">
        <f t="shared" si="83"/>
        <v>0.33600000000000002</v>
      </c>
      <c r="AD555" s="4">
        <f t="shared" si="78"/>
        <v>0</v>
      </c>
      <c r="AE555" s="3">
        <f t="shared" si="84"/>
        <v>-0.32000000000000006</v>
      </c>
      <c r="AF555" s="4">
        <f t="shared" si="82"/>
        <v>0</v>
      </c>
      <c r="AG555" s="3">
        <f t="shared" si="79"/>
        <v>31.152000000000001</v>
      </c>
      <c r="AH555" s="4">
        <f t="shared" si="80"/>
        <v>0</v>
      </c>
      <c r="AI555" s="3">
        <f t="shared" si="85"/>
        <v>-0.27</v>
      </c>
      <c r="AJ555" s="14"/>
      <c r="AK555" s="14"/>
    </row>
    <row r="556" spans="1:37">
      <c r="A556" s="1" t="s">
        <v>52</v>
      </c>
      <c r="B556" s="2">
        <v>0.76820601851851855</v>
      </c>
      <c r="C556" s="3">
        <v>207.66</v>
      </c>
      <c r="D556" s="3">
        <v>275.82</v>
      </c>
      <c r="E556" s="3">
        <v>380.86</v>
      </c>
      <c r="F556" s="3">
        <v>300.69</v>
      </c>
      <c r="G556" s="3">
        <v>292.20999999999998</v>
      </c>
      <c r="H556" s="3">
        <v>377.59</v>
      </c>
      <c r="I556" s="3">
        <v>99.22</v>
      </c>
      <c r="J556" s="3">
        <v>161.5</v>
      </c>
      <c r="K556" s="3">
        <v>189.25</v>
      </c>
      <c r="L556" s="3">
        <v>228.15</v>
      </c>
      <c r="M556" s="3">
        <v>596.04999999999995</v>
      </c>
      <c r="N556" s="3">
        <v>350.39</v>
      </c>
      <c r="O556" s="3">
        <v>737.47</v>
      </c>
      <c r="P556" s="3">
        <v>718.24</v>
      </c>
      <c r="Q556" s="3">
        <v>2286.37</v>
      </c>
      <c r="R556" s="3">
        <v>2286.37</v>
      </c>
      <c r="S556" s="3">
        <v>0.24</v>
      </c>
      <c r="T556" s="3">
        <v>-0.2</v>
      </c>
      <c r="U556" s="3">
        <v>19.489999999999998</v>
      </c>
      <c r="V556" s="3">
        <v>-0.28999999999999998</v>
      </c>
      <c r="W556" s="3">
        <v>1</v>
      </c>
      <c r="X556" s="3">
        <v>8.25</v>
      </c>
      <c r="Y556" s="3">
        <v>0.06</v>
      </c>
      <c r="Z556" s="3">
        <v>-0.05</v>
      </c>
      <c r="AA556" s="4">
        <f t="shared" si="81"/>
        <v>0</v>
      </c>
      <c r="AB556" s="4">
        <f t="shared" si="77"/>
        <v>1.6</v>
      </c>
      <c r="AC556" s="3">
        <f t="shared" si="83"/>
        <v>0.38400000000000001</v>
      </c>
      <c r="AD556" s="4">
        <f t="shared" si="78"/>
        <v>0</v>
      </c>
      <c r="AE556" s="3">
        <f t="shared" si="84"/>
        <v>-0.32000000000000006</v>
      </c>
      <c r="AF556" s="4">
        <f t="shared" si="82"/>
        <v>0</v>
      </c>
      <c r="AG556" s="3">
        <f t="shared" si="79"/>
        <v>31.183999999999997</v>
      </c>
      <c r="AH556" s="4">
        <f t="shared" si="80"/>
        <v>0</v>
      </c>
      <c r="AI556" s="3">
        <f t="shared" si="85"/>
        <v>-0.28999999999999998</v>
      </c>
      <c r="AJ556" s="14"/>
      <c r="AK556" s="14"/>
    </row>
    <row r="557" spans="1:37">
      <c r="A557" s="1" t="s">
        <v>52</v>
      </c>
      <c r="B557" s="2">
        <v>0.76890046296296299</v>
      </c>
      <c r="C557" s="3">
        <v>209.02</v>
      </c>
      <c r="D557" s="3">
        <v>275.14999999999998</v>
      </c>
      <c r="E557" s="3">
        <v>380.71</v>
      </c>
      <c r="F557" s="3">
        <v>299.95</v>
      </c>
      <c r="G557" s="3">
        <v>292.94</v>
      </c>
      <c r="H557" s="3">
        <v>377.1</v>
      </c>
      <c r="I557" s="3">
        <v>99.16</v>
      </c>
      <c r="J557" s="3">
        <v>161.01</v>
      </c>
      <c r="K557" s="3">
        <v>188.92</v>
      </c>
      <c r="L557" s="3">
        <v>227.43</v>
      </c>
      <c r="M557" s="3">
        <v>594.35</v>
      </c>
      <c r="N557" s="3">
        <v>349.81</v>
      </c>
      <c r="O557" s="3">
        <v>735.55</v>
      </c>
      <c r="P557" s="3">
        <v>715.93</v>
      </c>
      <c r="Q557" s="3">
        <v>2286.36</v>
      </c>
      <c r="R557" s="3">
        <v>2286.36</v>
      </c>
      <c r="S557" s="3">
        <v>0.24</v>
      </c>
      <c r="T557" s="3">
        <v>-0.2</v>
      </c>
      <c r="U557" s="3">
        <v>19.510000000000002</v>
      </c>
      <c r="V557" s="3">
        <v>-0.33</v>
      </c>
      <c r="W557" s="3">
        <v>1</v>
      </c>
      <c r="X557" s="3">
        <v>8.2899999999999991</v>
      </c>
      <c r="Y557" s="3">
        <v>0.06</v>
      </c>
      <c r="Z557" s="3">
        <v>-0.03</v>
      </c>
      <c r="AA557" s="4">
        <f t="shared" si="81"/>
        <v>0</v>
      </c>
      <c r="AB557" s="4">
        <f t="shared" si="77"/>
        <v>1.6</v>
      </c>
      <c r="AC557" s="3">
        <f t="shared" si="83"/>
        <v>0.38400000000000001</v>
      </c>
      <c r="AD557" s="4">
        <f t="shared" si="78"/>
        <v>0</v>
      </c>
      <c r="AE557" s="3">
        <f t="shared" si="84"/>
        <v>-0.32000000000000006</v>
      </c>
      <c r="AF557" s="4">
        <f t="shared" si="82"/>
        <v>0</v>
      </c>
      <c r="AG557" s="3">
        <f t="shared" si="79"/>
        <v>31.216000000000005</v>
      </c>
      <c r="AH557" s="4">
        <f t="shared" si="80"/>
        <v>0</v>
      </c>
      <c r="AI557" s="3">
        <f t="shared" si="85"/>
        <v>-0.33</v>
      </c>
      <c r="AJ557" s="14"/>
      <c r="AK557" s="14"/>
    </row>
    <row r="558" spans="1:37">
      <c r="A558" s="1" t="s">
        <v>52</v>
      </c>
      <c r="B558" s="2">
        <v>0.76959490740740744</v>
      </c>
      <c r="C558" s="3">
        <v>210.32</v>
      </c>
      <c r="D558" s="3">
        <v>274.5</v>
      </c>
      <c r="E558" s="3">
        <v>380.53</v>
      </c>
      <c r="F558" s="3">
        <v>299.2</v>
      </c>
      <c r="G558" s="3">
        <v>293.55</v>
      </c>
      <c r="H558" s="3">
        <v>376.62</v>
      </c>
      <c r="I558" s="3">
        <v>99.06</v>
      </c>
      <c r="J558" s="3">
        <v>160.53</v>
      </c>
      <c r="K558" s="3">
        <v>188.59</v>
      </c>
      <c r="L558" s="3">
        <v>226.71</v>
      </c>
      <c r="M558" s="3">
        <v>592.59</v>
      </c>
      <c r="N558" s="3">
        <v>349.24</v>
      </c>
      <c r="O558" s="3">
        <v>733.62</v>
      </c>
      <c r="P558" s="3">
        <v>713.61</v>
      </c>
      <c r="Q558" s="3">
        <v>2286.35</v>
      </c>
      <c r="R558" s="3">
        <v>2286.35</v>
      </c>
      <c r="S558" s="3">
        <v>0.23</v>
      </c>
      <c r="T558" s="3">
        <v>-0.2</v>
      </c>
      <c r="U558" s="3">
        <v>19.53</v>
      </c>
      <c r="V558" s="3">
        <v>-0.36</v>
      </c>
      <c r="W558" s="3">
        <v>1</v>
      </c>
      <c r="X558" s="3">
        <v>8.3000000000000007</v>
      </c>
      <c r="Y558" s="3">
        <v>0.06</v>
      </c>
      <c r="Z558" s="3">
        <v>-0.02</v>
      </c>
      <c r="AA558" s="4">
        <f t="shared" si="81"/>
        <v>0</v>
      </c>
      <c r="AB558" s="4">
        <f t="shared" si="77"/>
        <v>1.6</v>
      </c>
      <c r="AC558" s="3">
        <f t="shared" si="83"/>
        <v>0.36800000000000005</v>
      </c>
      <c r="AD558" s="4">
        <f t="shared" si="78"/>
        <v>0</v>
      </c>
      <c r="AE558" s="3">
        <f t="shared" si="84"/>
        <v>-0.32000000000000006</v>
      </c>
      <c r="AF558" s="4">
        <f t="shared" si="82"/>
        <v>0</v>
      </c>
      <c r="AG558" s="3">
        <f t="shared" si="79"/>
        <v>31.248000000000005</v>
      </c>
      <c r="AH558" s="4">
        <f t="shared" si="80"/>
        <v>0</v>
      </c>
      <c r="AI558" s="3">
        <f t="shared" si="85"/>
        <v>-0.36</v>
      </c>
      <c r="AJ558" s="14"/>
      <c r="AK558" s="14"/>
    </row>
    <row r="559" spans="1:37">
      <c r="A559" s="1" t="s">
        <v>52</v>
      </c>
      <c r="B559" s="2">
        <v>0.77028935185185177</v>
      </c>
      <c r="C559" s="3">
        <v>211.49</v>
      </c>
      <c r="D559" s="3">
        <v>273.86</v>
      </c>
      <c r="E559" s="3">
        <v>380.31</v>
      </c>
      <c r="F559" s="3">
        <v>298.43</v>
      </c>
      <c r="G559" s="3">
        <v>294.08999999999997</v>
      </c>
      <c r="H559" s="3">
        <v>376.12</v>
      </c>
      <c r="I559" s="3">
        <v>98.97</v>
      </c>
      <c r="J559" s="3">
        <v>160.05000000000001</v>
      </c>
      <c r="K559" s="3">
        <v>188.28</v>
      </c>
      <c r="L559" s="3">
        <v>226</v>
      </c>
      <c r="M559" s="3">
        <v>590.82000000000005</v>
      </c>
      <c r="N559" s="3">
        <v>348.67</v>
      </c>
      <c r="O559" s="3">
        <v>731.66</v>
      </c>
      <c r="P559" s="3">
        <v>711.31</v>
      </c>
      <c r="Q559" s="3">
        <v>2286.33</v>
      </c>
      <c r="R559" s="3">
        <v>2286.33</v>
      </c>
      <c r="S559" s="3">
        <v>0.24</v>
      </c>
      <c r="T559" s="3">
        <v>-0.2</v>
      </c>
      <c r="U559" s="3">
        <v>19.54</v>
      </c>
      <c r="V559" s="3">
        <v>-0.33</v>
      </c>
      <c r="W559" s="3">
        <v>0.97</v>
      </c>
      <c r="X559" s="3">
        <v>8.3000000000000007</v>
      </c>
      <c r="Y559" s="3">
        <v>0.05</v>
      </c>
      <c r="Z559" s="3">
        <v>-7.0000000000000007E-2</v>
      </c>
      <c r="AA559" s="4">
        <f t="shared" si="81"/>
        <v>0</v>
      </c>
      <c r="AB559" s="4">
        <f t="shared" ref="AB559:AB622" si="86">AB558</f>
        <v>1.6</v>
      </c>
      <c r="AC559" s="3">
        <f t="shared" si="83"/>
        <v>0.38400000000000001</v>
      </c>
      <c r="AD559" s="4">
        <f t="shared" si="78"/>
        <v>0</v>
      </c>
      <c r="AE559" s="3">
        <f t="shared" si="84"/>
        <v>-0.32000000000000006</v>
      </c>
      <c r="AF559" s="4">
        <f t="shared" si="82"/>
        <v>0</v>
      </c>
      <c r="AG559" s="3">
        <f t="shared" si="79"/>
        <v>31.263999999999999</v>
      </c>
      <c r="AH559" s="4">
        <f t="shared" si="80"/>
        <v>0</v>
      </c>
      <c r="AI559" s="3">
        <f t="shared" si="85"/>
        <v>-0.33</v>
      </c>
      <c r="AJ559" s="14"/>
      <c r="AK559" s="14"/>
    </row>
    <row r="560" spans="1:37">
      <c r="A560" s="1" t="s">
        <v>52</v>
      </c>
      <c r="B560" s="2">
        <v>0.77098379629629632</v>
      </c>
      <c r="C560" s="3">
        <v>212.56</v>
      </c>
      <c r="D560" s="3">
        <v>273.25</v>
      </c>
      <c r="E560" s="3">
        <v>380.04</v>
      </c>
      <c r="F560" s="3">
        <v>297.66000000000003</v>
      </c>
      <c r="G560" s="3">
        <v>294.58</v>
      </c>
      <c r="H560" s="3">
        <v>375.63</v>
      </c>
      <c r="I560" s="3">
        <v>98.89</v>
      </c>
      <c r="J560" s="3">
        <v>159.6</v>
      </c>
      <c r="K560" s="3">
        <v>187.97</v>
      </c>
      <c r="L560" s="3">
        <v>225.3</v>
      </c>
      <c r="M560" s="3">
        <v>589.04999999999995</v>
      </c>
      <c r="N560" s="3">
        <v>348.1</v>
      </c>
      <c r="O560" s="3">
        <v>729.58</v>
      </c>
      <c r="P560" s="3">
        <v>709.03</v>
      </c>
      <c r="Q560" s="3">
        <v>2286.34</v>
      </c>
      <c r="R560" s="3">
        <v>2286.34</v>
      </c>
      <c r="S560" s="3">
        <v>0.24</v>
      </c>
      <c r="T560" s="3">
        <v>-0.19</v>
      </c>
      <c r="U560" s="3">
        <v>19.559999999999999</v>
      </c>
      <c r="V560" s="3">
        <v>-0.32</v>
      </c>
      <c r="W560" s="3">
        <v>0.96</v>
      </c>
      <c r="X560" s="3">
        <v>8.3000000000000007</v>
      </c>
      <c r="Y560" s="3">
        <v>0.05</v>
      </c>
      <c r="Z560" s="3">
        <v>-7.0000000000000007E-2</v>
      </c>
      <c r="AA560" s="4">
        <f t="shared" si="81"/>
        <v>0</v>
      </c>
      <c r="AB560" s="4">
        <f t="shared" si="86"/>
        <v>1.6</v>
      </c>
      <c r="AC560" s="3">
        <f t="shared" si="83"/>
        <v>0.38400000000000001</v>
      </c>
      <c r="AD560" s="4">
        <f t="shared" si="78"/>
        <v>0</v>
      </c>
      <c r="AE560" s="3">
        <f t="shared" si="84"/>
        <v>-0.30400000000000005</v>
      </c>
      <c r="AF560" s="4">
        <f t="shared" si="82"/>
        <v>0</v>
      </c>
      <c r="AG560" s="3">
        <f t="shared" si="79"/>
        <v>31.295999999999999</v>
      </c>
      <c r="AH560" s="4">
        <f t="shared" si="80"/>
        <v>0</v>
      </c>
      <c r="AI560" s="3">
        <f t="shared" si="85"/>
        <v>-0.32</v>
      </c>
      <c r="AJ560" s="14"/>
      <c r="AK560" s="14"/>
    </row>
    <row r="561" spans="1:37">
      <c r="A561" s="1" t="s">
        <v>52</v>
      </c>
      <c r="B561" s="2">
        <v>0.77167824074074076</v>
      </c>
      <c r="C561" s="3">
        <v>213.54</v>
      </c>
      <c r="D561" s="3">
        <v>272.64</v>
      </c>
      <c r="E561" s="3">
        <v>379.73</v>
      </c>
      <c r="F561" s="3">
        <v>296.87</v>
      </c>
      <c r="G561" s="3">
        <v>294.95999999999998</v>
      </c>
      <c r="H561" s="3">
        <v>375.12</v>
      </c>
      <c r="I561" s="3">
        <v>98.77</v>
      </c>
      <c r="J561" s="3">
        <v>159.13999999999999</v>
      </c>
      <c r="K561" s="3">
        <v>187.66</v>
      </c>
      <c r="L561" s="3">
        <v>224.62</v>
      </c>
      <c r="M561" s="3">
        <v>587.29</v>
      </c>
      <c r="N561" s="3">
        <v>347.52</v>
      </c>
      <c r="O561" s="3">
        <v>727.55</v>
      </c>
      <c r="P561" s="3">
        <v>706.76</v>
      </c>
      <c r="Q561" s="3">
        <v>2286.3200000000002</v>
      </c>
      <c r="R561" s="3">
        <v>2286.3200000000002</v>
      </c>
      <c r="S561" s="3">
        <v>0.24</v>
      </c>
      <c r="T561" s="3">
        <v>-0.19</v>
      </c>
      <c r="U561" s="3">
        <v>19.579999999999998</v>
      </c>
      <c r="V561" s="3">
        <v>-0.31</v>
      </c>
      <c r="W561" s="3">
        <v>0.94</v>
      </c>
      <c r="X561" s="3">
        <v>8.3000000000000007</v>
      </c>
      <c r="Y561" s="3">
        <v>0.05</v>
      </c>
      <c r="Z561" s="3">
        <v>-0.04</v>
      </c>
      <c r="AA561" s="4">
        <f t="shared" si="81"/>
        <v>0</v>
      </c>
      <c r="AB561" s="4">
        <f t="shared" si="86"/>
        <v>1.6</v>
      </c>
      <c r="AC561" s="3">
        <f t="shared" si="83"/>
        <v>0.38400000000000001</v>
      </c>
      <c r="AD561" s="4">
        <f t="shared" si="78"/>
        <v>0</v>
      </c>
      <c r="AE561" s="3">
        <f t="shared" si="84"/>
        <v>-0.30400000000000005</v>
      </c>
      <c r="AF561" s="4">
        <f t="shared" si="82"/>
        <v>0</v>
      </c>
      <c r="AG561" s="3">
        <f t="shared" si="79"/>
        <v>31.327999999999999</v>
      </c>
      <c r="AH561" s="4">
        <f t="shared" si="80"/>
        <v>0</v>
      </c>
      <c r="AI561" s="3">
        <f t="shared" si="85"/>
        <v>-0.31</v>
      </c>
      <c r="AJ561" s="14"/>
      <c r="AK561" s="14"/>
    </row>
    <row r="562" spans="1:37">
      <c r="A562" s="1" t="s">
        <v>52</v>
      </c>
      <c r="B562" s="2">
        <v>0.7723726851851852</v>
      </c>
      <c r="C562" s="3">
        <v>214.45</v>
      </c>
      <c r="D562" s="3">
        <v>272.04000000000002</v>
      </c>
      <c r="E562" s="3">
        <v>379.42</v>
      </c>
      <c r="F562" s="3">
        <v>296.08</v>
      </c>
      <c r="G562" s="3">
        <v>295.3</v>
      </c>
      <c r="H562" s="3">
        <v>374.61</v>
      </c>
      <c r="I562" s="3">
        <v>98.67</v>
      </c>
      <c r="J562" s="3">
        <v>158.71</v>
      </c>
      <c r="K562" s="3">
        <v>187.35</v>
      </c>
      <c r="L562" s="3">
        <v>223.92</v>
      </c>
      <c r="M562" s="3">
        <v>585.5</v>
      </c>
      <c r="N562" s="3">
        <v>346.93</v>
      </c>
      <c r="O562" s="3">
        <v>725.51</v>
      </c>
      <c r="P562" s="3">
        <v>704.51</v>
      </c>
      <c r="Q562" s="3">
        <v>2286.3200000000002</v>
      </c>
      <c r="R562" s="3">
        <v>2286.3200000000002</v>
      </c>
      <c r="S562" s="3">
        <v>0.23</v>
      </c>
      <c r="T562" s="3">
        <v>-0.18</v>
      </c>
      <c r="U562" s="3">
        <v>19.600000000000001</v>
      </c>
      <c r="V562" s="3">
        <v>-0.31</v>
      </c>
      <c r="W562" s="3">
        <v>0.92</v>
      </c>
      <c r="X562" s="3">
        <v>8.2899999999999991</v>
      </c>
      <c r="Y562" s="3">
        <v>0.05</v>
      </c>
      <c r="Z562" s="3">
        <v>-7.0000000000000007E-2</v>
      </c>
      <c r="AA562" s="4">
        <f t="shared" si="81"/>
        <v>0</v>
      </c>
      <c r="AB562" s="4">
        <f t="shared" si="86"/>
        <v>1.6</v>
      </c>
      <c r="AC562" s="3">
        <f t="shared" si="83"/>
        <v>0.36800000000000005</v>
      </c>
      <c r="AD562" s="4">
        <f t="shared" si="78"/>
        <v>0</v>
      </c>
      <c r="AE562" s="3">
        <f t="shared" si="84"/>
        <v>-0.28799999999999998</v>
      </c>
      <c r="AF562" s="4">
        <f t="shared" si="82"/>
        <v>0</v>
      </c>
      <c r="AG562" s="3">
        <f t="shared" si="79"/>
        <v>31.360000000000003</v>
      </c>
      <c r="AH562" s="4">
        <f t="shared" si="80"/>
        <v>0</v>
      </c>
      <c r="AI562" s="3">
        <f t="shared" si="85"/>
        <v>-0.31</v>
      </c>
      <c r="AJ562" s="14"/>
      <c r="AK562" s="14"/>
    </row>
    <row r="563" spans="1:37">
      <c r="A563" s="1" t="s">
        <v>52</v>
      </c>
      <c r="B563" s="2">
        <v>0.77307870370370368</v>
      </c>
      <c r="C563" s="3">
        <v>215.28</v>
      </c>
      <c r="D563" s="3">
        <v>271.45</v>
      </c>
      <c r="E563" s="3">
        <v>379.07</v>
      </c>
      <c r="F563" s="3">
        <v>295.3</v>
      </c>
      <c r="G563" s="3">
        <v>295.55</v>
      </c>
      <c r="H563" s="3">
        <v>374.1</v>
      </c>
      <c r="I563" s="3">
        <v>98.56</v>
      </c>
      <c r="J563" s="3">
        <v>158.29</v>
      </c>
      <c r="K563" s="3">
        <v>187.04</v>
      </c>
      <c r="L563" s="3">
        <v>223.26</v>
      </c>
      <c r="M563" s="3">
        <v>583.74</v>
      </c>
      <c r="N563" s="3">
        <v>346.35</v>
      </c>
      <c r="O563" s="3">
        <v>723.44</v>
      </c>
      <c r="P563" s="3">
        <v>702.28</v>
      </c>
      <c r="Q563" s="3">
        <v>2286.33</v>
      </c>
      <c r="R563" s="3">
        <v>2286.33</v>
      </c>
      <c r="S563" s="3">
        <v>0.23</v>
      </c>
      <c r="T563" s="3">
        <v>-0.18</v>
      </c>
      <c r="U563" s="3">
        <v>19.61</v>
      </c>
      <c r="V563" s="3">
        <v>-0.26</v>
      </c>
      <c r="W563" s="3">
        <v>0.89</v>
      </c>
      <c r="X563" s="3">
        <v>8.2899999999999991</v>
      </c>
      <c r="Y563" s="3">
        <v>0.04</v>
      </c>
      <c r="Z563" s="3">
        <v>-0.06</v>
      </c>
      <c r="AA563" s="4">
        <f t="shared" si="81"/>
        <v>0</v>
      </c>
      <c r="AB563" s="4">
        <f t="shared" si="86"/>
        <v>1.6</v>
      </c>
      <c r="AC563" s="3">
        <f t="shared" si="83"/>
        <v>0.36800000000000005</v>
      </c>
      <c r="AD563" s="4">
        <f t="shared" si="78"/>
        <v>0</v>
      </c>
      <c r="AE563" s="3">
        <f t="shared" si="84"/>
        <v>-0.28799999999999998</v>
      </c>
      <c r="AF563" s="4">
        <f t="shared" si="82"/>
        <v>0</v>
      </c>
      <c r="AG563" s="3">
        <f t="shared" si="79"/>
        <v>31.376000000000001</v>
      </c>
      <c r="AH563" s="4">
        <f t="shared" si="80"/>
        <v>0</v>
      </c>
      <c r="AI563" s="3">
        <f t="shared" si="85"/>
        <v>-0.26</v>
      </c>
      <c r="AJ563" s="14"/>
      <c r="AK563" s="14"/>
    </row>
    <row r="564" spans="1:37">
      <c r="A564" s="1" t="s">
        <v>52</v>
      </c>
      <c r="B564" s="2">
        <v>0.77377314814814813</v>
      </c>
      <c r="C564" s="3">
        <v>216.03</v>
      </c>
      <c r="D564" s="3">
        <v>270.85000000000002</v>
      </c>
      <c r="E564" s="3">
        <v>378.68</v>
      </c>
      <c r="F564" s="3">
        <v>294.5</v>
      </c>
      <c r="G564" s="3">
        <v>295.76</v>
      </c>
      <c r="H564" s="3">
        <v>373.57</v>
      </c>
      <c r="I564" s="3">
        <v>98.42</v>
      </c>
      <c r="J564" s="3">
        <v>157.85</v>
      </c>
      <c r="K564" s="3">
        <v>186.69</v>
      </c>
      <c r="L564" s="3">
        <v>222.58</v>
      </c>
      <c r="M564" s="3">
        <v>581.96</v>
      </c>
      <c r="N564" s="3">
        <v>345.78</v>
      </c>
      <c r="O564" s="3">
        <v>721.34</v>
      </c>
      <c r="P564" s="3">
        <v>700.05</v>
      </c>
      <c r="Q564" s="3">
        <v>2286.31</v>
      </c>
      <c r="R564" s="3">
        <v>2286.31</v>
      </c>
      <c r="S564" s="3">
        <v>0.24</v>
      </c>
      <c r="T564" s="3">
        <v>-0.17</v>
      </c>
      <c r="U564" s="3">
        <v>19.63</v>
      </c>
      <c r="V564" s="3">
        <v>-0.27</v>
      </c>
      <c r="W564" s="3">
        <v>0.88</v>
      </c>
      <c r="X564" s="3">
        <v>8.2899999999999991</v>
      </c>
      <c r="Y564" s="3">
        <v>0.05</v>
      </c>
      <c r="Z564" s="3">
        <v>-0.08</v>
      </c>
      <c r="AA564" s="4">
        <f t="shared" si="81"/>
        <v>0</v>
      </c>
      <c r="AB564" s="4">
        <f t="shared" si="86"/>
        <v>1.6</v>
      </c>
      <c r="AC564" s="3">
        <f t="shared" si="83"/>
        <v>0.38400000000000001</v>
      </c>
      <c r="AD564" s="4">
        <f t="shared" si="78"/>
        <v>0</v>
      </c>
      <c r="AE564" s="3">
        <f t="shared" si="84"/>
        <v>-0.27200000000000002</v>
      </c>
      <c r="AF564" s="4">
        <f t="shared" si="82"/>
        <v>0</v>
      </c>
      <c r="AG564" s="3">
        <f t="shared" si="79"/>
        <v>31.408000000000001</v>
      </c>
      <c r="AH564" s="4">
        <f t="shared" si="80"/>
        <v>0</v>
      </c>
      <c r="AI564" s="3">
        <f t="shared" si="85"/>
        <v>-0.27</v>
      </c>
      <c r="AJ564" s="14"/>
      <c r="AK564" s="14"/>
    </row>
    <row r="565" spans="1:37">
      <c r="A565" s="1" t="s">
        <v>52</v>
      </c>
      <c r="B565" s="2">
        <v>0.77446759259259268</v>
      </c>
      <c r="C565" s="3">
        <v>216.68</v>
      </c>
      <c r="D565" s="3">
        <v>270.27</v>
      </c>
      <c r="E565" s="3">
        <v>378.26</v>
      </c>
      <c r="F565" s="3">
        <v>293.7</v>
      </c>
      <c r="G565" s="3">
        <v>295.97000000000003</v>
      </c>
      <c r="H565" s="3">
        <v>373.04</v>
      </c>
      <c r="I565" s="3">
        <v>98.27</v>
      </c>
      <c r="J565" s="3">
        <v>157.44</v>
      </c>
      <c r="K565" s="3">
        <v>186.39</v>
      </c>
      <c r="L565" s="3">
        <v>221.92</v>
      </c>
      <c r="M565" s="3">
        <v>580.17999999999995</v>
      </c>
      <c r="N565" s="3">
        <v>345.19</v>
      </c>
      <c r="O565" s="3">
        <v>719.29</v>
      </c>
      <c r="P565" s="3">
        <v>697.84</v>
      </c>
      <c r="Q565" s="3">
        <v>2286.31</v>
      </c>
      <c r="R565" s="3">
        <v>2286.31</v>
      </c>
      <c r="S565" s="3">
        <v>0.23</v>
      </c>
      <c r="T565" s="3">
        <v>-0.17</v>
      </c>
      <c r="U565" s="3">
        <v>19.649999999999999</v>
      </c>
      <c r="V565" s="3">
        <v>-0.22</v>
      </c>
      <c r="W565" s="3">
        <v>0.88</v>
      </c>
      <c r="X565" s="3">
        <v>8.2899999999999991</v>
      </c>
      <c r="Y565" s="3">
        <v>0.05</v>
      </c>
      <c r="Z565" s="3">
        <v>-0.08</v>
      </c>
      <c r="AA565" s="4">
        <f t="shared" si="81"/>
        <v>0</v>
      </c>
      <c r="AB565" s="4">
        <f t="shared" si="86"/>
        <v>1.6</v>
      </c>
      <c r="AC565" s="3">
        <f t="shared" si="83"/>
        <v>0.36800000000000005</v>
      </c>
      <c r="AD565" s="4">
        <f t="shared" si="78"/>
        <v>0</v>
      </c>
      <c r="AE565" s="3">
        <f t="shared" si="84"/>
        <v>-0.27200000000000002</v>
      </c>
      <c r="AF565" s="4">
        <f t="shared" si="82"/>
        <v>0</v>
      </c>
      <c r="AG565" s="3">
        <f t="shared" si="79"/>
        <v>31.439999999999998</v>
      </c>
      <c r="AH565" s="4">
        <f t="shared" si="80"/>
        <v>0</v>
      </c>
      <c r="AI565" s="3">
        <f t="shared" si="85"/>
        <v>-0.22</v>
      </c>
      <c r="AJ565" s="14"/>
      <c r="AK565" s="14"/>
    </row>
    <row r="566" spans="1:37">
      <c r="A566" s="1" t="s">
        <v>52</v>
      </c>
      <c r="B566" s="2">
        <v>0.77516203703703701</v>
      </c>
      <c r="C566" s="3">
        <v>217.35</v>
      </c>
      <c r="D566" s="3">
        <v>269.7</v>
      </c>
      <c r="E566" s="3">
        <v>377.83</v>
      </c>
      <c r="F566" s="3">
        <v>292.89</v>
      </c>
      <c r="G566" s="3">
        <v>296.07</v>
      </c>
      <c r="H566" s="3">
        <v>372.48</v>
      </c>
      <c r="I566" s="3">
        <v>98.12</v>
      </c>
      <c r="J566" s="3">
        <v>157.02000000000001</v>
      </c>
      <c r="K566" s="3">
        <v>186.06</v>
      </c>
      <c r="L566" s="3">
        <v>221.27</v>
      </c>
      <c r="M566" s="3">
        <v>578.39</v>
      </c>
      <c r="N566" s="3">
        <v>344.61</v>
      </c>
      <c r="O566" s="3">
        <v>717.19</v>
      </c>
      <c r="P566" s="3">
        <v>695.63</v>
      </c>
      <c r="Q566" s="3">
        <v>2286.3000000000002</v>
      </c>
      <c r="R566" s="3">
        <v>2286.3000000000002</v>
      </c>
      <c r="S566" s="3">
        <v>0.23</v>
      </c>
      <c r="T566" s="3">
        <v>-0.17</v>
      </c>
      <c r="U566" s="3">
        <v>19.66</v>
      </c>
      <c r="V566" s="3">
        <v>-0.18</v>
      </c>
      <c r="W566" s="3">
        <v>0.88</v>
      </c>
      <c r="X566" s="3">
        <v>8.2899999999999991</v>
      </c>
      <c r="Y566" s="3">
        <v>0.05</v>
      </c>
      <c r="Z566" s="3">
        <v>-0.08</v>
      </c>
      <c r="AA566" s="4">
        <f t="shared" si="81"/>
        <v>0</v>
      </c>
      <c r="AB566" s="4">
        <f t="shared" si="86"/>
        <v>1.6</v>
      </c>
      <c r="AC566" s="3">
        <f t="shared" si="83"/>
        <v>0.36800000000000005</v>
      </c>
      <c r="AD566" s="4">
        <f t="shared" si="78"/>
        <v>0</v>
      </c>
      <c r="AE566" s="3">
        <f t="shared" si="84"/>
        <v>-0.27200000000000002</v>
      </c>
      <c r="AF566" s="4">
        <f t="shared" si="82"/>
        <v>0</v>
      </c>
      <c r="AG566" s="3">
        <f t="shared" si="79"/>
        <v>31.456000000000003</v>
      </c>
      <c r="AH566" s="4">
        <f t="shared" si="80"/>
        <v>0</v>
      </c>
      <c r="AI566" s="3">
        <f t="shared" si="85"/>
        <v>-0.18</v>
      </c>
      <c r="AJ566" s="14"/>
      <c r="AK566" s="14"/>
    </row>
    <row r="567" spans="1:37">
      <c r="A567" s="1" t="s">
        <v>52</v>
      </c>
      <c r="B567" s="2">
        <v>0.77585648148148145</v>
      </c>
      <c r="C567" s="3">
        <v>217.92</v>
      </c>
      <c r="D567" s="3">
        <v>269.11</v>
      </c>
      <c r="E567" s="3">
        <v>377.38</v>
      </c>
      <c r="F567" s="3">
        <v>292.07</v>
      </c>
      <c r="G567" s="3">
        <v>296.14</v>
      </c>
      <c r="H567" s="3">
        <v>371.93</v>
      </c>
      <c r="I567" s="3">
        <v>97.98</v>
      </c>
      <c r="J567" s="3">
        <v>156.6</v>
      </c>
      <c r="K567" s="3">
        <v>185.74</v>
      </c>
      <c r="L567" s="3">
        <v>220.62</v>
      </c>
      <c r="M567" s="3">
        <v>576.6</v>
      </c>
      <c r="N567" s="3">
        <v>344.02</v>
      </c>
      <c r="O567" s="3">
        <v>715.09</v>
      </c>
      <c r="P567" s="3">
        <v>693.43</v>
      </c>
      <c r="Q567" s="3">
        <v>2286.27</v>
      </c>
      <c r="R567" s="3">
        <v>2286.27</v>
      </c>
      <c r="S567" s="3">
        <v>0.23</v>
      </c>
      <c r="T567" s="3">
        <v>-0.17</v>
      </c>
      <c r="U567" s="3">
        <v>19.68</v>
      </c>
      <c r="V567" s="3">
        <v>-0.12</v>
      </c>
      <c r="W567" s="3">
        <v>0.88</v>
      </c>
      <c r="X567" s="3">
        <v>8.3000000000000007</v>
      </c>
      <c r="Y567" s="3">
        <v>0.05</v>
      </c>
      <c r="Z567" s="3">
        <v>-7.0000000000000007E-2</v>
      </c>
      <c r="AA567" s="4">
        <f t="shared" si="81"/>
        <v>0</v>
      </c>
      <c r="AB567" s="4">
        <f t="shared" si="86"/>
        <v>1.6</v>
      </c>
      <c r="AC567" s="3">
        <f t="shared" si="83"/>
        <v>0.36800000000000005</v>
      </c>
      <c r="AD567" s="4">
        <f t="shared" si="78"/>
        <v>0</v>
      </c>
      <c r="AE567" s="3">
        <f t="shared" si="84"/>
        <v>-0.27200000000000002</v>
      </c>
      <c r="AF567" s="4">
        <f t="shared" si="82"/>
        <v>0</v>
      </c>
      <c r="AG567" s="3">
        <f t="shared" si="79"/>
        <v>31.488</v>
      </c>
      <c r="AH567" s="4">
        <f t="shared" si="80"/>
        <v>0</v>
      </c>
      <c r="AI567" s="3">
        <f t="shared" si="85"/>
        <v>-0.12</v>
      </c>
      <c r="AJ567" s="14"/>
      <c r="AK567" s="14"/>
    </row>
    <row r="568" spans="1:37">
      <c r="A568" s="1" t="s">
        <v>52</v>
      </c>
      <c r="B568" s="2">
        <v>0.77655092592592589</v>
      </c>
      <c r="C568" s="3">
        <v>218.41</v>
      </c>
      <c r="D568" s="3">
        <v>268.52</v>
      </c>
      <c r="E568" s="3">
        <v>376.89</v>
      </c>
      <c r="F568" s="3">
        <v>291.26</v>
      </c>
      <c r="G568" s="3">
        <v>296.20999999999998</v>
      </c>
      <c r="H568" s="3">
        <v>371.36</v>
      </c>
      <c r="I568" s="3">
        <v>97.84</v>
      </c>
      <c r="J568" s="3">
        <v>156.19999999999999</v>
      </c>
      <c r="K568" s="3">
        <v>185.4</v>
      </c>
      <c r="L568" s="3">
        <v>219.97</v>
      </c>
      <c r="M568" s="3">
        <v>574.85</v>
      </c>
      <c r="N568" s="3">
        <v>343.43</v>
      </c>
      <c r="O568" s="3">
        <v>713</v>
      </c>
      <c r="P568" s="3">
        <v>691.25</v>
      </c>
      <c r="Q568" s="3">
        <v>2286.2600000000002</v>
      </c>
      <c r="R568" s="3">
        <v>2286.2600000000002</v>
      </c>
      <c r="S568" s="3">
        <v>0.23</v>
      </c>
      <c r="T568" s="3">
        <v>-0.16</v>
      </c>
      <c r="U568" s="3">
        <v>19.690000000000001</v>
      </c>
      <c r="V568" s="3">
        <v>-0.11</v>
      </c>
      <c r="W568" s="3">
        <v>0.88</v>
      </c>
      <c r="X568" s="3">
        <v>8.3000000000000007</v>
      </c>
      <c r="Y568" s="3">
        <v>0.05</v>
      </c>
      <c r="Z568" s="3">
        <v>-0.06</v>
      </c>
      <c r="AA568" s="4">
        <f t="shared" si="81"/>
        <v>0</v>
      </c>
      <c r="AB568" s="4">
        <f t="shared" si="86"/>
        <v>1.6</v>
      </c>
      <c r="AC568" s="3">
        <f t="shared" si="83"/>
        <v>0.36800000000000005</v>
      </c>
      <c r="AD568" s="4">
        <f t="shared" si="78"/>
        <v>0</v>
      </c>
      <c r="AE568" s="3">
        <f t="shared" si="84"/>
        <v>-0.25600000000000001</v>
      </c>
      <c r="AF568" s="4">
        <f t="shared" si="82"/>
        <v>0</v>
      </c>
      <c r="AG568" s="3">
        <f t="shared" si="79"/>
        <v>31.504000000000005</v>
      </c>
      <c r="AH568" s="4">
        <f t="shared" si="80"/>
        <v>0</v>
      </c>
      <c r="AI568" s="3">
        <f t="shared" si="85"/>
        <v>-0.11</v>
      </c>
      <c r="AJ568" s="14"/>
      <c r="AK568" s="14"/>
    </row>
    <row r="569" spans="1:37">
      <c r="A569" s="1" t="s">
        <v>52</v>
      </c>
      <c r="B569" s="2">
        <v>0.77724537037037045</v>
      </c>
      <c r="C569" s="3">
        <v>218.81</v>
      </c>
      <c r="D569" s="3">
        <v>267.93</v>
      </c>
      <c r="E569" s="3">
        <v>376.4</v>
      </c>
      <c r="F569" s="3">
        <v>290.44</v>
      </c>
      <c r="G569" s="3">
        <v>296.24</v>
      </c>
      <c r="H569" s="3">
        <v>370.78</v>
      </c>
      <c r="I569" s="3">
        <v>97.68</v>
      </c>
      <c r="J569" s="3">
        <v>155.80000000000001</v>
      </c>
      <c r="K569" s="3">
        <v>185.08</v>
      </c>
      <c r="L569" s="3">
        <v>219.32</v>
      </c>
      <c r="M569" s="3">
        <v>573.03</v>
      </c>
      <c r="N569" s="3">
        <v>342.82</v>
      </c>
      <c r="O569" s="3">
        <v>710.89</v>
      </c>
      <c r="P569" s="3">
        <v>689.09</v>
      </c>
      <c r="Q569" s="3">
        <v>2286.2399999999998</v>
      </c>
      <c r="R569" s="3">
        <v>2286.2399999999998</v>
      </c>
      <c r="S569" s="3">
        <v>0.24</v>
      </c>
      <c r="T569" s="3">
        <v>-0.16</v>
      </c>
      <c r="U569" s="3">
        <v>19.7</v>
      </c>
      <c r="V569" s="3">
        <v>-0.13</v>
      </c>
      <c r="W569" s="3">
        <v>0.91</v>
      </c>
      <c r="X569" s="3">
        <v>8.3000000000000007</v>
      </c>
      <c r="Y569" s="3">
        <v>0.05</v>
      </c>
      <c r="Z569" s="3">
        <v>-0.04</v>
      </c>
      <c r="AA569" s="4">
        <f t="shared" si="81"/>
        <v>0</v>
      </c>
      <c r="AB569" s="4">
        <f t="shared" si="86"/>
        <v>1.6</v>
      </c>
      <c r="AC569" s="3">
        <f t="shared" si="83"/>
        <v>0.38400000000000001</v>
      </c>
      <c r="AD569" s="4">
        <f t="shared" si="78"/>
        <v>0</v>
      </c>
      <c r="AE569" s="3">
        <f t="shared" si="84"/>
        <v>-0.25600000000000001</v>
      </c>
      <c r="AF569" s="4">
        <f t="shared" si="82"/>
        <v>0</v>
      </c>
      <c r="AG569" s="3">
        <f t="shared" si="79"/>
        <v>31.52</v>
      </c>
      <c r="AH569" s="4">
        <f t="shared" si="80"/>
        <v>0</v>
      </c>
      <c r="AI569" s="3">
        <f t="shared" si="85"/>
        <v>-0.13</v>
      </c>
      <c r="AJ569" s="14"/>
      <c r="AK569" s="14"/>
    </row>
    <row r="570" spans="1:37">
      <c r="A570" s="1" t="s">
        <v>52</v>
      </c>
      <c r="B570" s="2">
        <v>0.77793981481481478</v>
      </c>
      <c r="C570" s="3">
        <v>219.11</v>
      </c>
      <c r="D570" s="3">
        <v>267.37</v>
      </c>
      <c r="E570" s="3">
        <v>375.88</v>
      </c>
      <c r="F570" s="3">
        <v>289.62</v>
      </c>
      <c r="G570" s="3">
        <v>296.19</v>
      </c>
      <c r="H570" s="3">
        <v>370.19</v>
      </c>
      <c r="I570" s="3">
        <v>97.51</v>
      </c>
      <c r="J570" s="3">
        <v>155.41</v>
      </c>
      <c r="K570" s="3">
        <v>184.73</v>
      </c>
      <c r="L570" s="3">
        <v>218.69</v>
      </c>
      <c r="M570" s="3">
        <v>571.26</v>
      </c>
      <c r="N570" s="3">
        <v>342.22</v>
      </c>
      <c r="O570" s="3">
        <v>708.8</v>
      </c>
      <c r="P570" s="3">
        <v>686.95</v>
      </c>
      <c r="Q570" s="3">
        <v>2286.2399999999998</v>
      </c>
      <c r="R570" s="3">
        <v>2286.2399999999998</v>
      </c>
      <c r="S570" s="3">
        <v>0.26</v>
      </c>
      <c r="T570" s="3">
        <v>-0.16</v>
      </c>
      <c r="U570" s="3">
        <v>19.72</v>
      </c>
      <c r="V570" s="3">
        <v>-0.14000000000000001</v>
      </c>
      <c r="W570" s="3">
        <v>0.92</v>
      </c>
      <c r="X570" s="3">
        <v>8.3000000000000007</v>
      </c>
      <c r="Y570" s="3">
        <v>0.05</v>
      </c>
      <c r="Z570" s="3">
        <v>-7.0000000000000007E-2</v>
      </c>
      <c r="AA570" s="4">
        <f t="shared" si="81"/>
        <v>0</v>
      </c>
      <c r="AB570" s="4">
        <f t="shared" si="86"/>
        <v>1.6</v>
      </c>
      <c r="AC570" s="3">
        <f t="shared" si="83"/>
        <v>0.41600000000000004</v>
      </c>
      <c r="AD570" s="4">
        <f t="shared" si="78"/>
        <v>0</v>
      </c>
      <c r="AE570" s="3">
        <f t="shared" si="84"/>
        <v>-0.25600000000000001</v>
      </c>
      <c r="AF570" s="4">
        <f t="shared" si="82"/>
        <v>0</v>
      </c>
      <c r="AG570" s="3">
        <f t="shared" si="79"/>
        <v>31.552</v>
      </c>
      <c r="AH570" s="4">
        <f t="shared" si="80"/>
        <v>0</v>
      </c>
      <c r="AI570" s="3">
        <f t="shared" si="85"/>
        <v>-0.14000000000000001</v>
      </c>
      <c r="AJ570" s="14"/>
      <c r="AK570" s="14"/>
    </row>
    <row r="571" spans="1:37">
      <c r="A571" s="1" t="s">
        <v>52</v>
      </c>
      <c r="B571" s="2">
        <v>0.77864583333333337</v>
      </c>
      <c r="C571" s="3">
        <v>219.37</v>
      </c>
      <c r="D571" s="3">
        <v>266.79000000000002</v>
      </c>
      <c r="E571" s="3">
        <v>375.34</v>
      </c>
      <c r="F571" s="3">
        <v>288.8</v>
      </c>
      <c r="G571" s="3">
        <v>296.14999999999998</v>
      </c>
      <c r="H571" s="3">
        <v>369.59</v>
      </c>
      <c r="I571" s="3">
        <v>97.36</v>
      </c>
      <c r="J571" s="3">
        <v>155.01</v>
      </c>
      <c r="K571" s="3">
        <v>184.39</v>
      </c>
      <c r="L571" s="3">
        <v>218.06</v>
      </c>
      <c r="M571" s="3">
        <v>569.49</v>
      </c>
      <c r="N571" s="3">
        <v>341.64</v>
      </c>
      <c r="O571" s="3">
        <v>706.67</v>
      </c>
      <c r="P571" s="3">
        <v>684.79</v>
      </c>
      <c r="Q571" s="3">
        <v>2286.23</v>
      </c>
      <c r="R571" s="3">
        <v>2286.23</v>
      </c>
      <c r="S571" s="3">
        <v>0.28000000000000003</v>
      </c>
      <c r="T571" s="3">
        <v>-0.16</v>
      </c>
      <c r="U571" s="3">
        <v>19.73</v>
      </c>
      <c r="V571" s="3">
        <v>-0.06</v>
      </c>
      <c r="W571" s="3">
        <v>0.92</v>
      </c>
      <c r="X571" s="3">
        <v>8.3000000000000007</v>
      </c>
      <c r="Y571" s="3">
        <v>0.05</v>
      </c>
      <c r="Z571" s="3">
        <v>-0.05</v>
      </c>
      <c r="AA571" s="4">
        <f t="shared" si="81"/>
        <v>0</v>
      </c>
      <c r="AB571" s="4">
        <f t="shared" si="86"/>
        <v>1.6</v>
      </c>
      <c r="AC571" s="3">
        <f t="shared" si="83"/>
        <v>0.44800000000000006</v>
      </c>
      <c r="AD571" s="4">
        <f t="shared" si="78"/>
        <v>0</v>
      </c>
      <c r="AE571" s="3">
        <f t="shared" si="84"/>
        <v>-0.25600000000000001</v>
      </c>
      <c r="AF571" s="4">
        <f t="shared" si="82"/>
        <v>0</v>
      </c>
      <c r="AG571" s="3">
        <f t="shared" si="79"/>
        <v>31.568000000000001</v>
      </c>
      <c r="AH571" s="4">
        <f t="shared" si="80"/>
        <v>0</v>
      </c>
      <c r="AI571" s="3">
        <f t="shared" si="85"/>
        <v>-0.06</v>
      </c>
      <c r="AJ571" s="14"/>
      <c r="AK571" s="14"/>
    </row>
    <row r="572" spans="1:37">
      <c r="A572" s="1" t="s">
        <v>52</v>
      </c>
      <c r="B572" s="2">
        <v>0.7793402777777777</v>
      </c>
      <c r="C572" s="3">
        <v>219.53</v>
      </c>
      <c r="D572" s="3">
        <v>266.20999999999998</v>
      </c>
      <c r="E572" s="3">
        <v>374.78</v>
      </c>
      <c r="F572" s="3">
        <v>287.95999999999998</v>
      </c>
      <c r="G572" s="3">
        <v>296.06</v>
      </c>
      <c r="H572" s="3">
        <v>368.98</v>
      </c>
      <c r="I572" s="3">
        <v>97.2</v>
      </c>
      <c r="J572" s="3">
        <v>154.61000000000001</v>
      </c>
      <c r="K572" s="3">
        <v>184.05</v>
      </c>
      <c r="L572" s="3">
        <v>217.43</v>
      </c>
      <c r="M572" s="3">
        <v>567.70000000000005</v>
      </c>
      <c r="N572" s="3">
        <v>341.03</v>
      </c>
      <c r="O572" s="3">
        <v>704.45</v>
      </c>
      <c r="P572" s="3">
        <v>682.62</v>
      </c>
      <c r="Q572" s="3">
        <v>2286.1999999999998</v>
      </c>
      <c r="R572" s="3">
        <v>2286.1999999999998</v>
      </c>
      <c r="S572" s="3">
        <v>0.25</v>
      </c>
      <c r="T572" s="3">
        <v>-0.17</v>
      </c>
      <c r="U572" s="3">
        <v>19.739999999999998</v>
      </c>
      <c r="V572" s="3">
        <v>-0.05</v>
      </c>
      <c r="W572" s="3">
        <v>0.92</v>
      </c>
      <c r="X572" s="3">
        <v>8.2899999999999991</v>
      </c>
      <c r="Y572" s="3">
        <v>0.05</v>
      </c>
      <c r="Z572" s="3">
        <v>-0.06</v>
      </c>
      <c r="AA572" s="4">
        <f t="shared" si="81"/>
        <v>0</v>
      </c>
      <c r="AB572" s="4">
        <f t="shared" si="86"/>
        <v>1.6</v>
      </c>
      <c r="AC572" s="3">
        <f t="shared" si="83"/>
        <v>0.4</v>
      </c>
      <c r="AD572" s="4">
        <f t="shared" si="78"/>
        <v>0</v>
      </c>
      <c r="AE572" s="3">
        <f t="shared" si="84"/>
        <v>-0.27200000000000002</v>
      </c>
      <c r="AF572" s="4">
        <f t="shared" si="82"/>
        <v>0</v>
      </c>
      <c r="AG572" s="3">
        <f t="shared" si="79"/>
        <v>31.584</v>
      </c>
      <c r="AH572" s="4">
        <f t="shared" si="80"/>
        <v>0</v>
      </c>
      <c r="AI572" s="3">
        <f t="shared" si="85"/>
        <v>-0.05</v>
      </c>
      <c r="AJ572" s="14"/>
      <c r="AK572" s="14"/>
    </row>
    <row r="573" spans="1:37">
      <c r="A573" s="1" t="s">
        <v>52</v>
      </c>
      <c r="B573" s="2">
        <v>0.78003472222222225</v>
      </c>
      <c r="C573" s="3">
        <v>219.65</v>
      </c>
      <c r="D573" s="3">
        <v>265.63</v>
      </c>
      <c r="E573" s="3">
        <v>374.19</v>
      </c>
      <c r="F573" s="3">
        <v>287.13</v>
      </c>
      <c r="G573" s="3">
        <v>295.93</v>
      </c>
      <c r="H573" s="3">
        <v>368.35</v>
      </c>
      <c r="I573" s="3">
        <v>97</v>
      </c>
      <c r="J573" s="3">
        <v>154.22999999999999</v>
      </c>
      <c r="K573" s="3">
        <v>183.73</v>
      </c>
      <c r="L573" s="3">
        <v>216.81</v>
      </c>
      <c r="M573" s="3">
        <v>565.92999999999995</v>
      </c>
      <c r="N573" s="3">
        <v>340.42</v>
      </c>
      <c r="O573" s="3">
        <v>702.23</v>
      </c>
      <c r="P573" s="3">
        <v>680.5</v>
      </c>
      <c r="Q573" s="3">
        <v>2286.19</v>
      </c>
      <c r="R573" s="3">
        <v>2286.19</v>
      </c>
      <c r="S573" s="3">
        <v>0.24</v>
      </c>
      <c r="T573" s="3">
        <v>-0.16</v>
      </c>
      <c r="U573" s="3">
        <v>19.75</v>
      </c>
      <c r="V573" s="3">
        <v>-0.06</v>
      </c>
      <c r="W573" s="3">
        <v>0.88</v>
      </c>
      <c r="X573" s="3">
        <v>8.2899999999999991</v>
      </c>
      <c r="Y573" s="3">
        <v>0.05</v>
      </c>
      <c r="Z573" s="3">
        <v>-0.08</v>
      </c>
      <c r="AA573" s="4">
        <f t="shared" si="81"/>
        <v>0</v>
      </c>
      <c r="AB573" s="4">
        <f t="shared" si="86"/>
        <v>1.6</v>
      </c>
      <c r="AC573" s="3">
        <f t="shared" si="83"/>
        <v>0.38400000000000001</v>
      </c>
      <c r="AD573" s="4">
        <f t="shared" si="78"/>
        <v>0</v>
      </c>
      <c r="AE573" s="3">
        <f t="shared" si="84"/>
        <v>-0.25600000000000001</v>
      </c>
      <c r="AF573" s="4">
        <f t="shared" si="82"/>
        <v>0</v>
      </c>
      <c r="AG573" s="3">
        <f t="shared" si="79"/>
        <v>31.6</v>
      </c>
      <c r="AH573" s="4">
        <f t="shared" si="80"/>
        <v>0</v>
      </c>
      <c r="AI573" s="3">
        <f t="shared" si="85"/>
        <v>-0.06</v>
      </c>
      <c r="AJ573" s="14"/>
      <c r="AK573" s="14"/>
    </row>
    <row r="574" spans="1:37">
      <c r="A574" s="1" t="s">
        <v>52</v>
      </c>
      <c r="B574" s="2">
        <v>0.7807291666666667</v>
      </c>
      <c r="C574" s="3">
        <v>219.8</v>
      </c>
      <c r="D574" s="3">
        <v>265.04000000000002</v>
      </c>
      <c r="E574" s="3">
        <v>373.6</v>
      </c>
      <c r="F574" s="3">
        <v>286.31</v>
      </c>
      <c r="G574" s="3">
        <v>295.87</v>
      </c>
      <c r="H574" s="3">
        <v>367.73</v>
      </c>
      <c r="I574" s="3">
        <v>96.79</v>
      </c>
      <c r="J574" s="3">
        <v>153.85</v>
      </c>
      <c r="K574" s="3">
        <v>183.43</v>
      </c>
      <c r="L574" s="3">
        <v>216.19</v>
      </c>
      <c r="M574" s="3">
        <v>564.17999999999995</v>
      </c>
      <c r="N574" s="3">
        <v>339.82</v>
      </c>
      <c r="O574" s="3">
        <v>700.12</v>
      </c>
      <c r="P574" s="3">
        <v>678.39</v>
      </c>
      <c r="Q574" s="3">
        <v>2286.1999999999998</v>
      </c>
      <c r="R574" s="3">
        <v>2286.1999999999998</v>
      </c>
      <c r="S574" s="3">
        <v>0.24</v>
      </c>
      <c r="T574" s="3">
        <v>-0.16</v>
      </c>
      <c r="U574" s="3">
        <v>19.77</v>
      </c>
      <c r="V574" s="3">
        <v>-0.1</v>
      </c>
      <c r="W574" s="3">
        <v>0.84</v>
      </c>
      <c r="X574" s="3">
        <v>8.3000000000000007</v>
      </c>
      <c r="Y574" s="3">
        <v>0.05</v>
      </c>
      <c r="Z574" s="3">
        <v>-0.1</v>
      </c>
      <c r="AA574" s="4">
        <f t="shared" si="81"/>
        <v>0</v>
      </c>
      <c r="AB574" s="4">
        <f t="shared" si="86"/>
        <v>1.6</v>
      </c>
      <c r="AC574" s="3">
        <f t="shared" si="83"/>
        <v>0.38400000000000001</v>
      </c>
      <c r="AD574" s="4">
        <f t="shared" si="78"/>
        <v>0</v>
      </c>
      <c r="AE574" s="3">
        <f t="shared" si="84"/>
        <v>-0.25600000000000001</v>
      </c>
      <c r="AF574" s="4">
        <f t="shared" si="82"/>
        <v>0</v>
      </c>
      <c r="AG574" s="3">
        <f t="shared" si="79"/>
        <v>31.632000000000001</v>
      </c>
      <c r="AH574" s="4">
        <f t="shared" si="80"/>
        <v>0</v>
      </c>
      <c r="AI574" s="3">
        <f t="shared" si="85"/>
        <v>-0.1</v>
      </c>
      <c r="AJ574" s="14"/>
      <c r="AK574" s="14"/>
    </row>
    <row r="575" spans="1:37">
      <c r="A575" s="1" t="s">
        <v>52</v>
      </c>
      <c r="B575" s="2">
        <v>0.78142361111111114</v>
      </c>
      <c r="C575" s="3">
        <v>219.85</v>
      </c>
      <c r="D575" s="3">
        <v>264.45</v>
      </c>
      <c r="E575" s="3">
        <v>372.98</v>
      </c>
      <c r="F575" s="3">
        <v>285.49</v>
      </c>
      <c r="G575" s="3">
        <v>295.82</v>
      </c>
      <c r="H575" s="3">
        <v>367.1</v>
      </c>
      <c r="I575" s="3">
        <v>96.61</v>
      </c>
      <c r="J575" s="3">
        <v>153.46</v>
      </c>
      <c r="K575" s="3">
        <v>183.09</v>
      </c>
      <c r="L575" s="3">
        <v>215.58</v>
      </c>
      <c r="M575" s="3">
        <v>562.41</v>
      </c>
      <c r="N575" s="3">
        <v>339.21</v>
      </c>
      <c r="O575" s="3">
        <v>697.98</v>
      </c>
      <c r="P575" s="3">
        <v>676.3</v>
      </c>
      <c r="Q575" s="3">
        <v>2286.1999999999998</v>
      </c>
      <c r="R575" s="3">
        <v>2286.1999999999998</v>
      </c>
      <c r="S575" s="3">
        <v>0.21</v>
      </c>
      <c r="T575" s="3">
        <v>-0.15</v>
      </c>
      <c r="U575" s="3">
        <v>19.78</v>
      </c>
      <c r="V575" s="3">
        <v>-0.09</v>
      </c>
      <c r="W575" s="3">
        <v>0.8</v>
      </c>
      <c r="X575" s="3">
        <v>8.2899999999999991</v>
      </c>
      <c r="Y575" s="3">
        <v>0.05</v>
      </c>
      <c r="Z575" s="3">
        <v>-0.1</v>
      </c>
      <c r="AA575" s="4">
        <f t="shared" si="81"/>
        <v>0</v>
      </c>
      <c r="AB575" s="4">
        <f t="shared" si="86"/>
        <v>1.6</v>
      </c>
      <c r="AC575" s="3">
        <f t="shared" si="83"/>
        <v>0.33600000000000002</v>
      </c>
      <c r="AD575" s="4">
        <f t="shared" si="78"/>
        <v>0</v>
      </c>
      <c r="AE575" s="3">
        <f t="shared" si="84"/>
        <v>-0.24</v>
      </c>
      <c r="AF575" s="4">
        <f t="shared" si="82"/>
        <v>0</v>
      </c>
      <c r="AG575" s="3">
        <f t="shared" si="79"/>
        <v>31.648000000000003</v>
      </c>
      <c r="AH575" s="4">
        <f t="shared" si="80"/>
        <v>0</v>
      </c>
      <c r="AI575" s="3">
        <f t="shared" si="85"/>
        <v>-0.09</v>
      </c>
      <c r="AJ575" s="14"/>
      <c r="AK575" s="14"/>
    </row>
    <row r="576" spans="1:37">
      <c r="A576" s="1" t="s">
        <v>52</v>
      </c>
      <c r="B576" s="2">
        <v>0.78211805555555547</v>
      </c>
      <c r="C576" s="3">
        <v>219.85</v>
      </c>
      <c r="D576" s="3">
        <v>263.85000000000002</v>
      </c>
      <c r="E576" s="3">
        <v>372.33</v>
      </c>
      <c r="F576" s="3">
        <v>284.64</v>
      </c>
      <c r="G576" s="3">
        <v>295.70999999999998</v>
      </c>
      <c r="H576" s="3">
        <v>366.44</v>
      </c>
      <c r="I576" s="3">
        <v>96.4</v>
      </c>
      <c r="J576" s="3">
        <v>153.07</v>
      </c>
      <c r="K576" s="3">
        <v>182.75</v>
      </c>
      <c r="L576" s="3">
        <v>214.96</v>
      </c>
      <c r="M576" s="3">
        <v>560.65</v>
      </c>
      <c r="N576" s="3">
        <v>338.59</v>
      </c>
      <c r="O576" s="3">
        <v>695.87</v>
      </c>
      <c r="P576" s="3">
        <v>674.18</v>
      </c>
      <c r="Q576" s="3">
        <v>2286.1799999999998</v>
      </c>
      <c r="R576" s="3">
        <v>2286.1799999999998</v>
      </c>
      <c r="S576" s="3">
        <v>0.19</v>
      </c>
      <c r="T576" s="3">
        <v>-0.15</v>
      </c>
      <c r="U576" s="3">
        <v>19.79</v>
      </c>
      <c r="V576" s="3">
        <v>-0.12</v>
      </c>
      <c r="W576" s="3">
        <v>0.76</v>
      </c>
      <c r="X576" s="3">
        <v>8.2899999999999991</v>
      </c>
      <c r="Y576" s="3">
        <v>0.05</v>
      </c>
      <c r="Z576" s="3">
        <v>-7.0000000000000007E-2</v>
      </c>
      <c r="AA576" s="4">
        <f t="shared" si="81"/>
        <v>0</v>
      </c>
      <c r="AB576" s="4">
        <f t="shared" si="86"/>
        <v>1.6</v>
      </c>
      <c r="AC576" s="3">
        <f t="shared" si="83"/>
        <v>0.30400000000000005</v>
      </c>
      <c r="AD576" s="4">
        <f t="shared" si="78"/>
        <v>0</v>
      </c>
      <c r="AE576" s="3">
        <f t="shared" si="84"/>
        <v>-0.24</v>
      </c>
      <c r="AF576" s="4">
        <f t="shared" si="82"/>
        <v>0</v>
      </c>
      <c r="AG576" s="3">
        <f t="shared" si="79"/>
        <v>31.664000000000001</v>
      </c>
      <c r="AH576" s="4">
        <f t="shared" si="80"/>
        <v>0</v>
      </c>
      <c r="AI576" s="3">
        <f t="shared" si="85"/>
        <v>-0.12</v>
      </c>
      <c r="AJ576" s="14"/>
      <c r="AK576" s="14"/>
    </row>
    <row r="577" spans="1:37">
      <c r="A577" s="1" t="s">
        <v>52</v>
      </c>
      <c r="B577" s="2">
        <v>0.78281250000000002</v>
      </c>
      <c r="C577" s="3">
        <v>219.78</v>
      </c>
      <c r="D577" s="3">
        <v>263.25</v>
      </c>
      <c r="E577" s="3">
        <v>371.7</v>
      </c>
      <c r="F577" s="3">
        <v>283.81</v>
      </c>
      <c r="G577" s="3">
        <v>295.44</v>
      </c>
      <c r="H577" s="3">
        <v>365.78</v>
      </c>
      <c r="I577" s="3">
        <v>96.18</v>
      </c>
      <c r="J577" s="3">
        <v>152.69999999999999</v>
      </c>
      <c r="K577" s="3">
        <v>182.41</v>
      </c>
      <c r="L577" s="3">
        <v>214.35</v>
      </c>
      <c r="M577" s="3">
        <v>558.88</v>
      </c>
      <c r="N577" s="3">
        <v>337.98</v>
      </c>
      <c r="O577" s="3">
        <v>693.7</v>
      </c>
      <c r="P577" s="3">
        <v>672.09</v>
      </c>
      <c r="Q577" s="3">
        <v>2286.1799999999998</v>
      </c>
      <c r="R577" s="3">
        <v>2286.1799999999998</v>
      </c>
      <c r="S577" s="3">
        <v>0.19</v>
      </c>
      <c r="T577" s="3">
        <v>-0.15</v>
      </c>
      <c r="U577" s="3">
        <v>19.8</v>
      </c>
      <c r="V577" s="3">
        <v>-0.13</v>
      </c>
      <c r="W577" s="3">
        <v>0.75</v>
      </c>
      <c r="X577" s="3">
        <v>8.2899999999999991</v>
      </c>
      <c r="Y577" s="3">
        <v>0.05</v>
      </c>
      <c r="Z577" s="3">
        <v>-0.1</v>
      </c>
      <c r="AA577" s="4">
        <f t="shared" si="81"/>
        <v>0</v>
      </c>
      <c r="AB577" s="4">
        <f t="shared" si="86"/>
        <v>1.6</v>
      </c>
      <c r="AC577" s="3">
        <f t="shared" si="83"/>
        <v>0.30400000000000005</v>
      </c>
      <c r="AD577" s="4">
        <f t="shared" si="78"/>
        <v>0</v>
      </c>
      <c r="AE577" s="3">
        <f t="shared" si="84"/>
        <v>-0.24</v>
      </c>
      <c r="AF577" s="4">
        <f t="shared" si="82"/>
        <v>0</v>
      </c>
      <c r="AG577" s="3">
        <f t="shared" si="79"/>
        <v>31.680000000000003</v>
      </c>
      <c r="AH577" s="4">
        <f t="shared" si="80"/>
        <v>0</v>
      </c>
      <c r="AI577" s="3">
        <f t="shared" si="85"/>
        <v>-0.13</v>
      </c>
      <c r="AJ577" s="14"/>
      <c r="AK577" s="14"/>
    </row>
    <row r="578" spans="1:37">
      <c r="A578" s="1" t="s">
        <v>52</v>
      </c>
      <c r="B578" s="2">
        <v>0.78350694444444446</v>
      </c>
      <c r="C578" s="3">
        <v>219.73</v>
      </c>
      <c r="D578" s="3">
        <v>262.64</v>
      </c>
      <c r="E578" s="3">
        <v>371.05</v>
      </c>
      <c r="F578" s="3">
        <v>282.98</v>
      </c>
      <c r="G578" s="3">
        <v>295.07</v>
      </c>
      <c r="H578" s="3">
        <v>365.12</v>
      </c>
      <c r="I578" s="3">
        <v>96</v>
      </c>
      <c r="J578" s="3">
        <v>152.32</v>
      </c>
      <c r="K578" s="3">
        <v>182.07</v>
      </c>
      <c r="L578" s="3">
        <v>213.76</v>
      </c>
      <c r="M578" s="3">
        <v>557.12</v>
      </c>
      <c r="N578" s="3">
        <v>337.38</v>
      </c>
      <c r="O578" s="3">
        <v>691.52</v>
      </c>
      <c r="P578" s="3">
        <v>670.03</v>
      </c>
      <c r="Q578" s="3">
        <v>2286.1799999999998</v>
      </c>
      <c r="R578" s="3">
        <v>2286.1799999999998</v>
      </c>
      <c r="S578" s="3">
        <v>0.19</v>
      </c>
      <c r="T578" s="3">
        <v>-0.15</v>
      </c>
      <c r="U578" s="3">
        <v>19.809999999999999</v>
      </c>
      <c r="V578" s="3">
        <v>-0.09</v>
      </c>
      <c r="W578" s="3">
        <v>0.71</v>
      </c>
      <c r="X578" s="3">
        <v>8.2899999999999991</v>
      </c>
      <c r="Y578" s="3">
        <v>0.05</v>
      </c>
      <c r="Z578" s="3">
        <v>-0.1</v>
      </c>
      <c r="AA578" s="4">
        <f t="shared" si="81"/>
        <v>0</v>
      </c>
      <c r="AB578" s="4">
        <f t="shared" si="86"/>
        <v>1.6</v>
      </c>
      <c r="AC578" s="3">
        <f t="shared" si="83"/>
        <v>0.30400000000000005</v>
      </c>
      <c r="AD578" s="4">
        <f t="shared" si="78"/>
        <v>0</v>
      </c>
      <c r="AE578" s="3">
        <f t="shared" si="84"/>
        <v>-0.24</v>
      </c>
      <c r="AF578" s="4">
        <f t="shared" si="82"/>
        <v>0</v>
      </c>
      <c r="AG578" s="3">
        <f t="shared" si="79"/>
        <v>31.695999999999998</v>
      </c>
      <c r="AH578" s="4">
        <f t="shared" si="80"/>
        <v>0</v>
      </c>
      <c r="AI578" s="3">
        <f t="shared" si="85"/>
        <v>-0.09</v>
      </c>
      <c r="AJ578" s="14"/>
      <c r="AK578" s="14"/>
    </row>
    <row r="579" spans="1:37">
      <c r="A579" s="1" t="s">
        <v>52</v>
      </c>
      <c r="B579" s="2">
        <v>0.78421296296296295</v>
      </c>
      <c r="C579" s="3">
        <v>219.63</v>
      </c>
      <c r="D579" s="3">
        <v>262.05</v>
      </c>
      <c r="E579" s="3">
        <v>370.37</v>
      </c>
      <c r="F579" s="3">
        <v>282.14999999999998</v>
      </c>
      <c r="G579" s="3">
        <v>294.68</v>
      </c>
      <c r="H579" s="3">
        <v>364.44</v>
      </c>
      <c r="I579" s="3">
        <v>95.81</v>
      </c>
      <c r="J579" s="3">
        <v>151.94</v>
      </c>
      <c r="K579" s="3">
        <v>181.72</v>
      </c>
      <c r="L579" s="3">
        <v>213.15</v>
      </c>
      <c r="M579" s="3">
        <v>555.38</v>
      </c>
      <c r="N579" s="3">
        <v>336.76</v>
      </c>
      <c r="O579" s="3">
        <v>689.31</v>
      </c>
      <c r="P579" s="3">
        <v>667.96</v>
      </c>
      <c r="Q579" s="3">
        <v>2286.17</v>
      </c>
      <c r="R579" s="3">
        <v>2286.17</v>
      </c>
      <c r="S579" s="3">
        <v>0.18</v>
      </c>
      <c r="T579" s="3">
        <v>-0.15</v>
      </c>
      <c r="U579" s="3">
        <v>19.82</v>
      </c>
      <c r="V579" s="3">
        <v>-0.08</v>
      </c>
      <c r="W579" s="3">
        <v>0.7</v>
      </c>
      <c r="X579" s="3">
        <v>8.2899999999999991</v>
      </c>
      <c r="Y579" s="3">
        <v>0.05</v>
      </c>
      <c r="Z579" s="3">
        <v>-0.1</v>
      </c>
      <c r="AA579" s="4">
        <f t="shared" si="81"/>
        <v>0</v>
      </c>
      <c r="AB579" s="4">
        <f t="shared" si="86"/>
        <v>1.6</v>
      </c>
      <c r="AC579" s="3">
        <f t="shared" si="83"/>
        <v>0.28799999999999998</v>
      </c>
      <c r="AD579" s="4">
        <f t="shared" si="78"/>
        <v>0</v>
      </c>
      <c r="AE579" s="3">
        <f t="shared" si="84"/>
        <v>-0.24</v>
      </c>
      <c r="AF579" s="4">
        <f t="shared" si="82"/>
        <v>0</v>
      </c>
      <c r="AG579" s="3">
        <f t="shared" si="79"/>
        <v>31.712000000000003</v>
      </c>
      <c r="AH579" s="4">
        <f t="shared" si="80"/>
        <v>0</v>
      </c>
      <c r="AI579" s="3">
        <f t="shared" si="85"/>
        <v>-0.08</v>
      </c>
      <c r="AJ579" s="14"/>
      <c r="AK579" s="14"/>
    </row>
    <row r="580" spans="1:37">
      <c r="A580" s="1" t="s">
        <v>52</v>
      </c>
      <c r="B580" s="2">
        <v>0.78490740740740739</v>
      </c>
      <c r="C580" s="3">
        <v>219.53</v>
      </c>
      <c r="D580" s="3">
        <v>261.45</v>
      </c>
      <c r="E580" s="3">
        <v>369.71</v>
      </c>
      <c r="F580" s="3">
        <v>281.33</v>
      </c>
      <c r="G580" s="3">
        <v>294.08</v>
      </c>
      <c r="H580" s="3">
        <v>363.76</v>
      </c>
      <c r="I580" s="3">
        <v>95.6</v>
      </c>
      <c r="J580" s="3">
        <v>151.57</v>
      </c>
      <c r="K580" s="3">
        <v>181.37</v>
      </c>
      <c r="L580" s="3">
        <v>212.56</v>
      </c>
      <c r="M580" s="3">
        <v>553.63</v>
      </c>
      <c r="N580" s="3">
        <v>336.13</v>
      </c>
      <c r="O580" s="3">
        <v>687.21</v>
      </c>
      <c r="P580" s="3">
        <v>665.92</v>
      </c>
      <c r="Q580" s="3">
        <v>2286.17</v>
      </c>
      <c r="R580" s="3">
        <v>2286.17</v>
      </c>
      <c r="S580" s="3">
        <v>0.15</v>
      </c>
      <c r="T580" s="3">
        <v>-0.15</v>
      </c>
      <c r="U580" s="3">
        <v>19.829999999999998</v>
      </c>
      <c r="V580" s="3">
        <v>-0.12</v>
      </c>
      <c r="W580" s="3">
        <v>0.66</v>
      </c>
      <c r="X580" s="3">
        <v>8.2899999999999991</v>
      </c>
      <c r="Y580" s="3">
        <v>0.05</v>
      </c>
      <c r="Z580" s="3">
        <v>-0.11</v>
      </c>
      <c r="AA580" s="4">
        <f t="shared" si="81"/>
        <v>0</v>
      </c>
      <c r="AB580" s="4">
        <f t="shared" si="86"/>
        <v>1.6</v>
      </c>
      <c r="AC580" s="3">
        <f t="shared" si="83"/>
        <v>0.24</v>
      </c>
      <c r="AD580" s="4">
        <f t="shared" ref="AD580:AD636" si="87">AD579</f>
        <v>0</v>
      </c>
      <c r="AE580" s="3">
        <f t="shared" si="84"/>
        <v>-0.24</v>
      </c>
      <c r="AF580" s="4">
        <f t="shared" si="82"/>
        <v>0</v>
      </c>
      <c r="AG580" s="3">
        <f t="shared" ref="AG580:AG636" si="88">U580*AB580+AF580</f>
        <v>31.727999999999998</v>
      </c>
      <c r="AH580" s="4">
        <f t="shared" ref="AH580:AH636" si="89">AH579</f>
        <v>0</v>
      </c>
      <c r="AI580" s="3">
        <f t="shared" si="85"/>
        <v>-0.12</v>
      </c>
      <c r="AJ580" s="14"/>
      <c r="AK580" s="14"/>
    </row>
    <row r="581" spans="1:37">
      <c r="A581" s="1" t="s">
        <v>52</v>
      </c>
      <c r="B581" s="2">
        <v>0.78560185185185183</v>
      </c>
      <c r="C581" s="3">
        <v>219.38</v>
      </c>
      <c r="D581" s="3">
        <v>260.85000000000002</v>
      </c>
      <c r="E581" s="3">
        <v>369</v>
      </c>
      <c r="F581" s="3">
        <v>280.5</v>
      </c>
      <c r="G581" s="3">
        <v>295.49</v>
      </c>
      <c r="H581" s="3">
        <v>363.06</v>
      </c>
      <c r="I581" s="3">
        <v>95.37</v>
      </c>
      <c r="J581" s="3">
        <v>151.19</v>
      </c>
      <c r="K581" s="3">
        <v>181.02</v>
      </c>
      <c r="L581" s="3">
        <v>211.96</v>
      </c>
      <c r="M581" s="3">
        <v>551.88</v>
      </c>
      <c r="N581" s="3">
        <v>335.51</v>
      </c>
      <c r="O581" s="3">
        <v>685.05</v>
      </c>
      <c r="P581" s="3">
        <v>663.85</v>
      </c>
      <c r="Q581" s="3">
        <v>2286.15</v>
      </c>
      <c r="R581" s="3">
        <v>2286.15</v>
      </c>
      <c r="S581" s="3">
        <v>0.15</v>
      </c>
      <c r="T581" s="3">
        <v>-0.14000000000000001</v>
      </c>
      <c r="U581" s="3">
        <v>19.84</v>
      </c>
      <c r="V581" s="3">
        <v>-0.06</v>
      </c>
      <c r="W581" s="3">
        <v>0.64</v>
      </c>
      <c r="X581" s="3">
        <v>8.2899999999999991</v>
      </c>
      <c r="Y581" s="3">
        <v>0.05</v>
      </c>
      <c r="Z581" s="3">
        <v>-0.11</v>
      </c>
      <c r="AA581" s="4">
        <f t="shared" ref="AA581:AA636" si="90">AA580</f>
        <v>0</v>
      </c>
      <c r="AB581" s="4">
        <f t="shared" si="86"/>
        <v>1.6</v>
      </c>
      <c r="AC581" s="3">
        <f t="shared" si="83"/>
        <v>0.24</v>
      </c>
      <c r="AD581" s="4">
        <f t="shared" si="87"/>
        <v>0</v>
      </c>
      <c r="AE581" s="3">
        <f t="shared" si="84"/>
        <v>-0.22400000000000003</v>
      </c>
      <c r="AF581" s="4">
        <f t="shared" ref="AF581:AF636" si="91">AF580</f>
        <v>0</v>
      </c>
      <c r="AG581" s="3">
        <f t="shared" si="88"/>
        <v>31.744</v>
      </c>
      <c r="AH581" s="4">
        <f t="shared" si="89"/>
        <v>0</v>
      </c>
      <c r="AI581" s="3">
        <f t="shared" si="85"/>
        <v>-0.06</v>
      </c>
      <c r="AJ581" s="14"/>
      <c r="AK581" s="14"/>
    </row>
    <row r="582" spans="1:37">
      <c r="A582" s="1" t="s">
        <v>52</v>
      </c>
      <c r="B582" s="2">
        <v>0.78629629629629638</v>
      </c>
      <c r="C582" s="3">
        <v>219.27</v>
      </c>
      <c r="D582" s="3">
        <v>260.24</v>
      </c>
      <c r="E582" s="3">
        <v>368.29</v>
      </c>
      <c r="F582" s="3">
        <v>279.67</v>
      </c>
      <c r="G582" s="3">
        <v>295.51</v>
      </c>
      <c r="H582" s="3">
        <v>362.36</v>
      </c>
      <c r="I582" s="3">
        <v>95.14</v>
      </c>
      <c r="J582" s="3">
        <v>150.81</v>
      </c>
      <c r="K582" s="3">
        <v>180.67</v>
      </c>
      <c r="L582" s="3">
        <v>211.36</v>
      </c>
      <c r="M582" s="3">
        <v>550.14</v>
      </c>
      <c r="N582" s="3">
        <v>334.86</v>
      </c>
      <c r="O582" s="3">
        <v>682.85</v>
      </c>
      <c r="P582" s="3">
        <v>661.82</v>
      </c>
      <c r="Q582" s="3">
        <v>2286.14</v>
      </c>
      <c r="R582" s="3">
        <v>2286.14</v>
      </c>
      <c r="S582" s="3">
        <v>0.15</v>
      </c>
      <c r="T582" s="3">
        <v>-0.14000000000000001</v>
      </c>
      <c r="U582" s="3">
        <v>19.850000000000001</v>
      </c>
      <c r="V582" s="3">
        <v>-0.1</v>
      </c>
      <c r="W582" s="3">
        <v>0.63</v>
      </c>
      <c r="X582" s="3">
        <v>8.2899999999999991</v>
      </c>
      <c r="Y582" s="3">
        <v>0.06</v>
      </c>
      <c r="Z582" s="3">
        <v>-0.12</v>
      </c>
      <c r="AA582" s="4">
        <f t="shared" si="90"/>
        <v>0</v>
      </c>
      <c r="AB582" s="4">
        <f t="shared" si="86"/>
        <v>1.6</v>
      </c>
      <c r="AC582" s="3">
        <f t="shared" si="83"/>
        <v>0.24</v>
      </c>
      <c r="AD582" s="4">
        <f t="shared" si="87"/>
        <v>0</v>
      </c>
      <c r="AE582" s="3">
        <f t="shared" si="84"/>
        <v>-0.22400000000000003</v>
      </c>
      <c r="AF582" s="4">
        <f t="shared" si="91"/>
        <v>0</v>
      </c>
      <c r="AG582" s="3">
        <f t="shared" si="88"/>
        <v>31.760000000000005</v>
      </c>
      <c r="AH582" s="4">
        <f t="shared" si="89"/>
        <v>0</v>
      </c>
      <c r="AI582" s="3">
        <f t="shared" si="85"/>
        <v>-0.1</v>
      </c>
      <c r="AJ582" s="14"/>
      <c r="AK582" s="14"/>
    </row>
    <row r="583" spans="1:37">
      <c r="A583" s="1" t="s">
        <v>52</v>
      </c>
      <c r="B583" s="2">
        <v>0.78699074074074071</v>
      </c>
      <c r="C583" s="3">
        <v>219.02</v>
      </c>
      <c r="D583" s="3">
        <v>259.62</v>
      </c>
      <c r="E583" s="3">
        <v>367.59</v>
      </c>
      <c r="F583" s="3">
        <v>278.83</v>
      </c>
      <c r="G583" s="3">
        <v>295.16000000000003</v>
      </c>
      <c r="H583" s="3">
        <v>361.66</v>
      </c>
      <c r="I583" s="3">
        <v>94.95</v>
      </c>
      <c r="J583" s="3">
        <v>150.44</v>
      </c>
      <c r="K583" s="3">
        <v>180.34</v>
      </c>
      <c r="L583" s="3">
        <v>210.78</v>
      </c>
      <c r="M583" s="3">
        <v>548.39</v>
      </c>
      <c r="N583" s="3">
        <v>334.23</v>
      </c>
      <c r="O583" s="3">
        <v>680.77</v>
      </c>
      <c r="P583" s="3">
        <v>659.81</v>
      </c>
      <c r="Q583" s="3">
        <v>2286.14</v>
      </c>
      <c r="R583" s="3">
        <v>2286.14</v>
      </c>
      <c r="S583" s="3">
        <v>0.15</v>
      </c>
      <c r="T583" s="3">
        <v>-0.14000000000000001</v>
      </c>
      <c r="U583" s="3">
        <v>19.86</v>
      </c>
      <c r="V583" s="3">
        <v>-0.1</v>
      </c>
      <c r="W583" s="3">
        <v>0.64</v>
      </c>
      <c r="X583" s="3">
        <v>8.2899999999999991</v>
      </c>
      <c r="Y583" s="3">
        <v>0.06</v>
      </c>
      <c r="Z583" s="3">
        <v>-0.1</v>
      </c>
      <c r="AA583" s="4">
        <f t="shared" si="90"/>
        <v>0</v>
      </c>
      <c r="AB583" s="4">
        <f t="shared" si="86"/>
        <v>1.6</v>
      </c>
      <c r="AC583" s="3">
        <f t="shared" si="83"/>
        <v>0.24</v>
      </c>
      <c r="AD583" s="4">
        <f t="shared" si="87"/>
        <v>0</v>
      </c>
      <c r="AE583" s="3">
        <f t="shared" si="84"/>
        <v>-0.22400000000000003</v>
      </c>
      <c r="AF583" s="4">
        <f t="shared" si="91"/>
        <v>0</v>
      </c>
      <c r="AG583" s="3">
        <f t="shared" si="88"/>
        <v>31.776</v>
      </c>
      <c r="AH583" s="4">
        <f t="shared" si="89"/>
        <v>0</v>
      </c>
      <c r="AI583" s="3">
        <f t="shared" si="85"/>
        <v>-0.1</v>
      </c>
      <c r="AJ583" s="14"/>
      <c r="AK583" s="14"/>
    </row>
    <row r="584" spans="1:37">
      <c r="A584" s="1" t="s">
        <v>52</v>
      </c>
      <c r="B584" s="2">
        <v>0.78768518518518515</v>
      </c>
      <c r="C584" s="3">
        <v>218.81</v>
      </c>
      <c r="D584" s="3">
        <v>259</v>
      </c>
      <c r="E584" s="3">
        <v>366.89</v>
      </c>
      <c r="F584" s="3">
        <v>278.02</v>
      </c>
      <c r="G584" s="3">
        <v>294.52999999999997</v>
      </c>
      <c r="H584" s="3">
        <v>360.95</v>
      </c>
      <c r="I584" s="3">
        <v>94.75</v>
      </c>
      <c r="J584" s="3">
        <v>150.08000000000001</v>
      </c>
      <c r="K584" s="3">
        <v>180.01</v>
      </c>
      <c r="L584" s="3">
        <v>210.21</v>
      </c>
      <c r="M584" s="3">
        <v>546.66</v>
      </c>
      <c r="N584" s="3">
        <v>333.62</v>
      </c>
      <c r="O584" s="3">
        <v>678.66</v>
      </c>
      <c r="P584" s="3">
        <v>657.78</v>
      </c>
      <c r="Q584" s="3">
        <v>2286.15</v>
      </c>
      <c r="R584" s="3">
        <v>2286.15</v>
      </c>
      <c r="S584" s="3">
        <v>0.15</v>
      </c>
      <c r="T584" s="3">
        <v>-0.14000000000000001</v>
      </c>
      <c r="U584" s="3">
        <v>19.87</v>
      </c>
      <c r="V584" s="3">
        <v>-0.15</v>
      </c>
      <c r="W584" s="3">
        <v>0.61</v>
      </c>
      <c r="X584" s="3">
        <v>8.2899999999999991</v>
      </c>
      <c r="Y584" s="3">
        <v>0.05</v>
      </c>
      <c r="Z584" s="3">
        <v>-0.15</v>
      </c>
      <c r="AA584" s="4">
        <f t="shared" si="90"/>
        <v>0</v>
      </c>
      <c r="AB584" s="4">
        <f t="shared" si="86"/>
        <v>1.6</v>
      </c>
      <c r="AC584" s="3">
        <f t="shared" si="83"/>
        <v>0.24</v>
      </c>
      <c r="AD584" s="4">
        <f t="shared" si="87"/>
        <v>0</v>
      </c>
      <c r="AE584" s="3">
        <f t="shared" si="84"/>
        <v>-0.22400000000000003</v>
      </c>
      <c r="AF584" s="4">
        <f t="shared" si="91"/>
        <v>0</v>
      </c>
      <c r="AG584" s="3">
        <f t="shared" si="88"/>
        <v>31.792000000000002</v>
      </c>
      <c r="AH584" s="4">
        <f t="shared" si="89"/>
        <v>0</v>
      </c>
      <c r="AI584" s="3">
        <f t="shared" si="85"/>
        <v>-0.15</v>
      </c>
      <c r="AJ584" s="14"/>
      <c r="AK584" s="14"/>
    </row>
    <row r="585" spans="1:37">
      <c r="A585" s="1" t="s">
        <v>52</v>
      </c>
      <c r="B585" s="2">
        <v>0.7883796296296296</v>
      </c>
      <c r="C585" s="3">
        <v>218.51</v>
      </c>
      <c r="D585" s="3">
        <v>258.36</v>
      </c>
      <c r="E585" s="3">
        <v>366.16</v>
      </c>
      <c r="F585" s="3">
        <v>277.18</v>
      </c>
      <c r="G585" s="3">
        <v>294.13</v>
      </c>
      <c r="H585" s="3">
        <v>360.23</v>
      </c>
      <c r="I585" s="3">
        <v>94.5</v>
      </c>
      <c r="J585" s="3">
        <v>149.71</v>
      </c>
      <c r="K585" s="3">
        <v>179.68</v>
      </c>
      <c r="L585" s="3">
        <v>209.63</v>
      </c>
      <c r="M585" s="3">
        <v>544.95000000000005</v>
      </c>
      <c r="N585" s="3">
        <v>333</v>
      </c>
      <c r="O585" s="3">
        <v>676.5</v>
      </c>
      <c r="P585" s="3">
        <v>655.77</v>
      </c>
      <c r="Q585" s="3">
        <v>2286.14</v>
      </c>
      <c r="R585" s="3">
        <v>2286.14</v>
      </c>
      <c r="S585" s="3">
        <v>0.15</v>
      </c>
      <c r="T585" s="3">
        <v>-0.14000000000000001</v>
      </c>
      <c r="U585" s="3">
        <v>19.88</v>
      </c>
      <c r="V585" s="3">
        <v>-0.14000000000000001</v>
      </c>
      <c r="W585" s="3">
        <v>0.6</v>
      </c>
      <c r="X585" s="3">
        <v>8.2899999999999991</v>
      </c>
      <c r="Y585" s="3">
        <v>0.06</v>
      </c>
      <c r="Z585" s="3">
        <v>-0.13</v>
      </c>
      <c r="AA585" s="4">
        <f t="shared" si="90"/>
        <v>0</v>
      </c>
      <c r="AB585" s="4">
        <f t="shared" si="86"/>
        <v>1.6</v>
      </c>
      <c r="AC585" s="3">
        <f t="shared" si="83"/>
        <v>0.24</v>
      </c>
      <c r="AD585" s="4">
        <f t="shared" si="87"/>
        <v>0</v>
      </c>
      <c r="AE585" s="3">
        <f t="shared" si="84"/>
        <v>-0.22400000000000003</v>
      </c>
      <c r="AF585" s="4">
        <f t="shared" si="91"/>
        <v>0</v>
      </c>
      <c r="AG585" s="3">
        <f t="shared" si="88"/>
        <v>31.808</v>
      </c>
      <c r="AH585" s="4">
        <f t="shared" si="89"/>
        <v>0</v>
      </c>
      <c r="AI585" s="3">
        <f t="shared" si="85"/>
        <v>-0.14000000000000001</v>
      </c>
      <c r="AJ585" s="14"/>
      <c r="AK585" s="14"/>
    </row>
    <row r="586" spans="1:37">
      <c r="A586" s="1" t="s">
        <v>52</v>
      </c>
      <c r="B586" s="2">
        <v>0.78907407407407415</v>
      </c>
      <c r="C586" s="3">
        <v>218.23</v>
      </c>
      <c r="D586" s="3">
        <v>257.75</v>
      </c>
      <c r="E586" s="3">
        <v>365.44</v>
      </c>
      <c r="F586" s="3">
        <v>276.36</v>
      </c>
      <c r="G586" s="3">
        <v>293.60000000000002</v>
      </c>
      <c r="H586" s="3">
        <v>359.5</v>
      </c>
      <c r="I586" s="3">
        <v>94.26</v>
      </c>
      <c r="J586" s="3">
        <v>149.34</v>
      </c>
      <c r="K586" s="3">
        <v>179.32</v>
      </c>
      <c r="L586" s="3">
        <v>209.06</v>
      </c>
      <c r="M586" s="3">
        <v>543.24</v>
      </c>
      <c r="N586" s="3">
        <v>332.36</v>
      </c>
      <c r="O586" s="3">
        <v>674.31</v>
      </c>
      <c r="P586" s="3">
        <v>653.77</v>
      </c>
      <c r="Q586" s="3">
        <v>2286.14</v>
      </c>
      <c r="R586" s="3">
        <v>2286.14</v>
      </c>
      <c r="S586" s="3">
        <v>0.15</v>
      </c>
      <c r="T586" s="3">
        <v>-0.14000000000000001</v>
      </c>
      <c r="U586" s="3">
        <v>19.89</v>
      </c>
      <c r="V586" s="3">
        <v>-0.11</v>
      </c>
      <c r="W586" s="3">
        <v>0.57999999999999996</v>
      </c>
      <c r="X586" s="3">
        <v>8.2899999999999991</v>
      </c>
      <c r="Y586" s="3">
        <v>0.06</v>
      </c>
      <c r="Z586" s="3">
        <v>-0.11</v>
      </c>
      <c r="AA586" s="4">
        <f t="shared" si="90"/>
        <v>0</v>
      </c>
      <c r="AB586" s="4">
        <f t="shared" si="86"/>
        <v>1.6</v>
      </c>
      <c r="AC586" s="3">
        <f t="shared" si="83"/>
        <v>0.24</v>
      </c>
      <c r="AD586" s="4">
        <f t="shared" si="87"/>
        <v>0</v>
      </c>
      <c r="AE586" s="3">
        <f t="shared" si="84"/>
        <v>-0.22400000000000003</v>
      </c>
      <c r="AF586" s="4">
        <f t="shared" si="91"/>
        <v>0</v>
      </c>
      <c r="AG586" s="3">
        <f t="shared" si="88"/>
        <v>31.824000000000002</v>
      </c>
      <c r="AH586" s="4">
        <f t="shared" si="89"/>
        <v>0</v>
      </c>
      <c r="AI586" s="3">
        <f t="shared" si="85"/>
        <v>-0.11</v>
      </c>
      <c r="AJ586" s="14"/>
      <c r="AK586" s="14"/>
    </row>
    <row r="587" spans="1:37">
      <c r="A587" s="1" t="s">
        <v>52</v>
      </c>
      <c r="B587" s="2">
        <v>0.78978009259259263</v>
      </c>
      <c r="C587" s="3">
        <v>217.9</v>
      </c>
      <c r="D587" s="3">
        <v>257.11</v>
      </c>
      <c r="E587" s="3">
        <v>364.71</v>
      </c>
      <c r="F587" s="3">
        <v>275.54000000000002</v>
      </c>
      <c r="G587" s="3">
        <v>293.02</v>
      </c>
      <c r="H587" s="3">
        <v>358.77</v>
      </c>
      <c r="I587" s="3">
        <v>94.08</v>
      </c>
      <c r="J587" s="3">
        <v>148.97</v>
      </c>
      <c r="K587" s="3">
        <v>178.99</v>
      </c>
      <c r="L587" s="3">
        <v>208.48</v>
      </c>
      <c r="M587" s="3">
        <v>541.53</v>
      </c>
      <c r="N587" s="3">
        <v>331.73</v>
      </c>
      <c r="O587" s="3">
        <v>672.16</v>
      </c>
      <c r="P587" s="3">
        <v>651.79</v>
      </c>
      <c r="Q587" s="3">
        <v>2286.14</v>
      </c>
      <c r="R587" s="3">
        <v>2286.14</v>
      </c>
      <c r="S587" s="3">
        <v>0.14000000000000001</v>
      </c>
      <c r="T587" s="3">
        <v>-0.14000000000000001</v>
      </c>
      <c r="U587" s="3">
        <v>19.89</v>
      </c>
      <c r="V587" s="3">
        <v>-7.0000000000000007E-2</v>
      </c>
      <c r="W587" s="3">
        <v>0.55000000000000004</v>
      </c>
      <c r="X587" s="3">
        <v>8.2899999999999991</v>
      </c>
      <c r="Y587" s="3">
        <v>0.06</v>
      </c>
      <c r="Z587" s="3">
        <v>-0.08</v>
      </c>
      <c r="AA587" s="4">
        <f t="shared" si="90"/>
        <v>0</v>
      </c>
      <c r="AB587" s="4">
        <f t="shared" si="86"/>
        <v>1.6</v>
      </c>
      <c r="AC587" s="3">
        <f t="shared" si="83"/>
        <v>0.22400000000000003</v>
      </c>
      <c r="AD587" s="4">
        <f t="shared" si="87"/>
        <v>0</v>
      </c>
      <c r="AE587" s="3">
        <f t="shared" si="84"/>
        <v>-0.22400000000000003</v>
      </c>
      <c r="AF587" s="4">
        <f t="shared" si="91"/>
        <v>0</v>
      </c>
      <c r="AG587" s="3">
        <f t="shared" si="88"/>
        <v>31.824000000000002</v>
      </c>
      <c r="AH587" s="4">
        <f t="shared" si="89"/>
        <v>0</v>
      </c>
      <c r="AI587" s="3">
        <f t="shared" si="85"/>
        <v>-7.0000000000000007E-2</v>
      </c>
      <c r="AJ587" s="14"/>
      <c r="AK587" s="14"/>
    </row>
    <row r="588" spans="1:37">
      <c r="A588" s="1" t="s">
        <v>52</v>
      </c>
      <c r="B588" s="2">
        <v>0.79047453703703707</v>
      </c>
      <c r="C588" s="3">
        <v>217.58</v>
      </c>
      <c r="D588" s="3">
        <v>256.49</v>
      </c>
      <c r="E588" s="3">
        <v>363.98</v>
      </c>
      <c r="F588" s="3">
        <v>274.72000000000003</v>
      </c>
      <c r="G588" s="3">
        <v>292.55</v>
      </c>
      <c r="H588" s="3">
        <v>358.03</v>
      </c>
      <c r="I588" s="3">
        <v>93.88</v>
      </c>
      <c r="J588" s="3">
        <v>148.59</v>
      </c>
      <c r="K588" s="3">
        <v>178.65</v>
      </c>
      <c r="L588" s="3">
        <v>207.9</v>
      </c>
      <c r="M588" s="3">
        <v>539.83000000000004</v>
      </c>
      <c r="N588" s="3">
        <v>331.1</v>
      </c>
      <c r="O588" s="3">
        <v>670.05</v>
      </c>
      <c r="P588" s="3">
        <v>649.83000000000004</v>
      </c>
      <c r="Q588" s="3">
        <v>2286.14</v>
      </c>
      <c r="R588" s="3">
        <v>2286.14</v>
      </c>
      <c r="S588" s="3">
        <v>0.11</v>
      </c>
      <c r="T588" s="3">
        <v>-0.14000000000000001</v>
      </c>
      <c r="U588" s="3">
        <v>19.899999999999999</v>
      </c>
      <c r="V588" s="3">
        <v>-0.06</v>
      </c>
      <c r="W588" s="3">
        <v>0.52</v>
      </c>
      <c r="X588" s="3">
        <v>8.2899999999999991</v>
      </c>
      <c r="Y588" s="3">
        <v>0.05</v>
      </c>
      <c r="Z588" s="3">
        <v>-0.05</v>
      </c>
      <c r="AA588" s="4">
        <f t="shared" si="90"/>
        <v>0</v>
      </c>
      <c r="AB588" s="4">
        <f t="shared" si="86"/>
        <v>1.6</v>
      </c>
      <c r="AC588" s="3">
        <f t="shared" si="83"/>
        <v>0.17600000000000002</v>
      </c>
      <c r="AD588" s="4">
        <f t="shared" si="87"/>
        <v>0</v>
      </c>
      <c r="AE588" s="3">
        <f t="shared" si="84"/>
        <v>-0.22400000000000003</v>
      </c>
      <c r="AF588" s="4">
        <f t="shared" si="91"/>
        <v>0</v>
      </c>
      <c r="AG588" s="3">
        <f t="shared" si="88"/>
        <v>31.84</v>
      </c>
      <c r="AH588" s="4">
        <f t="shared" si="89"/>
        <v>0</v>
      </c>
      <c r="AI588" s="3">
        <f t="shared" si="85"/>
        <v>-0.06</v>
      </c>
      <c r="AJ588" s="14"/>
      <c r="AK588" s="14"/>
    </row>
    <row r="589" spans="1:37">
      <c r="A589" s="1" t="s">
        <v>52</v>
      </c>
      <c r="B589" s="2">
        <v>0.7911689814814814</v>
      </c>
      <c r="C589" s="3">
        <v>217.26</v>
      </c>
      <c r="D589" s="3">
        <v>255.84</v>
      </c>
      <c r="E589" s="3">
        <v>363.24</v>
      </c>
      <c r="F589" s="3">
        <v>273.89999999999998</v>
      </c>
      <c r="G589" s="3">
        <v>292.10000000000002</v>
      </c>
      <c r="H589" s="3">
        <v>357.28</v>
      </c>
      <c r="I589" s="3">
        <v>93.67</v>
      </c>
      <c r="J589" s="3">
        <v>148.24</v>
      </c>
      <c r="K589" s="3">
        <v>178.28</v>
      </c>
      <c r="L589" s="3">
        <v>207.34</v>
      </c>
      <c r="M589" s="3">
        <v>538.13</v>
      </c>
      <c r="N589" s="3">
        <v>330.46</v>
      </c>
      <c r="O589" s="3">
        <v>667.92</v>
      </c>
      <c r="P589" s="3">
        <v>647.83000000000004</v>
      </c>
      <c r="Q589" s="3">
        <v>2286.13</v>
      </c>
      <c r="R589" s="3">
        <v>2286.13</v>
      </c>
      <c r="S589" s="3">
        <v>0.11</v>
      </c>
      <c r="T589" s="3">
        <v>-0.14000000000000001</v>
      </c>
      <c r="U589" s="3">
        <v>19.91</v>
      </c>
      <c r="V589" s="3">
        <v>-0.08</v>
      </c>
      <c r="W589" s="3">
        <v>0.52</v>
      </c>
      <c r="X589" s="3">
        <v>8.3000000000000007</v>
      </c>
      <c r="Y589" s="3">
        <v>0.05</v>
      </c>
      <c r="Z589" s="3">
        <v>-0.09</v>
      </c>
      <c r="AA589" s="4">
        <f t="shared" si="90"/>
        <v>0</v>
      </c>
      <c r="AB589" s="4">
        <f t="shared" si="86"/>
        <v>1.6</v>
      </c>
      <c r="AC589" s="3">
        <f t="shared" si="83"/>
        <v>0.17600000000000002</v>
      </c>
      <c r="AD589" s="4">
        <f t="shared" si="87"/>
        <v>0</v>
      </c>
      <c r="AE589" s="3">
        <f t="shared" si="84"/>
        <v>-0.22400000000000003</v>
      </c>
      <c r="AF589" s="4">
        <f t="shared" si="91"/>
        <v>0</v>
      </c>
      <c r="AG589" s="3">
        <f t="shared" si="88"/>
        <v>31.856000000000002</v>
      </c>
      <c r="AH589" s="4">
        <f t="shared" si="89"/>
        <v>0</v>
      </c>
      <c r="AI589" s="3">
        <f t="shared" si="85"/>
        <v>-0.08</v>
      </c>
      <c r="AJ589" s="14"/>
      <c r="AK589" s="14"/>
    </row>
    <row r="590" spans="1:37">
      <c r="A590" s="1" t="s">
        <v>52</v>
      </c>
      <c r="B590" s="2">
        <v>0.79186342592592596</v>
      </c>
      <c r="C590" s="3">
        <v>216.95</v>
      </c>
      <c r="D590" s="3">
        <v>255.2</v>
      </c>
      <c r="E590" s="3">
        <v>362.49</v>
      </c>
      <c r="F590" s="3">
        <v>273.08</v>
      </c>
      <c r="G590" s="3">
        <v>291.66000000000003</v>
      </c>
      <c r="H590" s="3">
        <v>356.53</v>
      </c>
      <c r="I590" s="3">
        <v>93.45</v>
      </c>
      <c r="J590" s="3">
        <v>147.87</v>
      </c>
      <c r="K590" s="3">
        <v>177.96</v>
      </c>
      <c r="L590" s="3">
        <v>206.77</v>
      </c>
      <c r="M590" s="3">
        <v>536.41999999999996</v>
      </c>
      <c r="N590" s="3">
        <v>329.84</v>
      </c>
      <c r="O590" s="3">
        <v>665.87</v>
      </c>
      <c r="P590" s="3">
        <v>645.88</v>
      </c>
      <c r="Q590" s="3">
        <v>2286.14</v>
      </c>
      <c r="R590" s="3">
        <v>2286.14</v>
      </c>
      <c r="S590" s="3">
        <v>0.11</v>
      </c>
      <c r="T590" s="3">
        <v>-0.14000000000000001</v>
      </c>
      <c r="U590" s="3">
        <v>19.920000000000002</v>
      </c>
      <c r="V590" s="3">
        <v>-0.09</v>
      </c>
      <c r="W590" s="3">
        <v>0.48</v>
      </c>
      <c r="X590" s="3">
        <v>8.2899999999999991</v>
      </c>
      <c r="Y590" s="3">
        <v>0.06</v>
      </c>
      <c r="Z590" s="3">
        <v>-0.08</v>
      </c>
      <c r="AA590" s="4">
        <f t="shared" si="90"/>
        <v>0</v>
      </c>
      <c r="AB590" s="4">
        <f t="shared" si="86"/>
        <v>1.6</v>
      </c>
      <c r="AC590" s="3">
        <f t="shared" si="83"/>
        <v>0.17600000000000002</v>
      </c>
      <c r="AD590" s="4">
        <f t="shared" si="87"/>
        <v>0</v>
      </c>
      <c r="AE590" s="3">
        <f t="shared" si="84"/>
        <v>-0.22400000000000003</v>
      </c>
      <c r="AF590" s="4">
        <f t="shared" si="91"/>
        <v>0</v>
      </c>
      <c r="AG590" s="3">
        <f t="shared" si="88"/>
        <v>31.872000000000003</v>
      </c>
      <c r="AH590" s="4">
        <f t="shared" si="89"/>
        <v>0</v>
      </c>
      <c r="AI590" s="3">
        <f t="shared" si="85"/>
        <v>-0.09</v>
      </c>
      <c r="AJ590" s="14"/>
      <c r="AK590" s="14"/>
    </row>
    <row r="591" spans="1:37">
      <c r="A591" s="1" t="s">
        <v>52</v>
      </c>
      <c r="B591" s="2">
        <v>0.7925578703703704</v>
      </c>
      <c r="C591" s="3">
        <v>216.63</v>
      </c>
      <c r="D591" s="3">
        <v>254.57</v>
      </c>
      <c r="E591" s="3">
        <v>361.74</v>
      </c>
      <c r="F591" s="3">
        <v>272.26</v>
      </c>
      <c r="G591" s="3">
        <v>291.08</v>
      </c>
      <c r="H591" s="3">
        <v>355.78</v>
      </c>
      <c r="I591" s="3">
        <v>93.23</v>
      </c>
      <c r="J591" s="3">
        <v>147.5</v>
      </c>
      <c r="K591" s="3">
        <v>177.64</v>
      </c>
      <c r="L591" s="3">
        <v>206.2</v>
      </c>
      <c r="M591" s="3">
        <v>534.74</v>
      </c>
      <c r="N591" s="3">
        <v>329.2</v>
      </c>
      <c r="O591" s="3">
        <v>663.82</v>
      </c>
      <c r="P591" s="3">
        <v>643.91999999999996</v>
      </c>
      <c r="Q591" s="3">
        <v>2286.14</v>
      </c>
      <c r="R591" s="3">
        <v>2286.14</v>
      </c>
      <c r="S591" s="3">
        <v>0.11</v>
      </c>
      <c r="T591" s="3">
        <v>-0.14000000000000001</v>
      </c>
      <c r="U591" s="3">
        <v>19.920000000000002</v>
      </c>
      <c r="V591" s="3">
        <v>-0.21</v>
      </c>
      <c r="W591" s="3">
        <v>0.48</v>
      </c>
      <c r="X591" s="3">
        <v>8.2899999999999991</v>
      </c>
      <c r="Y591" s="3">
        <v>0.06</v>
      </c>
      <c r="Z591" s="3">
        <v>-0.09</v>
      </c>
      <c r="AA591" s="4">
        <f t="shared" si="90"/>
        <v>0</v>
      </c>
      <c r="AB591" s="4">
        <f t="shared" si="86"/>
        <v>1.6</v>
      </c>
      <c r="AC591" s="3">
        <f t="shared" si="83"/>
        <v>0.17600000000000002</v>
      </c>
      <c r="AD591" s="4">
        <f t="shared" si="87"/>
        <v>0</v>
      </c>
      <c r="AE591" s="3">
        <f t="shared" si="84"/>
        <v>-0.22400000000000003</v>
      </c>
      <c r="AF591" s="4">
        <f t="shared" si="91"/>
        <v>0</v>
      </c>
      <c r="AG591" s="3">
        <f t="shared" si="88"/>
        <v>31.872000000000003</v>
      </c>
      <c r="AH591" s="4">
        <f t="shared" si="89"/>
        <v>0</v>
      </c>
      <c r="AI591" s="3">
        <f t="shared" si="85"/>
        <v>-0.21</v>
      </c>
      <c r="AJ591" s="14"/>
      <c r="AK591" s="14"/>
    </row>
    <row r="592" spans="1:37">
      <c r="A592" s="1" t="s">
        <v>52</v>
      </c>
      <c r="B592" s="2">
        <v>0.79325231481481484</v>
      </c>
      <c r="C592" s="3">
        <v>216.26</v>
      </c>
      <c r="D592" s="3">
        <v>253.93</v>
      </c>
      <c r="E592" s="3">
        <v>360.97</v>
      </c>
      <c r="F592" s="3">
        <v>271.45999999999998</v>
      </c>
      <c r="G592" s="3">
        <v>290.58</v>
      </c>
      <c r="H592" s="3">
        <v>355.02</v>
      </c>
      <c r="I592" s="3">
        <v>92.99</v>
      </c>
      <c r="J592" s="3">
        <v>147.13999999999999</v>
      </c>
      <c r="K592" s="3">
        <v>177.26</v>
      </c>
      <c r="L592" s="3">
        <v>205.66</v>
      </c>
      <c r="M592" s="3">
        <v>533.03</v>
      </c>
      <c r="N592" s="3">
        <v>328.54</v>
      </c>
      <c r="O592" s="3">
        <v>661.7</v>
      </c>
      <c r="P592" s="3">
        <v>641.97</v>
      </c>
      <c r="Q592" s="3">
        <v>2286.15</v>
      </c>
      <c r="R592" s="3">
        <v>2286.15</v>
      </c>
      <c r="S592" s="3">
        <v>0.11</v>
      </c>
      <c r="T592" s="3">
        <v>-0.14000000000000001</v>
      </c>
      <c r="U592" s="3">
        <v>19.93</v>
      </c>
      <c r="V592" s="3">
        <v>-0.2</v>
      </c>
      <c r="W592" s="3">
        <v>0.48</v>
      </c>
      <c r="X592" s="3">
        <v>8.2899999999999991</v>
      </c>
      <c r="Y592" s="3">
        <v>0.06</v>
      </c>
      <c r="Z592" s="3">
        <v>-0.1</v>
      </c>
      <c r="AA592" s="4">
        <f t="shared" si="90"/>
        <v>0</v>
      </c>
      <c r="AB592" s="4">
        <f t="shared" si="86"/>
        <v>1.6</v>
      </c>
      <c r="AC592" s="3">
        <f t="shared" si="83"/>
        <v>0.17600000000000002</v>
      </c>
      <c r="AD592" s="4">
        <f t="shared" si="87"/>
        <v>0</v>
      </c>
      <c r="AE592" s="3">
        <f t="shared" si="84"/>
        <v>-0.22400000000000003</v>
      </c>
      <c r="AF592" s="4">
        <f t="shared" si="91"/>
        <v>0</v>
      </c>
      <c r="AG592" s="3">
        <f t="shared" si="88"/>
        <v>31.888000000000002</v>
      </c>
      <c r="AH592" s="4">
        <f t="shared" si="89"/>
        <v>0</v>
      </c>
      <c r="AI592" s="3">
        <f t="shared" si="85"/>
        <v>-0.2</v>
      </c>
      <c r="AJ592" s="14"/>
      <c r="AK592" s="14"/>
    </row>
    <row r="593" spans="1:37">
      <c r="A593" s="1" t="s">
        <v>52</v>
      </c>
      <c r="B593" s="2">
        <v>0.79394675925925917</v>
      </c>
      <c r="C593" s="3">
        <v>215.9</v>
      </c>
      <c r="D593" s="3">
        <v>253.3</v>
      </c>
      <c r="E593" s="3">
        <v>360.21</v>
      </c>
      <c r="F593" s="3">
        <v>270.64</v>
      </c>
      <c r="G593" s="3">
        <v>290.04000000000002</v>
      </c>
      <c r="H593" s="3">
        <v>354.25</v>
      </c>
      <c r="I593" s="3">
        <v>92.77</v>
      </c>
      <c r="J593" s="3">
        <v>146.77000000000001</v>
      </c>
      <c r="K593" s="3">
        <v>176.89</v>
      </c>
      <c r="L593" s="3">
        <v>205.09</v>
      </c>
      <c r="M593" s="3">
        <v>531.36</v>
      </c>
      <c r="N593" s="3">
        <v>327.9</v>
      </c>
      <c r="O593" s="3">
        <v>659.66</v>
      </c>
      <c r="P593" s="3">
        <v>640.03</v>
      </c>
      <c r="Q593" s="3">
        <v>2286.14</v>
      </c>
      <c r="R593" s="3">
        <v>2286.14</v>
      </c>
      <c r="S593" s="3">
        <v>0.11</v>
      </c>
      <c r="T593" s="3">
        <v>-0.14000000000000001</v>
      </c>
      <c r="U593" s="3">
        <v>19.940000000000001</v>
      </c>
      <c r="V593" s="3">
        <v>-0.16</v>
      </c>
      <c r="W593" s="3">
        <v>0.48</v>
      </c>
      <c r="X593" s="3">
        <v>8.2899999999999991</v>
      </c>
      <c r="Y593" s="3">
        <v>0.06</v>
      </c>
      <c r="Z593" s="3">
        <v>-0.1</v>
      </c>
      <c r="AA593" s="4">
        <f t="shared" si="90"/>
        <v>0</v>
      </c>
      <c r="AB593" s="4">
        <f t="shared" si="86"/>
        <v>1.6</v>
      </c>
      <c r="AC593" s="3">
        <f t="shared" si="83"/>
        <v>0.17600000000000002</v>
      </c>
      <c r="AD593" s="4">
        <f t="shared" si="87"/>
        <v>0</v>
      </c>
      <c r="AE593" s="3">
        <f t="shared" si="84"/>
        <v>-0.22400000000000003</v>
      </c>
      <c r="AF593" s="4">
        <f t="shared" si="91"/>
        <v>0</v>
      </c>
      <c r="AG593" s="3">
        <f t="shared" si="88"/>
        <v>31.904000000000003</v>
      </c>
      <c r="AH593" s="4">
        <f t="shared" si="89"/>
        <v>0</v>
      </c>
      <c r="AI593" s="3">
        <f t="shared" si="85"/>
        <v>-0.16</v>
      </c>
      <c r="AJ593" s="14"/>
      <c r="AK593" s="14"/>
    </row>
    <row r="594" spans="1:37">
      <c r="A594" s="1" t="s">
        <v>52</v>
      </c>
      <c r="B594" s="2">
        <v>0.79464120370370372</v>
      </c>
      <c r="C594" s="3">
        <v>215.55</v>
      </c>
      <c r="D594" s="3">
        <v>252.65</v>
      </c>
      <c r="E594" s="3">
        <v>359.44</v>
      </c>
      <c r="F594" s="3">
        <v>269.83999999999997</v>
      </c>
      <c r="G594" s="3">
        <v>289.52</v>
      </c>
      <c r="H594" s="3">
        <v>353.49</v>
      </c>
      <c r="I594" s="3">
        <v>92.54</v>
      </c>
      <c r="J594" s="3">
        <v>146.41999999999999</v>
      </c>
      <c r="K594" s="3">
        <v>176.54</v>
      </c>
      <c r="L594" s="3">
        <v>204.54</v>
      </c>
      <c r="M594" s="3">
        <v>529.72</v>
      </c>
      <c r="N594" s="3">
        <v>327.27</v>
      </c>
      <c r="O594" s="3">
        <v>657.56</v>
      </c>
      <c r="P594" s="3">
        <v>638.09</v>
      </c>
      <c r="Q594" s="3">
        <v>2286.14</v>
      </c>
      <c r="R594" s="3">
        <v>2286.14</v>
      </c>
      <c r="S594" s="3">
        <v>0.11</v>
      </c>
      <c r="T594" s="3">
        <v>-0.14000000000000001</v>
      </c>
      <c r="U594" s="3">
        <v>19.95</v>
      </c>
      <c r="V594" s="3">
        <v>-0.11</v>
      </c>
      <c r="W594" s="3">
        <v>0.48</v>
      </c>
      <c r="X594" s="3">
        <v>8.2899999999999991</v>
      </c>
      <c r="Y594" s="3">
        <v>0.06</v>
      </c>
      <c r="Z594" s="3">
        <v>-0.08</v>
      </c>
      <c r="AA594" s="4">
        <f t="shared" si="90"/>
        <v>0</v>
      </c>
      <c r="AB594" s="4">
        <f t="shared" si="86"/>
        <v>1.6</v>
      </c>
      <c r="AC594" s="3">
        <f t="shared" si="83"/>
        <v>0.17600000000000002</v>
      </c>
      <c r="AD594" s="4">
        <f t="shared" si="87"/>
        <v>0</v>
      </c>
      <c r="AE594" s="3">
        <f t="shared" si="84"/>
        <v>-0.22400000000000003</v>
      </c>
      <c r="AF594" s="4">
        <f t="shared" si="91"/>
        <v>0</v>
      </c>
      <c r="AG594" s="3">
        <f t="shared" si="88"/>
        <v>31.92</v>
      </c>
      <c r="AH594" s="4">
        <f t="shared" si="89"/>
        <v>0</v>
      </c>
      <c r="AI594" s="3">
        <f t="shared" si="85"/>
        <v>-0.11</v>
      </c>
      <c r="AJ594" s="14"/>
      <c r="AK594" s="14"/>
    </row>
    <row r="595" spans="1:37">
      <c r="A595" s="1" t="s">
        <v>52</v>
      </c>
      <c r="B595" s="2">
        <v>0.79534722222222232</v>
      </c>
      <c r="C595" s="3">
        <v>215.2</v>
      </c>
      <c r="D595" s="3">
        <v>251.99</v>
      </c>
      <c r="E595" s="3">
        <v>358.65</v>
      </c>
      <c r="F595" s="3">
        <v>269.02999999999997</v>
      </c>
      <c r="G595" s="3">
        <v>288.95999999999998</v>
      </c>
      <c r="H595" s="3">
        <v>352.72</v>
      </c>
      <c r="I595" s="3">
        <v>92.3</v>
      </c>
      <c r="J595" s="3">
        <v>146.04</v>
      </c>
      <c r="K595" s="3">
        <v>176.18</v>
      </c>
      <c r="L595" s="3">
        <v>203.98</v>
      </c>
      <c r="M595" s="3">
        <v>528.04</v>
      </c>
      <c r="N595" s="3">
        <v>326.62</v>
      </c>
      <c r="O595" s="3">
        <v>655.47</v>
      </c>
      <c r="P595" s="3">
        <v>636.16999999999996</v>
      </c>
      <c r="Q595" s="3">
        <v>2286.13</v>
      </c>
      <c r="R595" s="3">
        <v>2286.13</v>
      </c>
      <c r="S595" s="3">
        <v>0.11</v>
      </c>
      <c r="T595" s="3">
        <v>-0.14000000000000001</v>
      </c>
      <c r="U595" s="3">
        <v>19.95</v>
      </c>
      <c r="V595" s="3">
        <v>-0.05</v>
      </c>
      <c r="W595" s="3">
        <v>0.47</v>
      </c>
      <c r="X595" s="3">
        <v>8.3000000000000007</v>
      </c>
      <c r="Y595" s="3">
        <v>0.06</v>
      </c>
      <c r="Z595" s="3">
        <v>-0.1</v>
      </c>
      <c r="AA595" s="4">
        <f t="shared" si="90"/>
        <v>0</v>
      </c>
      <c r="AB595" s="4">
        <f t="shared" si="86"/>
        <v>1.6</v>
      </c>
      <c r="AC595" s="3">
        <f t="shared" si="83"/>
        <v>0.17600000000000002</v>
      </c>
      <c r="AD595" s="4">
        <f t="shared" si="87"/>
        <v>0</v>
      </c>
      <c r="AE595" s="3">
        <f t="shared" si="84"/>
        <v>-0.22400000000000003</v>
      </c>
      <c r="AF595" s="4">
        <f t="shared" si="91"/>
        <v>0</v>
      </c>
      <c r="AG595" s="3">
        <f t="shared" si="88"/>
        <v>31.92</v>
      </c>
      <c r="AH595" s="4">
        <f t="shared" si="89"/>
        <v>0</v>
      </c>
      <c r="AI595" s="3">
        <f t="shared" si="85"/>
        <v>-0.05</v>
      </c>
      <c r="AJ595" s="14"/>
      <c r="AK595" s="14"/>
    </row>
    <row r="596" spans="1:37">
      <c r="A596" s="1" t="s">
        <v>52</v>
      </c>
      <c r="B596" s="2">
        <v>0.79604166666666665</v>
      </c>
      <c r="C596" s="3">
        <v>214.82</v>
      </c>
      <c r="D596" s="3">
        <v>251.33</v>
      </c>
      <c r="E596" s="3">
        <v>357.89</v>
      </c>
      <c r="F596" s="3">
        <v>268.23</v>
      </c>
      <c r="G596" s="3">
        <v>288.47000000000003</v>
      </c>
      <c r="H596" s="3">
        <v>351.94</v>
      </c>
      <c r="I596" s="3">
        <v>92.05</v>
      </c>
      <c r="J596" s="3">
        <v>145.68</v>
      </c>
      <c r="K596" s="3">
        <v>175.84</v>
      </c>
      <c r="L596" s="3">
        <v>203.43</v>
      </c>
      <c r="M596" s="3">
        <v>526.4</v>
      </c>
      <c r="N596" s="3">
        <v>325.98</v>
      </c>
      <c r="O596" s="3">
        <v>653.39</v>
      </c>
      <c r="P596" s="3">
        <v>634.25</v>
      </c>
      <c r="Q596" s="3">
        <v>2286.14</v>
      </c>
      <c r="R596" s="3">
        <v>2286.14</v>
      </c>
      <c r="S596" s="3">
        <v>0.11</v>
      </c>
      <c r="T596" s="3">
        <v>-0.14000000000000001</v>
      </c>
      <c r="U596" s="3">
        <v>19.96</v>
      </c>
      <c r="V596" s="3">
        <v>-0.04</v>
      </c>
      <c r="W596" s="3">
        <v>0.44</v>
      </c>
      <c r="X596" s="3">
        <v>8.2899999999999991</v>
      </c>
      <c r="Y596" s="3">
        <v>0.06</v>
      </c>
      <c r="Z596" s="3">
        <v>-0.1</v>
      </c>
      <c r="AA596" s="4">
        <f t="shared" si="90"/>
        <v>0</v>
      </c>
      <c r="AB596" s="4">
        <f t="shared" si="86"/>
        <v>1.6</v>
      </c>
      <c r="AC596" s="3">
        <f t="shared" si="83"/>
        <v>0.17600000000000002</v>
      </c>
      <c r="AD596" s="4">
        <f t="shared" si="87"/>
        <v>0</v>
      </c>
      <c r="AE596" s="3">
        <f t="shared" si="84"/>
        <v>-0.22400000000000003</v>
      </c>
      <c r="AF596" s="4">
        <f t="shared" si="91"/>
        <v>0</v>
      </c>
      <c r="AG596" s="3">
        <f t="shared" si="88"/>
        <v>31.936000000000003</v>
      </c>
      <c r="AH596" s="4">
        <f t="shared" si="89"/>
        <v>0</v>
      </c>
      <c r="AI596" s="3">
        <f t="shared" si="85"/>
        <v>-0.04</v>
      </c>
      <c r="AJ596" s="14"/>
      <c r="AK596" s="14"/>
    </row>
    <row r="597" spans="1:37">
      <c r="A597" s="1" t="s">
        <v>52</v>
      </c>
      <c r="B597" s="2">
        <v>0.79673611111111109</v>
      </c>
      <c r="C597" s="3">
        <v>214.34</v>
      </c>
      <c r="D597" s="3">
        <v>250.67</v>
      </c>
      <c r="E597" s="3">
        <v>357.12</v>
      </c>
      <c r="F597" s="3">
        <v>267.43</v>
      </c>
      <c r="G597" s="3">
        <v>287.99</v>
      </c>
      <c r="H597" s="3">
        <v>351.15</v>
      </c>
      <c r="I597" s="3">
        <v>91.81</v>
      </c>
      <c r="J597" s="3">
        <v>145.31</v>
      </c>
      <c r="K597" s="3">
        <v>175.49</v>
      </c>
      <c r="L597" s="3">
        <v>202.88</v>
      </c>
      <c r="M597" s="3">
        <v>524.75</v>
      </c>
      <c r="N597" s="3">
        <v>325.33</v>
      </c>
      <c r="O597" s="3">
        <v>651.29999999999995</v>
      </c>
      <c r="P597" s="3">
        <v>632.36</v>
      </c>
      <c r="Q597" s="3">
        <v>2286.13</v>
      </c>
      <c r="R597" s="3">
        <v>2286.13</v>
      </c>
      <c r="S597" s="3">
        <v>0.1</v>
      </c>
      <c r="T597" s="3">
        <v>-0.14000000000000001</v>
      </c>
      <c r="U597" s="3">
        <v>19.96</v>
      </c>
      <c r="V597" s="3">
        <v>-0.04</v>
      </c>
      <c r="W597" s="3">
        <v>0.46</v>
      </c>
      <c r="X597" s="3">
        <v>8.2899999999999991</v>
      </c>
      <c r="Y597" s="3">
        <v>0.06</v>
      </c>
      <c r="Z597" s="3">
        <v>-0.11</v>
      </c>
      <c r="AA597" s="4">
        <f t="shared" si="90"/>
        <v>0</v>
      </c>
      <c r="AB597" s="4">
        <f t="shared" si="86"/>
        <v>1.6</v>
      </c>
      <c r="AC597" s="3">
        <f t="shared" si="83"/>
        <v>0.16000000000000003</v>
      </c>
      <c r="AD597" s="4">
        <f t="shared" si="87"/>
        <v>0</v>
      </c>
      <c r="AE597" s="3">
        <f t="shared" si="84"/>
        <v>-0.22400000000000003</v>
      </c>
      <c r="AF597" s="4">
        <f t="shared" si="91"/>
        <v>0</v>
      </c>
      <c r="AG597" s="3">
        <f t="shared" si="88"/>
        <v>31.936000000000003</v>
      </c>
      <c r="AH597" s="4">
        <f t="shared" si="89"/>
        <v>0</v>
      </c>
      <c r="AI597" s="3">
        <f t="shared" si="85"/>
        <v>-0.04</v>
      </c>
      <c r="AJ597" s="14"/>
      <c r="AK597" s="14"/>
    </row>
    <row r="598" spans="1:37">
      <c r="A598" s="1" t="s">
        <v>52</v>
      </c>
      <c r="B598" s="2">
        <v>0.79743055555555553</v>
      </c>
      <c r="C598" s="3">
        <v>213.86</v>
      </c>
      <c r="D598" s="3">
        <v>250.03</v>
      </c>
      <c r="E598" s="3">
        <v>356.32</v>
      </c>
      <c r="F598" s="3">
        <v>266.63</v>
      </c>
      <c r="G598" s="3">
        <v>287.5</v>
      </c>
      <c r="H598" s="3">
        <v>350.37</v>
      </c>
      <c r="I598" s="3">
        <v>91.57</v>
      </c>
      <c r="J598" s="3">
        <v>144.94999999999999</v>
      </c>
      <c r="K598" s="3">
        <v>175.14</v>
      </c>
      <c r="L598" s="3">
        <v>202.34</v>
      </c>
      <c r="M598" s="3">
        <v>523.09</v>
      </c>
      <c r="N598" s="3">
        <v>324.7</v>
      </c>
      <c r="O598" s="3">
        <v>649.28</v>
      </c>
      <c r="P598" s="3">
        <v>630.46</v>
      </c>
      <c r="Q598" s="3">
        <v>2286.13</v>
      </c>
      <c r="R598" s="3">
        <v>2286.13</v>
      </c>
      <c r="S598" s="3">
        <v>0.11</v>
      </c>
      <c r="T598" s="3">
        <v>-0.14000000000000001</v>
      </c>
      <c r="U598" s="3">
        <v>19.97</v>
      </c>
      <c r="V598" s="3">
        <v>-0.06</v>
      </c>
      <c r="W598" s="3">
        <v>0.48</v>
      </c>
      <c r="X598" s="3">
        <v>8.2899999999999991</v>
      </c>
      <c r="Y598" s="3">
        <v>0.06</v>
      </c>
      <c r="Z598" s="3">
        <v>-0.11</v>
      </c>
      <c r="AA598" s="4">
        <f t="shared" si="90"/>
        <v>0</v>
      </c>
      <c r="AB598" s="4">
        <f t="shared" si="86"/>
        <v>1.6</v>
      </c>
      <c r="AC598" s="3">
        <f t="shared" si="83"/>
        <v>0.17600000000000002</v>
      </c>
      <c r="AD598" s="4">
        <f t="shared" si="87"/>
        <v>0</v>
      </c>
      <c r="AE598" s="3">
        <f t="shared" si="84"/>
        <v>-0.22400000000000003</v>
      </c>
      <c r="AF598" s="4">
        <f t="shared" si="91"/>
        <v>0</v>
      </c>
      <c r="AG598" s="3">
        <f t="shared" si="88"/>
        <v>31.951999999999998</v>
      </c>
      <c r="AH598" s="4">
        <f t="shared" si="89"/>
        <v>0</v>
      </c>
      <c r="AI598" s="3">
        <f t="shared" si="85"/>
        <v>-0.06</v>
      </c>
      <c r="AJ598" s="14"/>
      <c r="AK598" s="14"/>
    </row>
    <row r="599" spans="1:37">
      <c r="A599" s="1" t="s">
        <v>52</v>
      </c>
      <c r="B599" s="2">
        <v>0.79812500000000008</v>
      </c>
      <c r="C599" s="3">
        <v>213.39</v>
      </c>
      <c r="D599" s="3">
        <v>249.37</v>
      </c>
      <c r="E599" s="3">
        <v>355.54</v>
      </c>
      <c r="F599" s="3">
        <v>265.83</v>
      </c>
      <c r="G599" s="3">
        <v>287.11</v>
      </c>
      <c r="H599" s="3">
        <v>349.59</v>
      </c>
      <c r="I599" s="3">
        <v>91.38</v>
      </c>
      <c r="J599" s="3">
        <v>144.59</v>
      </c>
      <c r="K599" s="3">
        <v>174.8</v>
      </c>
      <c r="L599" s="3">
        <v>201.8</v>
      </c>
      <c r="M599" s="3">
        <v>521.44000000000005</v>
      </c>
      <c r="N599" s="3">
        <v>324.06</v>
      </c>
      <c r="O599" s="3">
        <v>647.21</v>
      </c>
      <c r="P599" s="3">
        <v>628.57000000000005</v>
      </c>
      <c r="Q599" s="3">
        <v>2286.12</v>
      </c>
      <c r="R599" s="3">
        <v>2286.12</v>
      </c>
      <c r="S599" s="3">
        <v>0.1</v>
      </c>
      <c r="T599" s="3">
        <v>-0.14000000000000001</v>
      </c>
      <c r="U599" s="3">
        <v>19.98</v>
      </c>
      <c r="V599" s="3">
        <v>-0.05</v>
      </c>
      <c r="W599" s="3">
        <v>0.47</v>
      </c>
      <c r="X599" s="3">
        <v>8.2899999999999991</v>
      </c>
      <c r="Y599" s="3">
        <v>0.06</v>
      </c>
      <c r="Z599" s="3">
        <v>-0.11</v>
      </c>
      <c r="AA599" s="4">
        <f t="shared" si="90"/>
        <v>0</v>
      </c>
      <c r="AB599" s="4">
        <f t="shared" si="86"/>
        <v>1.6</v>
      </c>
      <c r="AC599" s="3">
        <f t="shared" si="83"/>
        <v>0.16000000000000003</v>
      </c>
      <c r="AD599" s="4">
        <f t="shared" si="87"/>
        <v>0</v>
      </c>
      <c r="AE599" s="3">
        <f t="shared" si="84"/>
        <v>-0.22400000000000003</v>
      </c>
      <c r="AF599" s="4">
        <f t="shared" si="91"/>
        <v>0</v>
      </c>
      <c r="AG599" s="3">
        <f t="shared" si="88"/>
        <v>31.968000000000004</v>
      </c>
      <c r="AH599" s="4">
        <f t="shared" si="89"/>
        <v>0</v>
      </c>
      <c r="AI599" s="3">
        <f t="shared" si="85"/>
        <v>-0.05</v>
      </c>
      <c r="AJ599" s="14"/>
      <c r="AK599" s="14"/>
    </row>
    <row r="600" spans="1:37">
      <c r="A600" s="1" t="s">
        <v>52</v>
      </c>
      <c r="B600" s="2">
        <v>0.79881944444444442</v>
      </c>
      <c r="C600" s="3">
        <v>212.92</v>
      </c>
      <c r="D600" s="3">
        <v>248.71</v>
      </c>
      <c r="E600" s="3">
        <v>354.74</v>
      </c>
      <c r="F600" s="3">
        <v>265.02999999999997</v>
      </c>
      <c r="G600" s="3">
        <v>286.68</v>
      </c>
      <c r="H600" s="3">
        <v>348.78</v>
      </c>
      <c r="I600" s="3">
        <v>91.17</v>
      </c>
      <c r="J600" s="3">
        <v>144.22999999999999</v>
      </c>
      <c r="K600" s="3">
        <v>174.44</v>
      </c>
      <c r="L600" s="3">
        <v>201.25</v>
      </c>
      <c r="M600" s="3">
        <v>519.77</v>
      </c>
      <c r="N600" s="3">
        <v>323.39999999999998</v>
      </c>
      <c r="O600" s="3">
        <v>645.09</v>
      </c>
      <c r="P600" s="3">
        <v>626.69000000000005</v>
      </c>
      <c r="Q600" s="3">
        <v>2286.1</v>
      </c>
      <c r="R600" s="3">
        <v>2286.1</v>
      </c>
      <c r="S600" s="3">
        <v>0.08</v>
      </c>
      <c r="T600" s="3">
        <v>-0.14000000000000001</v>
      </c>
      <c r="U600" s="3">
        <v>19.98</v>
      </c>
      <c r="V600" s="3">
        <v>0</v>
      </c>
      <c r="W600" s="3">
        <v>0.44</v>
      </c>
      <c r="X600" s="3">
        <v>8.2899999999999991</v>
      </c>
      <c r="Y600" s="3">
        <v>7.0000000000000007E-2</v>
      </c>
      <c r="Z600" s="3">
        <v>-0.1</v>
      </c>
      <c r="AA600" s="4">
        <f t="shared" si="90"/>
        <v>0</v>
      </c>
      <c r="AB600" s="4">
        <f t="shared" si="86"/>
        <v>1.6</v>
      </c>
      <c r="AC600" s="3">
        <f t="shared" si="83"/>
        <v>0.128</v>
      </c>
      <c r="AD600" s="4">
        <f t="shared" si="87"/>
        <v>0</v>
      </c>
      <c r="AE600" s="3">
        <f t="shared" si="84"/>
        <v>-0.22400000000000003</v>
      </c>
      <c r="AF600" s="4">
        <f t="shared" si="91"/>
        <v>0</v>
      </c>
      <c r="AG600" s="3">
        <f t="shared" si="88"/>
        <v>31.968000000000004</v>
      </c>
      <c r="AH600" s="4">
        <f t="shared" si="89"/>
        <v>0</v>
      </c>
      <c r="AI600" s="3">
        <f t="shared" si="85"/>
        <v>0</v>
      </c>
      <c r="AJ600" s="14"/>
      <c r="AK600" s="14"/>
    </row>
    <row r="601" spans="1:37">
      <c r="A601" s="1" t="s">
        <v>52</v>
      </c>
      <c r="B601" s="2">
        <v>0.79951388888888886</v>
      </c>
      <c r="C601" s="3">
        <v>212.48</v>
      </c>
      <c r="D601" s="3">
        <v>248.07</v>
      </c>
      <c r="E601" s="3">
        <v>353.96</v>
      </c>
      <c r="F601" s="3">
        <v>264.25</v>
      </c>
      <c r="G601" s="3">
        <v>286.27999999999997</v>
      </c>
      <c r="H601" s="3">
        <v>347.99</v>
      </c>
      <c r="I601" s="3">
        <v>90.98</v>
      </c>
      <c r="J601" s="3">
        <v>143.88</v>
      </c>
      <c r="K601" s="3">
        <v>174.08</v>
      </c>
      <c r="L601" s="3">
        <v>200.72</v>
      </c>
      <c r="M601" s="3">
        <v>518.16</v>
      </c>
      <c r="N601" s="3">
        <v>322.75</v>
      </c>
      <c r="O601" s="3">
        <v>643.1</v>
      </c>
      <c r="P601" s="3">
        <v>624.85</v>
      </c>
      <c r="Q601" s="3">
        <v>2286.12</v>
      </c>
      <c r="R601" s="3">
        <v>2286.12</v>
      </c>
      <c r="S601" s="3">
        <v>0.08</v>
      </c>
      <c r="T601" s="3">
        <v>-0.14000000000000001</v>
      </c>
      <c r="U601" s="3">
        <v>19.989999999999998</v>
      </c>
      <c r="V601" s="3">
        <v>0.01</v>
      </c>
      <c r="W601" s="3">
        <v>0.45</v>
      </c>
      <c r="X601" s="3">
        <v>8.3000000000000007</v>
      </c>
      <c r="Y601" s="3">
        <v>7.0000000000000007E-2</v>
      </c>
      <c r="Z601" s="3">
        <v>-0.11</v>
      </c>
      <c r="AA601" s="4">
        <f t="shared" si="90"/>
        <v>0</v>
      </c>
      <c r="AB601" s="4">
        <f t="shared" si="86"/>
        <v>1.6</v>
      </c>
      <c r="AC601" s="3">
        <f t="shared" si="83"/>
        <v>0.128</v>
      </c>
      <c r="AD601" s="4">
        <f t="shared" si="87"/>
        <v>0</v>
      </c>
      <c r="AE601" s="3">
        <f t="shared" si="84"/>
        <v>-0.22400000000000003</v>
      </c>
      <c r="AF601" s="4">
        <f t="shared" si="91"/>
        <v>0</v>
      </c>
      <c r="AG601" s="3">
        <f t="shared" si="88"/>
        <v>31.983999999999998</v>
      </c>
      <c r="AH601" s="4">
        <f t="shared" si="89"/>
        <v>0</v>
      </c>
      <c r="AI601" s="3">
        <f t="shared" si="85"/>
        <v>0.01</v>
      </c>
      <c r="AJ601" s="14"/>
      <c r="AK601" s="14"/>
    </row>
    <row r="602" spans="1:37">
      <c r="A602" s="1" t="s">
        <v>52</v>
      </c>
      <c r="B602" s="2">
        <v>0.80021990740740734</v>
      </c>
      <c r="C602" s="3">
        <v>212.01</v>
      </c>
      <c r="D602" s="3">
        <v>247.4</v>
      </c>
      <c r="E602" s="3">
        <v>353.17</v>
      </c>
      <c r="F602" s="3">
        <v>263.45999999999998</v>
      </c>
      <c r="G602" s="3">
        <v>285.85000000000002</v>
      </c>
      <c r="H602" s="3">
        <v>347.19</v>
      </c>
      <c r="I602" s="3">
        <v>90.78</v>
      </c>
      <c r="J602" s="3">
        <v>143.51</v>
      </c>
      <c r="K602" s="3">
        <v>173.72</v>
      </c>
      <c r="L602" s="3">
        <v>200.19</v>
      </c>
      <c r="M602" s="3">
        <v>516.55999999999995</v>
      </c>
      <c r="N602" s="3">
        <v>322.11</v>
      </c>
      <c r="O602" s="3">
        <v>641.14</v>
      </c>
      <c r="P602" s="3">
        <v>623</v>
      </c>
      <c r="Q602" s="3">
        <v>2286.11</v>
      </c>
      <c r="R602" s="3">
        <v>2286.11</v>
      </c>
      <c r="S602" s="3">
        <v>0.1</v>
      </c>
      <c r="T602" s="3">
        <v>-0.14000000000000001</v>
      </c>
      <c r="U602" s="3">
        <v>20</v>
      </c>
      <c r="V602" s="3">
        <v>-0.06</v>
      </c>
      <c r="W602" s="3">
        <v>0.48</v>
      </c>
      <c r="X602" s="3">
        <v>8.2899999999999991</v>
      </c>
      <c r="Y602" s="3">
        <v>7.0000000000000007E-2</v>
      </c>
      <c r="Z602" s="3">
        <v>-0.11</v>
      </c>
      <c r="AA602" s="4">
        <f t="shared" si="90"/>
        <v>0</v>
      </c>
      <c r="AB602" s="4">
        <f t="shared" si="86"/>
        <v>1.6</v>
      </c>
      <c r="AC602" s="3">
        <f t="shared" si="83"/>
        <v>0.16000000000000003</v>
      </c>
      <c r="AD602" s="4">
        <f t="shared" si="87"/>
        <v>0</v>
      </c>
      <c r="AE602" s="3">
        <f t="shared" si="84"/>
        <v>-0.22400000000000003</v>
      </c>
      <c r="AF602" s="4">
        <f t="shared" si="91"/>
        <v>0</v>
      </c>
      <c r="AG602" s="3">
        <f t="shared" si="88"/>
        <v>32</v>
      </c>
      <c r="AH602" s="4">
        <f t="shared" si="89"/>
        <v>0</v>
      </c>
      <c r="AI602" s="3">
        <f t="shared" si="85"/>
        <v>-0.06</v>
      </c>
      <c r="AJ602" s="14"/>
      <c r="AK602" s="14"/>
    </row>
    <row r="603" spans="1:37">
      <c r="A603" s="1" t="s">
        <v>52</v>
      </c>
      <c r="B603" s="2">
        <v>0.80091435185185178</v>
      </c>
      <c r="C603" s="3">
        <v>211.56</v>
      </c>
      <c r="D603" s="3">
        <v>246.74</v>
      </c>
      <c r="E603" s="3">
        <v>352.37</v>
      </c>
      <c r="F603" s="3">
        <v>262.67</v>
      </c>
      <c r="G603" s="3">
        <v>285.36</v>
      </c>
      <c r="H603" s="3">
        <v>346.39</v>
      </c>
      <c r="I603" s="3">
        <v>90.5</v>
      </c>
      <c r="J603" s="3">
        <v>143.15</v>
      </c>
      <c r="K603" s="3">
        <v>173.37</v>
      </c>
      <c r="L603" s="3">
        <v>199.64</v>
      </c>
      <c r="M603" s="3">
        <v>514.91999999999996</v>
      </c>
      <c r="N603" s="3">
        <v>321.47000000000003</v>
      </c>
      <c r="O603" s="3">
        <v>639.12</v>
      </c>
      <c r="P603" s="3">
        <v>621.14</v>
      </c>
      <c r="Q603" s="3">
        <v>2286.1</v>
      </c>
      <c r="R603" s="3">
        <v>2286.1</v>
      </c>
      <c r="S603" s="3">
        <v>0.09</v>
      </c>
      <c r="T603" s="3">
        <v>-0.14000000000000001</v>
      </c>
      <c r="U603" s="3">
        <v>20</v>
      </c>
      <c r="V603" s="3">
        <v>-0.04</v>
      </c>
      <c r="W603" s="3">
        <v>0.47</v>
      </c>
      <c r="X603" s="3">
        <v>8.2899999999999991</v>
      </c>
      <c r="Y603" s="3">
        <v>7.0000000000000007E-2</v>
      </c>
      <c r="Z603" s="3">
        <v>-0.11</v>
      </c>
      <c r="AA603" s="4">
        <f t="shared" si="90"/>
        <v>0</v>
      </c>
      <c r="AB603" s="4">
        <f t="shared" si="86"/>
        <v>1.6</v>
      </c>
      <c r="AC603" s="3">
        <f t="shared" si="83"/>
        <v>0.14399999999999999</v>
      </c>
      <c r="AD603" s="4">
        <f t="shared" si="87"/>
        <v>0</v>
      </c>
      <c r="AE603" s="3">
        <f t="shared" si="84"/>
        <v>-0.22400000000000003</v>
      </c>
      <c r="AF603" s="4">
        <f t="shared" si="91"/>
        <v>0</v>
      </c>
      <c r="AG603" s="3">
        <f t="shared" si="88"/>
        <v>32</v>
      </c>
      <c r="AH603" s="4">
        <f t="shared" si="89"/>
        <v>0</v>
      </c>
      <c r="AI603" s="3">
        <f t="shared" si="85"/>
        <v>-0.04</v>
      </c>
      <c r="AJ603" s="14"/>
      <c r="AK603" s="14"/>
    </row>
    <row r="604" spans="1:37">
      <c r="A604" s="1" t="s">
        <v>52</v>
      </c>
      <c r="B604" s="2">
        <v>0.80160879629629633</v>
      </c>
      <c r="C604" s="3">
        <v>211.09</v>
      </c>
      <c r="D604" s="3">
        <v>246.09</v>
      </c>
      <c r="E604" s="3">
        <v>351.59</v>
      </c>
      <c r="F604" s="3">
        <v>261.89999999999998</v>
      </c>
      <c r="G604" s="3">
        <v>284.54000000000002</v>
      </c>
      <c r="H604" s="3">
        <v>345.6</v>
      </c>
      <c r="I604" s="3">
        <v>90.26</v>
      </c>
      <c r="J604" s="3">
        <v>142.80000000000001</v>
      </c>
      <c r="K604" s="3">
        <v>173.04</v>
      </c>
      <c r="L604" s="3">
        <v>199.12</v>
      </c>
      <c r="M604" s="3">
        <v>513.33000000000004</v>
      </c>
      <c r="N604" s="3">
        <v>320.82</v>
      </c>
      <c r="O604" s="3">
        <v>637.16</v>
      </c>
      <c r="P604" s="3">
        <v>619.29</v>
      </c>
      <c r="Q604" s="3">
        <v>2286.1</v>
      </c>
      <c r="R604" s="3">
        <v>2286.1</v>
      </c>
      <c r="S604" s="3">
        <v>7.0000000000000007E-2</v>
      </c>
      <c r="T604" s="3">
        <v>-0.14000000000000001</v>
      </c>
      <c r="U604" s="3">
        <v>20.010000000000002</v>
      </c>
      <c r="V604" s="3">
        <v>-0.05</v>
      </c>
      <c r="W604" s="3">
        <v>0.45</v>
      </c>
      <c r="X604" s="3">
        <v>8.2899999999999991</v>
      </c>
      <c r="Y604" s="3">
        <v>7.0000000000000007E-2</v>
      </c>
      <c r="Z604" s="3">
        <v>-0.12</v>
      </c>
      <c r="AA604" s="4">
        <f t="shared" si="90"/>
        <v>0</v>
      </c>
      <c r="AB604" s="4">
        <f t="shared" si="86"/>
        <v>1.6</v>
      </c>
      <c r="AC604" s="3">
        <f t="shared" si="83"/>
        <v>0.11200000000000002</v>
      </c>
      <c r="AD604" s="4">
        <f t="shared" si="87"/>
        <v>0</v>
      </c>
      <c r="AE604" s="3">
        <f t="shared" si="84"/>
        <v>-0.22400000000000003</v>
      </c>
      <c r="AF604" s="4">
        <f t="shared" si="91"/>
        <v>0</v>
      </c>
      <c r="AG604" s="3">
        <f t="shared" si="88"/>
        <v>32.016000000000005</v>
      </c>
      <c r="AH604" s="4">
        <f t="shared" si="89"/>
        <v>0</v>
      </c>
      <c r="AI604" s="3">
        <f t="shared" si="85"/>
        <v>-0.05</v>
      </c>
      <c r="AJ604" s="14"/>
      <c r="AK604" s="14"/>
    </row>
    <row r="605" spans="1:37">
      <c r="A605" s="1" t="s">
        <v>52</v>
      </c>
      <c r="B605" s="2">
        <v>0.80230324074074078</v>
      </c>
      <c r="C605" s="3">
        <v>210.59</v>
      </c>
      <c r="D605" s="3">
        <v>245.44</v>
      </c>
      <c r="E605" s="3">
        <v>350.79</v>
      </c>
      <c r="F605" s="3">
        <v>261.11</v>
      </c>
      <c r="G605" s="3">
        <v>283.76</v>
      </c>
      <c r="H605" s="3">
        <v>344.79</v>
      </c>
      <c r="I605" s="3">
        <v>90.05</v>
      </c>
      <c r="J605" s="3">
        <v>142.44</v>
      </c>
      <c r="K605" s="3">
        <v>172.68</v>
      </c>
      <c r="L605" s="3">
        <v>198.59</v>
      </c>
      <c r="M605" s="3">
        <v>511.73</v>
      </c>
      <c r="N605" s="3">
        <v>320.16000000000003</v>
      </c>
      <c r="O605" s="3">
        <v>635.16999999999996</v>
      </c>
      <c r="P605" s="3">
        <v>617.48</v>
      </c>
      <c r="Q605" s="3">
        <v>2286.1</v>
      </c>
      <c r="R605" s="3">
        <v>2286.1</v>
      </c>
      <c r="S605" s="3">
        <v>7.0000000000000007E-2</v>
      </c>
      <c r="T605" s="3">
        <v>-0.14000000000000001</v>
      </c>
      <c r="U605" s="3">
        <v>20.010000000000002</v>
      </c>
      <c r="V605" s="3">
        <v>-0.06</v>
      </c>
      <c r="W605" s="3">
        <v>0.44</v>
      </c>
      <c r="X605" s="3">
        <v>8.2899999999999991</v>
      </c>
      <c r="Y605" s="3">
        <v>7.0000000000000007E-2</v>
      </c>
      <c r="Z605" s="3">
        <v>-0.04</v>
      </c>
      <c r="AA605" s="4">
        <f t="shared" si="90"/>
        <v>0</v>
      </c>
      <c r="AB605" s="4">
        <f t="shared" si="86"/>
        <v>1.6</v>
      </c>
      <c r="AC605" s="3">
        <f t="shared" si="83"/>
        <v>0.11200000000000002</v>
      </c>
      <c r="AD605" s="4">
        <f t="shared" si="87"/>
        <v>0</v>
      </c>
      <c r="AE605" s="3">
        <f t="shared" si="84"/>
        <v>-0.22400000000000003</v>
      </c>
      <c r="AF605" s="4">
        <f t="shared" si="91"/>
        <v>0</v>
      </c>
      <c r="AG605" s="3">
        <f t="shared" si="88"/>
        <v>32.016000000000005</v>
      </c>
      <c r="AH605" s="4">
        <f t="shared" si="89"/>
        <v>0</v>
      </c>
      <c r="AI605" s="3">
        <f t="shared" si="85"/>
        <v>-0.06</v>
      </c>
      <c r="AJ605" s="14"/>
      <c r="AK605" s="14"/>
    </row>
    <row r="606" spans="1:37">
      <c r="A606" s="1" t="s">
        <v>52</v>
      </c>
      <c r="B606" s="2">
        <v>0.80299768518518511</v>
      </c>
      <c r="C606" s="3">
        <v>210.06</v>
      </c>
      <c r="D606" s="3">
        <v>244.78</v>
      </c>
      <c r="E606" s="3">
        <v>349.99</v>
      </c>
      <c r="F606" s="3">
        <v>260.35000000000002</v>
      </c>
      <c r="G606" s="3">
        <v>283.32</v>
      </c>
      <c r="H606" s="3">
        <v>343.99</v>
      </c>
      <c r="I606" s="3">
        <v>89.85</v>
      </c>
      <c r="J606" s="3">
        <v>142.08000000000001</v>
      </c>
      <c r="K606" s="3">
        <v>172.32</v>
      </c>
      <c r="L606" s="3">
        <v>198.07</v>
      </c>
      <c r="M606" s="3">
        <v>510.11</v>
      </c>
      <c r="N606" s="3">
        <v>319.52999999999997</v>
      </c>
      <c r="O606" s="3">
        <v>633.16</v>
      </c>
      <c r="P606" s="3">
        <v>615.65</v>
      </c>
      <c r="Q606" s="3">
        <v>2286.1</v>
      </c>
      <c r="R606" s="3">
        <v>2286.1</v>
      </c>
      <c r="S606" s="3">
        <v>7.0000000000000007E-2</v>
      </c>
      <c r="T606" s="3">
        <v>-0.14000000000000001</v>
      </c>
      <c r="U606" s="3">
        <v>20.010000000000002</v>
      </c>
      <c r="V606" s="3">
        <v>-0.05</v>
      </c>
      <c r="W606" s="3">
        <v>0.44</v>
      </c>
      <c r="X606" s="3">
        <v>8.2899999999999991</v>
      </c>
      <c r="Y606" s="3">
        <v>7.0000000000000007E-2</v>
      </c>
      <c r="Z606" s="3">
        <v>-0.01</v>
      </c>
      <c r="AA606" s="4">
        <f t="shared" si="90"/>
        <v>0</v>
      </c>
      <c r="AB606" s="4">
        <f t="shared" si="86"/>
        <v>1.6</v>
      </c>
      <c r="AC606" s="3">
        <f t="shared" si="83"/>
        <v>0.11200000000000002</v>
      </c>
      <c r="AD606" s="4">
        <f t="shared" si="87"/>
        <v>0</v>
      </c>
      <c r="AE606" s="3">
        <f t="shared" si="84"/>
        <v>-0.22400000000000003</v>
      </c>
      <c r="AF606" s="4">
        <f t="shared" si="91"/>
        <v>0</v>
      </c>
      <c r="AG606" s="3">
        <f t="shared" si="88"/>
        <v>32.016000000000005</v>
      </c>
      <c r="AH606" s="4">
        <f t="shared" si="89"/>
        <v>0</v>
      </c>
      <c r="AI606" s="3">
        <f t="shared" si="85"/>
        <v>-0.05</v>
      </c>
      <c r="AJ606" s="14"/>
      <c r="AK606" s="14"/>
    </row>
    <row r="607" spans="1:37">
      <c r="A607" s="1" t="s">
        <v>52</v>
      </c>
      <c r="B607" s="2">
        <v>0.80369212962962966</v>
      </c>
      <c r="C607" s="3">
        <v>209.55</v>
      </c>
      <c r="D607" s="3">
        <v>244.1</v>
      </c>
      <c r="E607" s="3">
        <v>349.19</v>
      </c>
      <c r="F607" s="3">
        <v>259.56</v>
      </c>
      <c r="G607" s="3">
        <v>282.91000000000003</v>
      </c>
      <c r="H607" s="3">
        <v>343.18</v>
      </c>
      <c r="I607" s="3">
        <v>89.6</v>
      </c>
      <c r="J607" s="3">
        <v>141.72</v>
      </c>
      <c r="K607" s="3">
        <v>172</v>
      </c>
      <c r="L607" s="3">
        <v>197.55</v>
      </c>
      <c r="M607" s="3">
        <v>508.53</v>
      </c>
      <c r="N607" s="3">
        <v>318.88</v>
      </c>
      <c r="O607" s="3">
        <v>631.16</v>
      </c>
      <c r="P607" s="3">
        <v>613.84</v>
      </c>
      <c r="Q607" s="3">
        <v>2286.1</v>
      </c>
      <c r="R607" s="3">
        <v>2286.1</v>
      </c>
      <c r="S607" s="3">
        <v>7.0000000000000007E-2</v>
      </c>
      <c r="T607" s="3">
        <v>-0.14000000000000001</v>
      </c>
      <c r="U607" s="3">
        <v>20.010000000000002</v>
      </c>
      <c r="V607" s="3">
        <v>-0.06</v>
      </c>
      <c r="W607" s="3">
        <v>0.42</v>
      </c>
      <c r="X607" s="3">
        <v>8.2899999999999991</v>
      </c>
      <c r="Y607" s="3">
        <v>7.0000000000000007E-2</v>
      </c>
      <c r="Z607" s="3">
        <v>-0.03</v>
      </c>
      <c r="AA607" s="4">
        <f t="shared" si="90"/>
        <v>0</v>
      </c>
      <c r="AB607" s="4">
        <f t="shared" si="86"/>
        <v>1.6</v>
      </c>
      <c r="AC607" s="3">
        <f t="shared" si="83"/>
        <v>0.11200000000000002</v>
      </c>
      <c r="AD607" s="4">
        <f t="shared" si="87"/>
        <v>0</v>
      </c>
      <c r="AE607" s="3">
        <f t="shared" si="84"/>
        <v>-0.22400000000000003</v>
      </c>
      <c r="AF607" s="4">
        <f t="shared" si="91"/>
        <v>0</v>
      </c>
      <c r="AG607" s="3">
        <f t="shared" si="88"/>
        <v>32.016000000000005</v>
      </c>
      <c r="AH607" s="4">
        <f t="shared" si="89"/>
        <v>0</v>
      </c>
      <c r="AI607" s="3">
        <f t="shared" si="85"/>
        <v>-0.06</v>
      </c>
      <c r="AJ607" s="14"/>
      <c r="AK607" s="14"/>
    </row>
    <row r="608" spans="1:37">
      <c r="A608" s="1" t="s">
        <v>52</v>
      </c>
      <c r="B608" s="2">
        <v>0.8043865740740741</v>
      </c>
      <c r="C608" s="3">
        <v>209.07</v>
      </c>
      <c r="D608" s="3">
        <v>243.44</v>
      </c>
      <c r="E608" s="3">
        <v>348.39</v>
      </c>
      <c r="F608" s="3">
        <v>258.79000000000002</v>
      </c>
      <c r="G608" s="3">
        <v>282.51</v>
      </c>
      <c r="H608" s="3">
        <v>342.37</v>
      </c>
      <c r="I608" s="3">
        <v>89.38</v>
      </c>
      <c r="J608" s="3">
        <v>141.36000000000001</v>
      </c>
      <c r="K608" s="3">
        <v>171.67</v>
      </c>
      <c r="L608" s="3">
        <v>197.02</v>
      </c>
      <c r="M608" s="3">
        <v>506.98</v>
      </c>
      <c r="N608" s="3">
        <v>318.23</v>
      </c>
      <c r="O608" s="3">
        <v>629.1</v>
      </c>
      <c r="P608" s="3">
        <v>612.03</v>
      </c>
      <c r="Q608" s="3">
        <v>2286.09</v>
      </c>
      <c r="R608" s="3">
        <v>2286.09</v>
      </c>
      <c r="S608" s="3">
        <v>7.0000000000000007E-2</v>
      </c>
      <c r="T608" s="3">
        <v>-0.14000000000000001</v>
      </c>
      <c r="U608" s="3">
        <v>20.03</v>
      </c>
      <c r="V608" s="3">
        <v>-0.03</v>
      </c>
      <c r="W608" s="3">
        <v>0.41</v>
      </c>
      <c r="X608" s="3">
        <v>8.2899999999999991</v>
      </c>
      <c r="Y608" s="3">
        <v>7.0000000000000007E-2</v>
      </c>
      <c r="Z608" s="3">
        <v>-0.1</v>
      </c>
      <c r="AA608" s="4">
        <f t="shared" si="90"/>
        <v>0</v>
      </c>
      <c r="AB608" s="4">
        <f t="shared" si="86"/>
        <v>1.6</v>
      </c>
      <c r="AC608" s="3">
        <f t="shared" si="83"/>
        <v>0.11200000000000002</v>
      </c>
      <c r="AD608" s="4">
        <f t="shared" si="87"/>
        <v>0</v>
      </c>
      <c r="AE608" s="3">
        <f t="shared" si="84"/>
        <v>-0.22400000000000003</v>
      </c>
      <c r="AF608" s="4">
        <f t="shared" si="91"/>
        <v>0</v>
      </c>
      <c r="AG608" s="3">
        <f t="shared" si="88"/>
        <v>32.048000000000002</v>
      </c>
      <c r="AH608" s="4">
        <f t="shared" si="89"/>
        <v>0</v>
      </c>
      <c r="AI608" s="3">
        <f t="shared" si="85"/>
        <v>-0.03</v>
      </c>
      <c r="AJ608" s="14"/>
      <c r="AK608" s="14"/>
    </row>
    <row r="609" spans="1:37">
      <c r="A609" s="1" t="s">
        <v>52</v>
      </c>
      <c r="B609" s="2">
        <v>0.80509259259259258</v>
      </c>
      <c r="C609" s="3">
        <v>208.61</v>
      </c>
      <c r="D609" s="3">
        <v>242.77</v>
      </c>
      <c r="E609" s="3">
        <v>347.59</v>
      </c>
      <c r="F609" s="3">
        <v>258.02999999999997</v>
      </c>
      <c r="G609" s="3">
        <v>282.14999999999998</v>
      </c>
      <c r="H609" s="3">
        <v>341.55</v>
      </c>
      <c r="I609" s="3">
        <v>89.2</v>
      </c>
      <c r="J609" s="3">
        <v>141.01</v>
      </c>
      <c r="K609" s="3">
        <v>171.32</v>
      </c>
      <c r="L609" s="3">
        <v>196.5</v>
      </c>
      <c r="M609" s="3">
        <v>505.38</v>
      </c>
      <c r="N609" s="3">
        <v>317.58999999999997</v>
      </c>
      <c r="O609" s="3">
        <v>627.13</v>
      </c>
      <c r="P609" s="3">
        <v>610.24</v>
      </c>
      <c r="Q609" s="3">
        <v>2286.09</v>
      </c>
      <c r="R609" s="3">
        <v>2286.09</v>
      </c>
      <c r="S609" s="3">
        <v>7.0000000000000007E-2</v>
      </c>
      <c r="T609" s="3">
        <v>-0.14000000000000001</v>
      </c>
      <c r="U609" s="3">
        <v>20.03</v>
      </c>
      <c r="V609" s="3">
        <v>-0.03</v>
      </c>
      <c r="W609" s="3">
        <v>0.4</v>
      </c>
      <c r="X609" s="3">
        <v>8.3000000000000007</v>
      </c>
      <c r="Y609" s="3">
        <v>7.0000000000000007E-2</v>
      </c>
      <c r="Z609" s="3">
        <v>-0.11</v>
      </c>
      <c r="AA609" s="4">
        <f t="shared" si="90"/>
        <v>0</v>
      </c>
      <c r="AB609" s="4">
        <f t="shared" si="86"/>
        <v>1.6</v>
      </c>
      <c r="AC609" s="3">
        <f t="shared" si="83"/>
        <v>0.11200000000000002</v>
      </c>
      <c r="AD609" s="4">
        <f t="shared" si="87"/>
        <v>0</v>
      </c>
      <c r="AE609" s="3">
        <f t="shared" si="84"/>
        <v>-0.22400000000000003</v>
      </c>
      <c r="AF609" s="4">
        <f t="shared" si="91"/>
        <v>0</v>
      </c>
      <c r="AG609" s="3">
        <f t="shared" si="88"/>
        <v>32.048000000000002</v>
      </c>
      <c r="AH609" s="4">
        <f t="shared" si="89"/>
        <v>0</v>
      </c>
      <c r="AI609" s="3">
        <f t="shared" si="85"/>
        <v>-0.03</v>
      </c>
      <c r="AJ609" s="14"/>
      <c r="AK609" s="14"/>
    </row>
    <row r="610" spans="1:37">
      <c r="A610" s="1" t="s">
        <v>52</v>
      </c>
      <c r="B610" s="2">
        <v>0.80578703703703702</v>
      </c>
      <c r="C610" s="3">
        <v>208.11</v>
      </c>
      <c r="D610" s="3">
        <v>242.09</v>
      </c>
      <c r="E610" s="3">
        <v>346.77</v>
      </c>
      <c r="F610" s="3">
        <v>257.26</v>
      </c>
      <c r="G610" s="3">
        <v>281.75</v>
      </c>
      <c r="H610" s="3">
        <v>340.72</v>
      </c>
      <c r="I610" s="3">
        <v>89</v>
      </c>
      <c r="J610" s="3">
        <v>140.65</v>
      </c>
      <c r="K610" s="3">
        <v>170.96</v>
      </c>
      <c r="L610" s="3">
        <v>195.97</v>
      </c>
      <c r="M610" s="3">
        <v>503.81</v>
      </c>
      <c r="N610" s="3">
        <v>316.92</v>
      </c>
      <c r="O610" s="3">
        <v>625.16999999999996</v>
      </c>
      <c r="P610" s="3">
        <v>608.41999999999996</v>
      </c>
      <c r="Q610" s="3">
        <v>2286.0700000000002</v>
      </c>
      <c r="R610" s="3">
        <v>2286.0700000000002</v>
      </c>
      <c r="S610" s="3">
        <v>7.0000000000000007E-2</v>
      </c>
      <c r="T610" s="3">
        <v>-0.14000000000000001</v>
      </c>
      <c r="U610" s="3">
        <v>20.03</v>
      </c>
      <c r="V610" s="3">
        <v>-0.03</v>
      </c>
      <c r="W610" s="3">
        <v>0.44</v>
      </c>
      <c r="X610" s="3">
        <v>8.2899999999999991</v>
      </c>
      <c r="Y610" s="3">
        <v>7.0000000000000007E-2</v>
      </c>
      <c r="Z610" s="3">
        <v>-0.11</v>
      </c>
      <c r="AA610" s="4">
        <f t="shared" si="90"/>
        <v>0</v>
      </c>
      <c r="AB610" s="4">
        <f t="shared" si="86"/>
        <v>1.6</v>
      </c>
      <c r="AC610" s="3">
        <f t="shared" si="83"/>
        <v>0.11200000000000002</v>
      </c>
      <c r="AD610" s="4">
        <f t="shared" si="87"/>
        <v>0</v>
      </c>
      <c r="AE610" s="3">
        <f t="shared" si="84"/>
        <v>-0.22400000000000003</v>
      </c>
      <c r="AF610" s="4">
        <f t="shared" si="91"/>
        <v>0</v>
      </c>
      <c r="AG610" s="3">
        <f t="shared" si="88"/>
        <v>32.048000000000002</v>
      </c>
      <c r="AH610" s="4">
        <f t="shared" si="89"/>
        <v>0</v>
      </c>
      <c r="AI610" s="3">
        <f t="shared" si="85"/>
        <v>-0.03</v>
      </c>
      <c r="AJ610" s="14"/>
      <c r="AK610" s="14"/>
    </row>
    <row r="611" spans="1:37">
      <c r="A611" s="1" t="s">
        <v>52</v>
      </c>
      <c r="B611" s="2">
        <v>0.80648148148148147</v>
      </c>
      <c r="C611" s="3">
        <v>207.57</v>
      </c>
      <c r="D611" s="3">
        <v>241.44</v>
      </c>
      <c r="E611" s="3">
        <v>345.97</v>
      </c>
      <c r="F611" s="3">
        <v>256.5</v>
      </c>
      <c r="G611" s="3">
        <v>281.39</v>
      </c>
      <c r="H611" s="3">
        <v>339.92</v>
      </c>
      <c r="I611" s="3">
        <v>88.78</v>
      </c>
      <c r="J611" s="3">
        <v>140.29</v>
      </c>
      <c r="K611" s="3">
        <v>170.62</v>
      </c>
      <c r="L611" s="3">
        <v>195.47</v>
      </c>
      <c r="M611" s="3">
        <v>502.25</v>
      </c>
      <c r="N611" s="3">
        <v>316.27999999999997</v>
      </c>
      <c r="O611" s="3">
        <v>623.24</v>
      </c>
      <c r="P611" s="3">
        <v>606.64</v>
      </c>
      <c r="Q611" s="3">
        <v>2286.09</v>
      </c>
      <c r="R611" s="3">
        <v>2286.09</v>
      </c>
      <c r="S611" s="3">
        <v>7.0000000000000007E-2</v>
      </c>
      <c r="T611" s="3">
        <v>-0.14000000000000001</v>
      </c>
      <c r="U611" s="3">
        <v>20.03</v>
      </c>
      <c r="V611" s="3">
        <v>-0.02</v>
      </c>
      <c r="W611" s="3">
        <v>0.44</v>
      </c>
      <c r="X611" s="3">
        <v>8.2899999999999991</v>
      </c>
      <c r="Y611" s="3">
        <v>7.0000000000000007E-2</v>
      </c>
      <c r="Z611" s="3">
        <v>-0.1</v>
      </c>
      <c r="AA611" s="4">
        <f t="shared" si="90"/>
        <v>0</v>
      </c>
      <c r="AB611" s="4">
        <f t="shared" si="86"/>
        <v>1.6</v>
      </c>
      <c r="AC611" s="3">
        <f t="shared" si="83"/>
        <v>0.11200000000000002</v>
      </c>
      <c r="AD611" s="4">
        <f t="shared" si="87"/>
        <v>0</v>
      </c>
      <c r="AE611" s="3">
        <f t="shared" si="84"/>
        <v>-0.22400000000000003</v>
      </c>
      <c r="AF611" s="4">
        <f t="shared" si="91"/>
        <v>0</v>
      </c>
      <c r="AG611" s="3">
        <f t="shared" si="88"/>
        <v>32.048000000000002</v>
      </c>
      <c r="AH611" s="4">
        <f t="shared" si="89"/>
        <v>0</v>
      </c>
      <c r="AI611" s="3">
        <f t="shared" si="85"/>
        <v>-0.02</v>
      </c>
      <c r="AJ611" s="14"/>
      <c r="AK611" s="14"/>
    </row>
    <row r="612" spans="1:37">
      <c r="A612" s="1" t="s">
        <v>52</v>
      </c>
      <c r="B612" s="2">
        <v>0.80717592592592602</v>
      </c>
      <c r="C612" s="3">
        <v>207.04</v>
      </c>
      <c r="D612" s="3">
        <v>240.76</v>
      </c>
      <c r="E612" s="3">
        <v>345.17</v>
      </c>
      <c r="F612" s="3">
        <v>255.74</v>
      </c>
      <c r="G612" s="3">
        <v>280.99</v>
      </c>
      <c r="H612" s="3">
        <v>339.09</v>
      </c>
      <c r="I612" s="3">
        <v>88.52</v>
      </c>
      <c r="J612" s="3">
        <v>139.93</v>
      </c>
      <c r="K612" s="3">
        <v>170.27</v>
      </c>
      <c r="L612" s="3">
        <v>194.95</v>
      </c>
      <c r="M612" s="3">
        <v>500.67</v>
      </c>
      <c r="N612" s="3">
        <v>315.61</v>
      </c>
      <c r="O612" s="3">
        <v>621.27</v>
      </c>
      <c r="P612" s="3">
        <v>604.86</v>
      </c>
      <c r="Q612" s="3">
        <v>2286.0700000000002</v>
      </c>
      <c r="R612" s="3">
        <v>2286.0700000000002</v>
      </c>
      <c r="S612" s="3">
        <v>7.0000000000000007E-2</v>
      </c>
      <c r="T612" s="3">
        <v>-0.14000000000000001</v>
      </c>
      <c r="U612" s="3">
        <v>20.03</v>
      </c>
      <c r="V612" s="3">
        <v>-0.03</v>
      </c>
      <c r="W612" s="3">
        <v>0.44</v>
      </c>
      <c r="X612" s="3">
        <v>8.2899999999999991</v>
      </c>
      <c r="Y612" s="3">
        <v>7.0000000000000007E-2</v>
      </c>
      <c r="Z612" s="3">
        <v>-0.11</v>
      </c>
      <c r="AA612" s="4">
        <f t="shared" si="90"/>
        <v>0</v>
      </c>
      <c r="AB612" s="4">
        <f t="shared" si="86"/>
        <v>1.6</v>
      </c>
      <c r="AC612" s="3">
        <f t="shared" ref="AC612:AC636" si="92">S612*AB612+AA612</f>
        <v>0.11200000000000002</v>
      </c>
      <c r="AD612" s="4">
        <f t="shared" si="87"/>
        <v>0</v>
      </c>
      <c r="AE612" s="3">
        <f t="shared" ref="AE612:AE636" si="93">T612*AB612+AD612</f>
        <v>-0.22400000000000003</v>
      </c>
      <c r="AF612" s="4">
        <f t="shared" si="91"/>
        <v>0</v>
      </c>
      <c r="AG612" s="3">
        <f t="shared" si="88"/>
        <v>32.048000000000002</v>
      </c>
      <c r="AH612" s="4">
        <f t="shared" si="89"/>
        <v>0</v>
      </c>
      <c r="AI612" s="3">
        <f t="shared" ref="AI612:AI636" si="94">AH612*AB612+V612</f>
        <v>-0.03</v>
      </c>
      <c r="AJ612" s="14"/>
      <c r="AK612" s="14"/>
    </row>
    <row r="613" spans="1:37">
      <c r="A613" s="1" t="s">
        <v>52</v>
      </c>
      <c r="B613" s="2">
        <v>0.80787037037037035</v>
      </c>
      <c r="C613" s="3">
        <v>206.54</v>
      </c>
      <c r="D613" s="3">
        <v>240.1</v>
      </c>
      <c r="E613" s="3">
        <v>344.36</v>
      </c>
      <c r="F613" s="3">
        <v>254.98</v>
      </c>
      <c r="G613" s="3">
        <v>280.64999999999998</v>
      </c>
      <c r="H613" s="3">
        <v>338.27</v>
      </c>
      <c r="I613" s="3">
        <v>88.31</v>
      </c>
      <c r="J613" s="3">
        <v>139.58000000000001</v>
      </c>
      <c r="K613" s="3">
        <v>169.92</v>
      </c>
      <c r="L613" s="3">
        <v>194.44</v>
      </c>
      <c r="M613" s="3">
        <v>499.15</v>
      </c>
      <c r="N613" s="3">
        <v>314.95999999999998</v>
      </c>
      <c r="O613" s="3">
        <v>619.30999999999995</v>
      </c>
      <c r="P613" s="3">
        <v>603.09</v>
      </c>
      <c r="Q613" s="3">
        <v>2286.0700000000002</v>
      </c>
      <c r="R613" s="3">
        <v>2286.0700000000002</v>
      </c>
      <c r="S613" s="3">
        <v>7.0000000000000007E-2</v>
      </c>
      <c r="T613" s="3">
        <v>-0.14000000000000001</v>
      </c>
      <c r="U613" s="3">
        <v>20.03</v>
      </c>
      <c r="V613" s="3">
        <v>-0.01</v>
      </c>
      <c r="W613" s="3">
        <v>0.42</v>
      </c>
      <c r="X613" s="3">
        <v>8.2899999999999991</v>
      </c>
      <c r="Y613" s="3">
        <v>7.0000000000000007E-2</v>
      </c>
      <c r="Z613" s="3">
        <v>-0.1</v>
      </c>
      <c r="AA613" s="4">
        <f t="shared" si="90"/>
        <v>0</v>
      </c>
      <c r="AB613" s="4">
        <f t="shared" si="86"/>
        <v>1.6</v>
      </c>
      <c r="AC613" s="3">
        <f t="shared" si="92"/>
        <v>0.11200000000000002</v>
      </c>
      <c r="AD613" s="4">
        <f t="shared" si="87"/>
        <v>0</v>
      </c>
      <c r="AE613" s="3">
        <f t="shared" si="93"/>
        <v>-0.22400000000000003</v>
      </c>
      <c r="AF613" s="4">
        <f t="shared" si="91"/>
        <v>0</v>
      </c>
      <c r="AG613" s="3">
        <f t="shared" si="88"/>
        <v>32.048000000000002</v>
      </c>
      <c r="AH613" s="4">
        <f t="shared" si="89"/>
        <v>0</v>
      </c>
      <c r="AI613" s="3">
        <f t="shared" si="94"/>
        <v>-0.01</v>
      </c>
      <c r="AJ613" s="14"/>
      <c r="AK613" s="14"/>
    </row>
    <row r="614" spans="1:37">
      <c r="A614" s="1" t="s">
        <v>52</v>
      </c>
      <c r="B614" s="2">
        <v>0.80856481481481479</v>
      </c>
      <c r="C614" s="3">
        <v>206.09</v>
      </c>
      <c r="D614" s="3">
        <v>239.44</v>
      </c>
      <c r="E614" s="3">
        <v>343.56</v>
      </c>
      <c r="F614" s="3">
        <v>254.24</v>
      </c>
      <c r="G614" s="3">
        <v>280.27999999999997</v>
      </c>
      <c r="H614" s="3">
        <v>337.45</v>
      </c>
      <c r="I614" s="3">
        <v>88.08</v>
      </c>
      <c r="J614" s="3">
        <v>139.22999999999999</v>
      </c>
      <c r="K614" s="3">
        <v>169.6</v>
      </c>
      <c r="L614" s="3">
        <v>193.93</v>
      </c>
      <c r="M614" s="3">
        <v>497.62</v>
      </c>
      <c r="N614" s="3">
        <v>314.32</v>
      </c>
      <c r="O614" s="3">
        <v>617.32000000000005</v>
      </c>
      <c r="P614" s="3">
        <v>601.34</v>
      </c>
      <c r="Q614" s="3">
        <v>2286.08</v>
      </c>
      <c r="R614" s="3">
        <v>2286.08</v>
      </c>
      <c r="S614" s="3">
        <v>7.0000000000000007E-2</v>
      </c>
      <c r="T614" s="3">
        <v>-0.14000000000000001</v>
      </c>
      <c r="U614" s="3">
        <v>20.04</v>
      </c>
      <c r="V614" s="3">
        <v>-0.01</v>
      </c>
      <c r="W614" s="3">
        <v>0.41</v>
      </c>
      <c r="X614" s="3">
        <v>8.2899999999999991</v>
      </c>
      <c r="Y614" s="3">
        <v>7.0000000000000007E-2</v>
      </c>
      <c r="Z614" s="3">
        <v>-7.0000000000000007E-2</v>
      </c>
      <c r="AA614" s="4">
        <f t="shared" si="90"/>
        <v>0</v>
      </c>
      <c r="AB614" s="4">
        <f t="shared" si="86"/>
        <v>1.6</v>
      </c>
      <c r="AC614" s="3">
        <f t="shared" si="92"/>
        <v>0.11200000000000002</v>
      </c>
      <c r="AD614" s="4">
        <f t="shared" si="87"/>
        <v>0</v>
      </c>
      <c r="AE614" s="3">
        <f t="shared" si="93"/>
        <v>-0.22400000000000003</v>
      </c>
      <c r="AF614" s="4">
        <f t="shared" si="91"/>
        <v>0</v>
      </c>
      <c r="AG614" s="3">
        <f t="shared" si="88"/>
        <v>32.064</v>
      </c>
      <c r="AH614" s="4">
        <f t="shared" si="89"/>
        <v>0</v>
      </c>
      <c r="AI614" s="3">
        <f t="shared" si="94"/>
        <v>-0.01</v>
      </c>
      <c r="AJ614" s="14"/>
      <c r="AK614" s="14"/>
    </row>
    <row r="615" spans="1:37">
      <c r="A615" s="1" t="s">
        <v>52</v>
      </c>
      <c r="B615" s="2">
        <v>0.80925925925925923</v>
      </c>
      <c r="C615" s="3">
        <v>205.57</v>
      </c>
      <c r="D615" s="3">
        <v>238.78</v>
      </c>
      <c r="E615" s="3">
        <v>342.76</v>
      </c>
      <c r="F615" s="3">
        <v>253.49</v>
      </c>
      <c r="G615" s="3">
        <v>279.92</v>
      </c>
      <c r="H615" s="3">
        <v>336.63</v>
      </c>
      <c r="I615" s="3">
        <v>87.88</v>
      </c>
      <c r="J615" s="3">
        <v>138.87</v>
      </c>
      <c r="K615" s="3">
        <v>169.23</v>
      </c>
      <c r="L615" s="3">
        <v>193.42</v>
      </c>
      <c r="M615" s="3">
        <v>496.08</v>
      </c>
      <c r="N615" s="3">
        <v>313.67</v>
      </c>
      <c r="O615" s="3">
        <v>615.41</v>
      </c>
      <c r="P615" s="3">
        <v>599.58000000000004</v>
      </c>
      <c r="Q615" s="3">
        <v>2286.0700000000002</v>
      </c>
      <c r="R615" s="3">
        <v>2286.0700000000002</v>
      </c>
      <c r="S615" s="3">
        <v>7.0000000000000007E-2</v>
      </c>
      <c r="T615" s="3">
        <v>-0.14000000000000001</v>
      </c>
      <c r="U615" s="3">
        <v>20.04</v>
      </c>
      <c r="V615" s="3">
        <v>0</v>
      </c>
      <c r="W615" s="3">
        <v>0.43</v>
      </c>
      <c r="X615" s="3">
        <v>8.2899999999999991</v>
      </c>
      <c r="Y615" s="3">
        <v>7.0000000000000007E-2</v>
      </c>
      <c r="Z615" s="3">
        <v>-0.05</v>
      </c>
      <c r="AA615" s="4">
        <f t="shared" si="90"/>
        <v>0</v>
      </c>
      <c r="AB615" s="4">
        <f t="shared" si="86"/>
        <v>1.6</v>
      </c>
      <c r="AC615" s="3">
        <f t="shared" si="92"/>
        <v>0.11200000000000002</v>
      </c>
      <c r="AD615" s="4">
        <f t="shared" si="87"/>
        <v>0</v>
      </c>
      <c r="AE615" s="3">
        <f t="shared" si="93"/>
        <v>-0.22400000000000003</v>
      </c>
      <c r="AF615" s="4">
        <f t="shared" si="91"/>
        <v>0</v>
      </c>
      <c r="AG615" s="3">
        <f t="shared" si="88"/>
        <v>32.064</v>
      </c>
      <c r="AH615" s="4">
        <f t="shared" si="89"/>
        <v>0</v>
      </c>
      <c r="AI615" s="3">
        <f t="shared" si="94"/>
        <v>0</v>
      </c>
      <c r="AJ615" s="14"/>
      <c r="AK615" s="14"/>
    </row>
    <row r="616" spans="1:37">
      <c r="A616" s="1" t="s">
        <v>52</v>
      </c>
      <c r="B616" s="2">
        <v>0.80995370370370379</v>
      </c>
      <c r="C616" s="3">
        <v>205.04</v>
      </c>
      <c r="D616" s="3">
        <v>238.12</v>
      </c>
      <c r="E616" s="3">
        <v>341.95</v>
      </c>
      <c r="F616" s="3">
        <v>252.75</v>
      </c>
      <c r="G616" s="3">
        <v>279.58999999999997</v>
      </c>
      <c r="H616" s="3">
        <v>335.8</v>
      </c>
      <c r="I616" s="3">
        <v>87.66</v>
      </c>
      <c r="J616" s="3">
        <v>138.53</v>
      </c>
      <c r="K616" s="3">
        <v>168.87</v>
      </c>
      <c r="L616" s="3">
        <v>192.92</v>
      </c>
      <c r="M616" s="3">
        <v>494.55</v>
      </c>
      <c r="N616" s="3">
        <v>313.02</v>
      </c>
      <c r="O616" s="3">
        <v>613.51</v>
      </c>
      <c r="P616" s="3">
        <v>597.84</v>
      </c>
      <c r="Q616" s="3">
        <v>2286.0700000000002</v>
      </c>
      <c r="R616" s="3">
        <v>2286.0700000000002</v>
      </c>
      <c r="S616" s="3">
        <v>7.0000000000000007E-2</v>
      </c>
      <c r="T616" s="3">
        <v>-0.14000000000000001</v>
      </c>
      <c r="U616" s="3">
        <v>20.04</v>
      </c>
      <c r="V616" s="3">
        <v>0.01</v>
      </c>
      <c r="W616" s="3">
        <v>0.44</v>
      </c>
      <c r="X616" s="3">
        <v>8.2899999999999991</v>
      </c>
      <c r="Y616" s="3">
        <v>7.0000000000000007E-2</v>
      </c>
      <c r="Z616" s="3">
        <v>-0.06</v>
      </c>
      <c r="AA616" s="4">
        <f t="shared" si="90"/>
        <v>0</v>
      </c>
      <c r="AB616" s="4">
        <f t="shared" si="86"/>
        <v>1.6</v>
      </c>
      <c r="AC616" s="3">
        <f t="shared" si="92"/>
        <v>0.11200000000000002</v>
      </c>
      <c r="AD616" s="4">
        <f t="shared" si="87"/>
        <v>0</v>
      </c>
      <c r="AE616" s="3">
        <f t="shared" si="93"/>
        <v>-0.22400000000000003</v>
      </c>
      <c r="AF616" s="4">
        <f t="shared" si="91"/>
        <v>0</v>
      </c>
      <c r="AG616" s="3">
        <f t="shared" si="88"/>
        <v>32.064</v>
      </c>
      <c r="AH616" s="4">
        <f t="shared" si="89"/>
        <v>0</v>
      </c>
      <c r="AI616" s="3">
        <f t="shared" si="94"/>
        <v>0.01</v>
      </c>
      <c r="AJ616" s="14"/>
      <c r="AK616" s="14"/>
    </row>
    <row r="617" spans="1:37">
      <c r="A617" s="1" t="s">
        <v>52</v>
      </c>
      <c r="B617" s="2">
        <v>0.81065972222222227</v>
      </c>
      <c r="C617" s="3">
        <v>204.51</v>
      </c>
      <c r="D617" s="3">
        <v>237.45</v>
      </c>
      <c r="E617" s="3">
        <v>341.12</v>
      </c>
      <c r="F617" s="3">
        <v>252</v>
      </c>
      <c r="G617" s="3">
        <v>279.22000000000003</v>
      </c>
      <c r="H617" s="3">
        <v>334.97</v>
      </c>
      <c r="I617" s="3">
        <v>87.45</v>
      </c>
      <c r="J617" s="3">
        <v>138.16999999999999</v>
      </c>
      <c r="K617" s="3">
        <v>168.52</v>
      </c>
      <c r="L617" s="3">
        <v>192.41</v>
      </c>
      <c r="M617" s="3">
        <v>493.01</v>
      </c>
      <c r="N617" s="3">
        <v>312.36</v>
      </c>
      <c r="O617" s="3">
        <v>611.59</v>
      </c>
      <c r="P617" s="3">
        <v>596.09</v>
      </c>
      <c r="Q617" s="3">
        <v>2286.06</v>
      </c>
      <c r="R617" s="3">
        <v>2286.06</v>
      </c>
      <c r="S617" s="3">
        <v>7.0000000000000007E-2</v>
      </c>
      <c r="T617" s="3">
        <v>-0.14000000000000001</v>
      </c>
      <c r="U617" s="3">
        <v>20.04</v>
      </c>
      <c r="V617" s="3">
        <v>0</v>
      </c>
      <c r="W617" s="3">
        <v>0.47</v>
      </c>
      <c r="X617" s="3">
        <v>8.3000000000000007</v>
      </c>
      <c r="Y617" s="3">
        <v>7.0000000000000007E-2</v>
      </c>
      <c r="Z617" s="3">
        <v>-0.05</v>
      </c>
      <c r="AA617" s="4">
        <f t="shared" si="90"/>
        <v>0</v>
      </c>
      <c r="AB617" s="4">
        <f t="shared" si="86"/>
        <v>1.6</v>
      </c>
      <c r="AC617" s="3">
        <f t="shared" si="92"/>
        <v>0.11200000000000002</v>
      </c>
      <c r="AD617" s="4">
        <f t="shared" si="87"/>
        <v>0</v>
      </c>
      <c r="AE617" s="3">
        <f t="shared" si="93"/>
        <v>-0.22400000000000003</v>
      </c>
      <c r="AF617" s="4">
        <f t="shared" si="91"/>
        <v>0</v>
      </c>
      <c r="AG617" s="3">
        <f t="shared" si="88"/>
        <v>32.064</v>
      </c>
      <c r="AH617" s="4">
        <f t="shared" si="89"/>
        <v>0</v>
      </c>
      <c r="AI617" s="3">
        <f t="shared" si="94"/>
        <v>0</v>
      </c>
      <c r="AJ617" s="14"/>
      <c r="AK617" s="14"/>
    </row>
    <row r="618" spans="1:37">
      <c r="A618" s="1" t="s">
        <v>52</v>
      </c>
      <c r="B618" s="2">
        <v>0.81135416666666671</v>
      </c>
      <c r="C618" s="3">
        <v>203.99</v>
      </c>
      <c r="D618" s="3">
        <v>236.79</v>
      </c>
      <c r="E618" s="3">
        <v>340.33</v>
      </c>
      <c r="F618" s="3">
        <v>251.26</v>
      </c>
      <c r="G618" s="3">
        <v>279.02999999999997</v>
      </c>
      <c r="H618" s="3">
        <v>334.15</v>
      </c>
      <c r="I618" s="3">
        <v>87.23</v>
      </c>
      <c r="J618" s="3">
        <v>137.81</v>
      </c>
      <c r="K618" s="3">
        <v>168.18</v>
      </c>
      <c r="L618" s="3">
        <v>191.92</v>
      </c>
      <c r="M618" s="3">
        <v>491.48</v>
      </c>
      <c r="N618" s="3">
        <v>311.73</v>
      </c>
      <c r="O618" s="3">
        <v>609.71</v>
      </c>
      <c r="P618" s="3">
        <v>594.38</v>
      </c>
      <c r="Q618" s="3">
        <v>2286.06</v>
      </c>
      <c r="R618" s="3">
        <v>2286.06</v>
      </c>
      <c r="S618" s="3">
        <v>7.0000000000000007E-2</v>
      </c>
      <c r="T618" s="3">
        <v>-0.14000000000000001</v>
      </c>
      <c r="U618" s="3">
        <v>20.04</v>
      </c>
      <c r="V618" s="3">
        <v>0</v>
      </c>
      <c r="W618" s="3">
        <v>0.48</v>
      </c>
      <c r="X618" s="3">
        <v>8.2899999999999991</v>
      </c>
      <c r="Y618" s="3">
        <v>7.0000000000000007E-2</v>
      </c>
      <c r="Z618" s="3">
        <v>-0.09</v>
      </c>
      <c r="AA618" s="4">
        <f t="shared" si="90"/>
        <v>0</v>
      </c>
      <c r="AB618" s="4">
        <f t="shared" si="86"/>
        <v>1.6</v>
      </c>
      <c r="AC618" s="3">
        <f t="shared" si="92"/>
        <v>0.11200000000000002</v>
      </c>
      <c r="AD618" s="4">
        <f t="shared" si="87"/>
        <v>0</v>
      </c>
      <c r="AE618" s="3">
        <f t="shared" si="93"/>
        <v>-0.22400000000000003</v>
      </c>
      <c r="AF618" s="4">
        <f t="shared" si="91"/>
        <v>0</v>
      </c>
      <c r="AG618" s="3">
        <f t="shared" si="88"/>
        <v>32.064</v>
      </c>
      <c r="AH618" s="4">
        <f t="shared" si="89"/>
        <v>0</v>
      </c>
      <c r="AI618" s="3">
        <f t="shared" si="94"/>
        <v>0</v>
      </c>
      <c r="AJ618" s="14"/>
      <c r="AK618" s="14"/>
    </row>
    <row r="619" spans="1:37">
      <c r="A619" s="1" t="s">
        <v>52</v>
      </c>
      <c r="B619" s="2">
        <v>0.81204861111111104</v>
      </c>
      <c r="C619" s="3">
        <v>203.42</v>
      </c>
      <c r="D619" s="3">
        <v>236.13</v>
      </c>
      <c r="E619" s="3">
        <v>339.53</v>
      </c>
      <c r="F619" s="3">
        <v>250.53</v>
      </c>
      <c r="G619" s="3">
        <v>281</v>
      </c>
      <c r="H619" s="3">
        <v>333.32</v>
      </c>
      <c r="I619" s="3">
        <v>87</v>
      </c>
      <c r="J619" s="3">
        <v>137.46</v>
      </c>
      <c r="K619" s="3">
        <v>167.79</v>
      </c>
      <c r="L619" s="3">
        <v>191.42</v>
      </c>
      <c r="M619" s="3">
        <v>489.97</v>
      </c>
      <c r="N619" s="3">
        <v>311.08999999999997</v>
      </c>
      <c r="O619" s="3">
        <v>607.79</v>
      </c>
      <c r="P619" s="3">
        <v>592.62</v>
      </c>
      <c r="Q619" s="3">
        <v>2286.0500000000002</v>
      </c>
      <c r="R619" s="3">
        <v>2286.0500000000002</v>
      </c>
      <c r="S619" s="3">
        <v>7.0000000000000007E-2</v>
      </c>
      <c r="T619" s="3">
        <v>-0.14000000000000001</v>
      </c>
      <c r="U619" s="3">
        <v>20.059999999999999</v>
      </c>
      <c r="V619" s="3">
        <v>0.02</v>
      </c>
      <c r="W619" s="3">
        <v>0.48</v>
      </c>
      <c r="X619" s="3">
        <v>8.2899999999999991</v>
      </c>
      <c r="Y619" s="3">
        <v>0.08</v>
      </c>
      <c r="Z619" s="3">
        <v>-0.09</v>
      </c>
      <c r="AA619" s="4">
        <f t="shared" si="90"/>
        <v>0</v>
      </c>
      <c r="AB619" s="4">
        <f t="shared" si="86"/>
        <v>1.6</v>
      </c>
      <c r="AC619" s="3">
        <f t="shared" si="92"/>
        <v>0.11200000000000002</v>
      </c>
      <c r="AD619" s="4">
        <f t="shared" si="87"/>
        <v>0</v>
      </c>
      <c r="AE619" s="3">
        <f t="shared" si="93"/>
        <v>-0.22400000000000003</v>
      </c>
      <c r="AF619" s="4">
        <f t="shared" si="91"/>
        <v>0</v>
      </c>
      <c r="AG619" s="3">
        <f t="shared" si="88"/>
        <v>32.095999999999997</v>
      </c>
      <c r="AH619" s="4">
        <f t="shared" si="89"/>
        <v>0</v>
      </c>
      <c r="AI619" s="3">
        <f t="shared" si="94"/>
        <v>0.02</v>
      </c>
      <c r="AJ619" s="14"/>
      <c r="AK619" s="14"/>
    </row>
    <row r="620" spans="1:37">
      <c r="A620" s="1" t="s">
        <v>52</v>
      </c>
      <c r="B620" s="2">
        <v>0.81274305555555559</v>
      </c>
      <c r="C620" s="3">
        <v>202.8</v>
      </c>
      <c r="D620" s="3">
        <v>235.47</v>
      </c>
      <c r="E620" s="3">
        <v>338.72</v>
      </c>
      <c r="F620" s="3">
        <v>249.79</v>
      </c>
      <c r="G620" s="3">
        <v>281.42</v>
      </c>
      <c r="H620" s="3">
        <v>332.5</v>
      </c>
      <c r="I620" s="3">
        <v>86.79</v>
      </c>
      <c r="J620" s="3">
        <v>137.12</v>
      </c>
      <c r="K620" s="3">
        <v>167.44</v>
      </c>
      <c r="L620" s="3">
        <v>190.92</v>
      </c>
      <c r="M620" s="3">
        <v>488.46</v>
      </c>
      <c r="N620" s="3">
        <v>310.43</v>
      </c>
      <c r="O620" s="3">
        <v>605.9</v>
      </c>
      <c r="P620" s="3">
        <v>590.91</v>
      </c>
      <c r="Q620" s="3">
        <v>2286.0500000000002</v>
      </c>
      <c r="R620" s="3">
        <v>2286.0500000000002</v>
      </c>
      <c r="S620" s="3">
        <v>7.0000000000000007E-2</v>
      </c>
      <c r="T620" s="3">
        <v>-0.14000000000000001</v>
      </c>
      <c r="U620" s="3">
        <v>20.059999999999999</v>
      </c>
      <c r="V620" s="3">
        <v>0.02</v>
      </c>
      <c r="W620" s="3">
        <v>0.48</v>
      </c>
      <c r="X620" s="3">
        <v>8.2899999999999991</v>
      </c>
      <c r="Y620" s="3">
        <v>0.08</v>
      </c>
      <c r="Z620" s="3">
        <v>-0.11</v>
      </c>
      <c r="AA620" s="4">
        <f t="shared" si="90"/>
        <v>0</v>
      </c>
      <c r="AB620" s="4">
        <f t="shared" si="86"/>
        <v>1.6</v>
      </c>
      <c r="AC620" s="3">
        <f t="shared" si="92"/>
        <v>0.11200000000000002</v>
      </c>
      <c r="AD620" s="4">
        <f t="shared" si="87"/>
        <v>0</v>
      </c>
      <c r="AE620" s="3">
        <f t="shared" si="93"/>
        <v>-0.22400000000000003</v>
      </c>
      <c r="AF620" s="4">
        <f t="shared" si="91"/>
        <v>0</v>
      </c>
      <c r="AG620" s="3">
        <f t="shared" si="88"/>
        <v>32.095999999999997</v>
      </c>
      <c r="AH620" s="4">
        <f t="shared" si="89"/>
        <v>0</v>
      </c>
      <c r="AI620" s="3">
        <f t="shared" si="94"/>
        <v>0.02</v>
      </c>
      <c r="AJ620" s="14"/>
      <c r="AK620" s="14"/>
    </row>
    <row r="621" spans="1:37">
      <c r="A621" s="1" t="s">
        <v>52</v>
      </c>
      <c r="B621" s="2">
        <v>0.81343750000000004</v>
      </c>
      <c r="C621" s="3">
        <v>202.23</v>
      </c>
      <c r="D621" s="3">
        <v>234.79</v>
      </c>
      <c r="E621" s="3">
        <v>337.91</v>
      </c>
      <c r="F621" s="3">
        <v>249.07</v>
      </c>
      <c r="G621" s="3">
        <v>281.27</v>
      </c>
      <c r="H621" s="3">
        <v>331.67</v>
      </c>
      <c r="I621" s="3">
        <v>86.58</v>
      </c>
      <c r="J621" s="3">
        <v>136.77000000000001</v>
      </c>
      <c r="K621" s="3">
        <v>167.12</v>
      </c>
      <c r="L621" s="3">
        <v>190.43</v>
      </c>
      <c r="M621" s="3">
        <v>486.97</v>
      </c>
      <c r="N621" s="3">
        <v>309.79000000000002</v>
      </c>
      <c r="O621" s="3">
        <v>604.07000000000005</v>
      </c>
      <c r="P621" s="3">
        <v>589.19000000000005</v>
      </c>
      <c r="Q621" s="3">
        <v>2286.0500000000002</v>
      </c>
      <c r="R621" s="3">
        <v>2286.0500000000002</v>
      </c>
      <c r="S621" s="3">
        <v>7.0000000000000007E-2</v>
      </c>
      <c r="T621" s="3">
        <v>-0.14000000000000001</v>
      </c>
      <c r="U621" s="3">
        <v>20.059999999999999</v>
      </c>
      <c r="V621" s="3">
        <v>0.01</v>
      </c>
      <c r="W621" s="3">
        <v>0.49</v>
      </c>
      <c r="X621" s="3">
        <v>8.2899999999999991</v>
      </c>
      <c r="Y621" s="3">
        <v>7.0000000000000007E-2</v>
      </c>
      <c r="Z621" s="3">
        <v>-0.09</v>
      </c>
      <c r="AA621" s="4">
        <f t="shared" si="90"/>
        <v>0</v>
      </c>
      <c r="AB621" s="4">
        <f t="shared" si="86"/>
        <v>1.6</v>
      </c>
      <c r="AC621" s="3">
        <f t="shared" si="92"/>
        <v>0.11200000000000002</v>
      </c>
      <c r="AD621" s="4">
        <f t="shared" si="87"/>
        <v>0</v>
      </c>
      <c r="AE621" s="3">
        <f t="shared" si="93"/>
        <v>-0.22400000000000003</v>
      </c>
      <c r="AF621" s="4">
        <f t="shared" si="91"/>
        <v>0</v>
      </c>
      <c r="AG621" s="3">
        <f t="shared" si="88"/>
        <v>32.095999999999997</v>
      </c>
      <c r="AH621" s="4">
        <f t="shared" si="89"/>
        <v>0</v>
      </c>
      <c r="AI621" s="3">
        <f t="shared" si="94"/>
        <v>0.01</v>
      </c>
      <c r="AJ621" s="14"/>
      <c r="AK621" s="14"/>
    </row>
    <row r="622" spans="1:37">
      <c r="A622" s="1" t="s">
        <v>52</v>
      </c>
      <c r="B622" s="2">
        <v>0.81413194444444448</v>
      </c>
      <c r="C622" s="3">
        <v>201.66</v>
      </c>
      <c r="D622" s="3">
        <v>234.13</v>
      </c>
      <c r="E622" s="3">
        <v>337.11</v>
      </c>
      <c r="F622" s="3">
        <v>248.34</v>
      </c>
      <c r="G622" s="3">
        <v>281.02</v>
      </c>
      <c r="H622" s="3">
        <v>330.85</v>
      </c>
      <c r="I622" s="3">
        <v>86.4</v>
      </c>
      <c r="J622" s="3">
        <v>136.43</v>
      </c>
      <c r="K622" s="3">
        <v>166.79</v>
      </c>
      <c r="L622" s="3">
        <v>189.94</v>
      </c>
      <c r="M622" s="3">
        <v>485.5</v>
      </c>
      <c r="N622" s="3">
        <v>309.14</v>
      </c>
      <c r="O622" s="3">
        <v>602.26</v>
      </c>
      <c r="P622" s="3">
        <v>587.5</v>
      </c>
      <c r="Q622" s="3">
        <v>2286.0500000000002</v>
      </c>
      <c r="R622" s="3">
        <v>2286.0500000000002</v>
      </c>
      <c r="S622" s="3">
        <v>0.06</v>
      </c>
      <c r="T622" s="3">
        <v>-0.14000000000000001</v>
      </c>
      <c r="U622" s="3">
        <v>20.059999999999999</v>
      </c>
      <c r="V622" s="3">
        <v>-0.03</v>
      </c>
      <c r="W622" s="3">
        <v>0.48</v>
      </c>
      <c r="X622" s="3">
        <v>8.2899999999999991</v>
      </c>
      <c r="Y622" s="3">
        <v>0.08</v>
      </c>
      <c r="Z622" s="3">
        <v>-0.1</v>
      </c>
      <c r="AA622" s="4">
        <f t="shared" si="90"/>
        <v>0</v>
      </c>
      <c r="AB622" s="4">
        <f t="shared" si="86"/>
        <v>1.6</v>
      </c>
      <c r="AC622" s="3">
        <f t="shared" si="92"/>
        <v>9.6000000000000002E-2</v>
      </c>
      <c r="AD622" s="4">
        <f t="shared" si="87"/>
        <v>0</v>
      </c>
      <c r="AE622" s="3">
        <f t="shared" si="93"/>
        <v>-0.22400000000000003</v>
      </c>
      <c r="AF622" s="4">
        <f t="shared" si="91"/>
        <v>0</v>
      </c>
      <c r="AG622" s="3">
        <f t="shared" si="88"/>
        <v>32.095999999999997</v>
      </c>
      <c r="AH622" s="4">
        <f t="shared" si="89"/>
        <v>0</v>
      </c>
      <c r="AI622" s="3">
        <f t="shared" si="94"/>
        <v>-0.03</v>
      </c>
      <c r="AJ622" s="14"/>
      <c r="AK622" s="14"/>
    </row>
    <row r="623" spans="1:37">
      <c r="A623" s="1" t="s">
        <v>52</v>
      </c>
      <c r="B623" s="2">
        <v>0.81482638888888881</v>
      </c>
      <c r="C623" s="3">
        <v>201.08</v>
      </c>
      <c r="D623" s="3">
        <v>233.47</v>
      </c>
      <c r="E623" s="3">
        <v>336.31</v>
      </c>
      <c r="F623" s="3">
        <v>247.62</v>
      </c>
      <c r="G623" s="3">
        <v>280.74</v>
      </c>
      <c r="H623" s="3">
        <v>330.02</v>
      </c>
      <c r="I623" s="3">
        <v>86.19</v>
      </c>
      <c r="J623" s="3">
        <v>136.08000000000001</v>
      </c>
      <c r="K623" s="3">
        <v>166.44</v>
      </c>
      <c r="L623" s="3">
        <v>189.45</v>
      </c>
      <c r="M623" s="3">
        <v>484</v>
      </c>
      <c r="N623" s="3">
        <v>308.5</v>
      </c>
      <c r="O623" s="3">
        <v>600.33000000000004</v>
      </c>
      <c r="P623" s="3">
        <v>585.79999999999995</v>
      </c>
      <c r="Q623" s="3">
        <v>2286.04</v>
      </c>
      <c r="R623" s="3">
        <v>2286.04</v>
      </c>
      <c r="S623" s="3">
        <v>0.03</v>
      </c>
      <c r="T623" s="3">
        <v>-0.14000000000000001</v>
      </c>
      <c r="U623" s="3">
        <v>20.059999999999999</v>
      </c>
      <c r="V623" s="3">
        <v>-0.01</v>
      </c>
      <c r="W623" s="3">
        <v>0.5</v>
      </c>
      <c r="X623" s="3">
        <v>8.2899999999999991</v>
      </c>
      <c r="Y623" s="3">
        <v>0.08</v>
      </c>
      <c r="Z623" s="3">
        <v>-0.09</v>
      </c>
      <c r="AA623" s="4">
        <f t="shared" si="90"/>
        <v>0</v>
      </c>
      <c r="AB623" s="4">
        <f t="shared" ref="AB623:AB636" si="95">AB622</f>
        <v>1.6</v>
      </c>
      <c r="AC623" s="3">
        <f t="shared" si="92"/>
        <v>4.8000000000000001E-2</v>
      </c>
      <c r="AD623" s="4">
        <f t="shared" si="87"/>
        <v>0</v>
      </c>
      <c r="AE623" s="3">
        <f t="shared" si="93"/>
        <v>-0.22400000000000003</v>
      </c>
      <c r="AF623" s="4">
        <f t="shared" si="91"/>
        <v>0</v>
      </c>
      <c r="AG623" s="3">
        <f t="shared" si="88"/>
        <v>32.095999999999997</v>
      </c>
      <c r="AH623" s="4">
        <f t="shared" si="89"/>
        <v>0</v>
      </c>
      <c r="AI623" s="3">
        <f t="shared" si="94"/>
        <v>-0.01</v>
      </c>
      <c r="AJ623" s="14"/>
      <c r="AK623" s="14"/>
    </row>
    <row r="624" spans="1:37">
      <c r="A624" s="1" t="s">
        <v>52</v>
      </c>
      <c r="B624" s="2">
        <v>0.8155324074074074</v>
      </c>
      <c r="C624" s="3">
        <v>200.51</v>
      </c>
      <c r="D624" s="3">
        <v>232.81</v>
      </c>
      <c r="E624" s="3">
        <v>335.51</v>
      </c>
      <c r="F624" s="3">
        <v>246.9</v>
      </c>
      <c r="G624" s="3">
        <v>279.89</v>
      </c>
      <c r="H624" s="3">
        <v>329.19</v>
      </c>
      <c r="I624" s="3">
        <v>85.97</v>
      </c>
      <c r="J624" s="3">
        <v>135.72</v>
      </c>
      <c r="K624" s="3">
        <v>166.08</v>
      </c>
      <c r="L624" s="3">
        <v>188.96</v>
      </c>
      <c r="M624" s="3">
        <v>482.5</v>
      </c>
      <c r="N624" s="3">
        <v>307.85000000000002</v>
      </c>
      <c r="O624" s="3">
        <v>598.45000000000005</v>
      </c>
      <c r="P624" s="3">
        <v>584.11</v>
      </c>
      <c r="Q624" s="3">
        <v>2286.0300000000002</v>
      </c>
      <c r="R624" s="3">
        <v>2286.0300000000002</v>
      </c>
      <c r="S624" s="3">
        <v>0.03</v>
      </c>
      <c r="T624" s="3">
        <v>-0.14000000000000001</v>
      </c>
      <c r="U624" s="3">
        <v>20.059999999999999</v>
      </c>
      <c r="V624" s="3">
        <v>-0.01</v>
      </c>
      <c r="W624" s="3">
        <v>0.52</v>
      </c>
      <c r="X624" s="3">
        <v>8.2899999999999991</v>
      </c>
      <c r="Y624" s="3">
        <v>0.08</v>
      </c>
      <c r="Z624" s="3">
        <v>-0.05</v>
      </c>
      <c r="AA624" s="4">
        <f t="shared" si="90"/>
        <v>0</v>
      </c>
      <c r="AB624" s="4">
        <f t="shared" si="95"/>
        <v>1.6</v>
      </c>
      <c r="AC624" s="3">
        <f t="shared" si="92"/>
        <v>4.8000000000000001E-2</v>
      </c>
      <c r="AD624" s="4">
        <f t="shared" si="87"/>
        <v>0</v>
      </c>
      <c r="AE624" s="3">
        <f t="shared" si="93"/>
        <v>-0.22400000000000003</v>
      </c>
      <c r="AF624" s="4">
        <f t="shared" si="91"/>
        <v>0</v>
      </c>
      <c r="AG624" s="3">
        <f t="shared" si="88"/>
        <v>32.095999999999997</v>
      </c>
      <c r="AH624" s="4">
        <f t="shared" si="89"/>
        <v>0</v>
      </c>
      <c r="AI624" s="3">
        <f t="shared" si="94"/>
        <v>-0.01</v>
      </c>
      <c r="AJ624" s="14"/>
      <c r="AK624" s="14"/>
    </row>
    <row r="625" spans="1:37">
      <c r="A625" s="1" t="s">
        <v>52</v>
      </c>
      <c r="B625" s="2">
        <v>0.81622685185185195</v>
      </c>
      <c r="C625" s="3">
        <v>199.93</v>
      </c>
      <c r="D625" s="3">
        <v>232.14</v>
      </c>
      <c r="E625" s="3">
        <v>334.69</v>
      </c>
      <c r="F625" s="3">
        <v>246.17</v>
      </c>
      <c r="G625" s="3">
        <v>278.83</v>
      </c>
      <c r="H625" s="3">
        <v>328.36</v>
      </c>
      <c r="I625" s="3">
        <v>85.75</v>
      </c>
      <c r="J625" s="3">
        <v>135.38</v>
      </c>
      <c r="K625" s="3">
        <v>165.72</v>
      </c>
      <c r="L625" s="3">
        <v>188.47</v>
      </c>
      <c r="M625" s="3">
        <v>481.02</v>
      </c>
      <c r="N625" s="3">
        <v>307.20999999999998</v>
      </c>
      <c r="O625" s="3">
        <v>596.57000000000005</v>
      </c>
      <c r="P625" s="3">
        <v>582.42999999999995</v>
      </c>
      <c r="Q625" s="3">
        <v>2286.0100000000002</v>
      </c>
      <c r="R625" s="3">
        <v>2286.0100000000002</v>
      </c>
      <c r="S625" s="3">
        <v>0.03</v>
      </c>
      <c r="T625" s="3">
        <v>-0.14000000000000001</v>
      </c>
      <c r="U625" s="3">
        <v>20.07</v>
      </c>
      <c r="V625" s="3">
        <v>0</v>
      </c>
      <c r="W625" s="3">
        <v>0.55000000000000004</v>
      </c>
      <c r="X625" s="3">
        <v>8.2899999999999991</v>
      </c>
      <c r="Y625" s="3">
        <v>0.08</v>
      </c>
      <c r="Z625" s="3">
        <v>-7.0000000000000007E-2</v>
      </c>
      <c r="AA625" s="4">
        <f t="shared" si="90"/>
        <v>0</v>
      </c>
      <c r="AB625" s="4">
        <f t="shared" si="95"/>
        <v>1.6</v>
      </c>
      <c r="AC625" s="3">
        <f t="shared" si="92"/>
        <v>4.8000000000000001E-2</v>
      </c>
      <c r="AD625" s="4">
        <f t="shared" si="87"/>
        <v>0</v>
      </c>
      <c r="AE625" s="3">
        <f t="shared" si="93"/>
        <v>-0.22400000000000003</v>
      </c>
      <c r="AF625" s="4">
        <f t="shared" si="91"/>
        <v>0</v>
      </c>
      <c r="AG625" s="3">
        <f t="shared" si="88"/>
        <v>32.112000000000002</v>
      </c>
      <c r="AH625" s="4">
        <f t="shared" si="89"/>
        <v>0</v>
      </c>
      <c r="AI625" s="3">
        <f t="shared" si="94"/>
        <v>0</v>
      </c>
      <c r="AJ625" s="14"/>
      <c r="AK625" s="14"/>
    </row>
    <row r="626" spans="1:37">
      <c r="A626" s="1" t="s">
        <v>52</v>
      </c>
      <c r="B626" s="2">
        <v>0.81692129629629628</v>
      </c>
      <c r="C626" s="3">
        <v>199.29</v>
      </c>
      <c r="D626" s="3">
        <v>231.48</v>
      </c>
      <c r="E626" s="3">
        <v>333.89</v>
      </c>
      <c r="F626" s="3">
        <v>245.45</v>
      </c>
      <c r="G626" s="3">
        <v>278.11</v>
      </c>
      <c r="H626" s="3">
        <v>327.54000000000002</v>
      </c>
      <c r="I626" s="3">
        <v>85.53</v>
      </c>
      <c r="J626" s="3">
        <v>135.03</v>
      </c>
      <c r="K626" s="3">
        <v>165.36</v>
      </c>
      <c r="L626" s="3">
        <v>187.98</v>
      </c>
      <c r="M626" s="3">
        <v>479.56</v>
      </c>
      <c r="N626" s="3">
        <v>306.56</v>
      </c>
      <c r="O626" s="3">
        <v>594.65</v>
      </c>
      <c r="P626" s="3">
        <v>580.75</v>
      </c>
      <c r="Q626" s="3">
        <v>2286.0100000000002</v>
      </c>
      <c r="R626" s="3">
        <v>2286.0100000000002</v>
      </c>
      <c r="S626" s="3">
        <v>0.03</v>
      </c>
      <c r="T626" s="3">
        <v>-0.14000000000000001</v>
      </c>
      <c r="U626" s="3">
        <v>20.07</v>
      </c>
      <c r="V626" s="3">
        <v>0</v>
      </c>
      <c r="W626" s="3">
        <v>0.55000000000000004</v>
      </c>
      <c r="X626" s="3">
        <v>8.2899999999999991</v>
      </c>
      <c r="Y626" s="3">
        <v>0.08</v>
      </c>
      <c r="Z626" s="3">
        <v>-0.09</v>
      </c>
      <c r="AA626" s="4">
        <f t="shared" si="90"/>
        <v>0</v>
      </c>
      <c r="AB626" s="4">
        <f t="shared" si="95"/>
        <v>1.6</v>
      </c>
      <c r="AC626" s="3">
        <f t="shared" si="92"/>
        <v>4.8000000000000001E-2</v>
      </c>
      <c r="AD626" s="4">
        <f t="shared" si="87"/>
        <v>0</v>
      </c>
      <c r="AE626" s="3">
        <f t="shared" si="93"/>
        <v>-0.22400000000000003</v>
      </c>
      <c r="AF626" s="4">
        <f t="shared" si="91"/>
        <v>0</v>
      </c>
      <c r="AG626" s="3">
        <f t="shared" si="88"/>
        <v>32.112000000000002</v>
      </c>
      <c r="AH626" s="4">
        <f t="shared" si="89"/>
        <v>0</v>
      </c>
      <c r="AI626" s="3">
        <f t="shared" si="94"/>
        <v>0</v>
      </c>
      <c r="AJ626" s="14"/>
      <c r="AK626" s="14"/>
    </row>
    <row r="627" spans="1:37">
      <c r="A627" s="1" t="s">
        <v>52</v>
      </c>
      <c r="B627" s="2">
        <v>0.81761574074074073</v>
      </c>
      <c r="C627" s="3">
        <v>198.73</v>
      </c>
      <c r="D627" s="3">
        <v>230.8</v>
      </c>
      <c r="E627" s="3">
        <v>333.08</v>
      </c>
      <c r="F627" s="3">
        <v>244.73</v>
      </c>
      <c r="G627" s="3">
        <v>277.35000000000002</v>
      </c>
      <c r="H627" s="3">
        <v>326.70999999999998</v>
      </c>
      <c r="I627" s="3">
        <v>85.29</v>
      </c>
      <c r="J627" s="3">
        <v>134.66999999999999</v>
      </c>
      <c r="K627" s="3">
        <v>165.01</v>
      </c>
      <c r="L627" s="3">
        <v>187.5</v>
      </c>
      <c r="M627" s="3">
        <v>478.1</v>
      </c>
      <c r="N627" s="3">
        <v>305.89999999999998</v>
      </c>
      <c r="O627" s="3">
        <v>592.82000000000005</v>
      </c>
      <c r="P627" s="3">
        <v>579.08000000000004</v>
      </c>
      <c r="Q627" s="3">
        <v>2285.9899999999998</v>
      </c>
      <c r="R627" s="3">
        <v>2285.9899999999998</v>
      </c>
      <c r="S627" s="3">
        <v>0.03</v>
      </c>
      <c r="T627" s="3">
        <v>-0.14000000000000001</v>
      </c>
      <c r="U627" s="3">
        <v>20.07</v>
      </c>
      <c r="V627" s="3">
        <v>0.03</v>
      </c>
      <c r="W627" s="3">
        <v>0.6</v>
      </c>
      <c r="X627" s="3">
        <v>8.3000000000000007</v>
      </c>
      <c r="Y627" s="3">
        <v>0.08</v>
      </c>
      <c r="Z627" s="3">
        <v>-0.09</v>
      </c>
      <c r="AA627" s="4">
        <f t="shared" si="90"/>
        <v>0</v>
      </c>
      <c r="AB627" s="4">
        <f t="shared" si="95"/>
        <v>1.6</v>
      </c>
      <c r="AC627" s="3">
        <f t="shared" si="92"/>
        <v>4.8000000000000001E-2</v>
      </c>
      <c r="AD627" s="4">
        <f t="shared" si="87"/>
        <v>0</v>
      </c>
      <c r="AE627" s="3">
        <f t="shared" si="93"/>
        <v>-0.22400000000000003</v>
      </c>
      <c r="AF627" s="4">
        <f t="shared" si="91"/>
        <v>0</v>
      </c>
      <c r="AG627" s="3">
        <f t="shared" si="88"/>
        <v>32.112000000000002</v>
      </c>
      <c r="AH627" s="4">
        <f t="shared" si="89"/>
        <v>0</v>
      </c>
      <c r="AI627" s="3">
        <f t="shared" si="94"/>
        <v>0.03</v>
      </c>
      <c r="AJ627" s="14"/>
      <c r="AK627" s="14"/>
    </row>
    <row r="628" spans="1:37">
      <c r="A628" s="1" t="s">
        <v>52</v>
      </c>
      <c r="B628" s="2">
        <v>0.81831018518518517</v>
      </c>
      <c r="C628" s="3">
        <v>198.2</v>
      </c>
      <c r="D628" s="3">
        <v>230.14</v>
      </c>
      <c r="E628" s="3">
        <v>332.3</v>
      </c>
      <c r="F628" s="3">
        <v>244.02</v>
      </c>
      <c r="G628" s="3">
        <v>276.83</v>
      </c>
      <c r="H628" s="3">
        <v>325.88</v>
      </c>
      <c r="I628" s="3">
        <v>85.08</v>
      </c>
      <c r="J628" s="3">
        <v>134.34</v>
      </c>
      <c r="K628" s="3">
        <v>164.69</v>
      </c>
      <c r="L628" s="3">
        <v>187.02</v>
      </c>
      <c r="M628" s="3">
        <v>476.65</v>
      </c>
      <c r="N628" s="3">
        <v>305.25</v>
      </c>
      <c r="O628" s="3">
        <v>590.99</v>
      </c>
      <c r="P628" s="3">
        <v>577.41999999999996</v>
      </c>
      <c r="Q628" s="3">
        <v>2286</v>
      </c>
      <c r="R628" s="3">
        <v>2286</v>
      </c>
      <c r="S628" s="3">
        <v>0.03</v>
      </c>
      <c r="T628" s="3">
        <v>-0.14000000000000001</v>
      </c>
      <c r="U628" s="3">
        <v>20.07</v>
      </c>
      <c r="V628" s="3">
        <v>0.04</v>
      </c>
      <c r="W628" s="3">
        <v>0.66</v>
      </c>
      <c r="X628" s="3">
        <v>8.2899999999999991</v>
      </c>
      <c r="Y628" s="3">
        <v>7.0000000000000007E-2</v>
      </c>
      <c r="Z628" s="3">
        <v>-0.08</v>
      </c>
      <c r="AA628" s="4">
        <f t="shared" si="90"/>
        <v>0</v>
      </c>
      <c r="AB628" s="4">
        <f t="shared" si="95"/>
        <v>1.6</v>
      </c>
      <c r="AC628" s="3">
        <f t="shared" si="92"/>
        <v>4.8000000000000001E-2</v>
      </c>
      <c r="AD628" s="4">
        <f t="shared" si="87"/>
        <v>0</v>
      </c>
      <c r="AE628" s="3">
        <f t="shared" si="93"/>
        <v>-0.22400000000000003</v>
      </c>
      <c r="AF628" s="4">
        <f t="shared" si="91"/>
        <v>0</v>
      </c>
      <c r="AG628" s="3">
        <f t="shared" si="88"/>
        <v>32.112000000000002</v>
      </c>
      <c r="AH628" s="4">
        <f t="shared" si="89"/>
        <v>0</v>
      </c>
      <c r="AI628" s="3">
        <f t="shared" si="94"/>
        <v>0.04</v>
      </c>
      <c r="AJ628" s="14"/>
      <c r="AK628" s="14"/>
    </row>
    <row r="629" spans="1:37">
      <c r="A629" s="1" t="s">
        <v>52</v>
      </c>
      <c r="B629" s="2">
        <v>0.81900462962962972</v>
      </c>
      <c r="C629" s="3">
        <v>197.67</v>
      </c>
      <c r="D629" s="3">
        <v>229.49</v>
      </c>
      <c r="E629" s="3">
        <v>331.49</v>
      </c>
      <c r="F629" s="3">
        <v>243.31</v>
      </c>
      <c r="G629" s="3">
        <v>276.45</v>
      </c>
      <c r="H629" s="3">
        <v>325.04000000000002</v>
      </c>
      <c r="I629" s="3">
        <v>84.86</v>
      </c>
      <c r="J629" s="3">
        <v>133.97999999999999</v>
      </c>
      <c r="K629" s="3">
        <v>164.34</v>
      </c>
      <c r="L629" s="3">
        <v>186.53</v>
      </c>
      <c r="M629" s="3">
        <v>475.22</v>
      </c>
      <c r="N629" s="3">
        <v>304.61</v>
      </c>
      <c r="O629" s="3">
        <v>589.16</v>
      </c>
      <c r="P629" s="3">
        <v>575.77</v>
      </c>
      <c r="Q629" s="3">
        <v>2285.9899999999998</v>
      </c>
      <c r="R629" s="3">
        <v>2285.9899999999998</v>
      </c>
      <c r="S629" s="3">
        <v>0.03</v>
      </c>
      <c r="T629" s="3">
        <v>-0.14000000000000001</v>
      </c>
      <c r="U629" s="3">
        <v>20.07</v>
      </c>
      <c r="V629" s="3">
        <v>0.03</v>
      </c>
      <c r="W629" s="3">
        <v>0.69</v>
      </c>
      <c r="X629" s="3">
        <v>8.2899999999999991</v>
      </c>
      <c r="Y629" s="3">
        <v>0.08</v>
      </c>
      <c r="Z629" s="3">
        <v>-0.08</v>
      </c>
      <c r="AA629" s="4">
        <f t="shared" si="90"/>
        <v>0</v>
      </c>
      <c r="AB629" s="4">
        <f t="shared" si="95"/>
        <v>1.6</v>
      </c>
      <c r="AC629" s="3">
        <f t="shared" si="92"/>
        <v>4.8000000000000001E-2</v>
      </c>
      <c r="AD629" s="4">
        <f t="shared" si="87"/>
        <v>0</v>
      </c>
      <c r="AE629" s="3">
        <f t="shared" si="93"/>
        <v>-0.22400000000000003</v>
      </c>
      <c r="AF629" s="4">
        <f t="shared" si="91"/>
        <v>0</v>
      </c>
      <c r="AG629" s="3">
        <f t="shared" si="88"/>
        <v>32.112000000000002</v>
      </c>
      <c r="AH629" s="4">
        <f t="shared" si="89"/>
        <v>0</v>
      </c>
      <c r="AI629" s="3">
        <f t="shared" si="94"/>
        <v>0.03</v>
      </c>
      <c r="AJ629" s="14"/>
      <c r="AK629" s="14"/>
    </row>
    <row r="630" spans="1:37">
      <c r="A630" s="1" t="s">
        <v>52</v>
      </c>
      <c r="B630" s="2">
        <v>0.81969907407407405</v>
      </c>
      <c r="C630" s="3">
        <v>197.12</v>
      </c>
      <c r="D630" s="3">
        <v>228.83</v>
      </c>
      <c r="E630" s="3">
        <v>330.68</v>
      </c>
      <c r="F630" s="3">
        <v>242.6</v>
      </c>
      <c r="G630" s="3">
        <v>276.08</v>
      </c>
      <c r="H630" s="3">
        <v>324.22000000000003</v>
      </c>
      <c r="I630" s="3">
        <v>84.65</v>
      </c>
      <c r="J630" s="3">
        <v>133.65</v>
      </c>
      <c r="K630" s="3">
        <v>163.98</v>
      </c>
      <c r="L630" s="3">
        <v>186.05</v>
      </c>
      <c r="M630" s="3">
        <v>473.77</v>
      </c>
      <c r="N630" s="3">
        <v>303.98</v>
      </c>
      <c r="O630" s="3">
        <v>587.36</v>
      </c>
      <c r="P630" s="3">
        <v>574.12</v>
      </c>
      <c r="Q630" s="3">
        <v>2285.98</v>
      </c>
      <c r="R630" s="3">
        <v>2285.98</v>
      </c>
      <c r="S630" s="3">
        <v>0.03</v>
      </c>
      <c r="T630" s="3">
        <v>-0.14000000000000001</v>
      </c>
      <c r="U630" s="3">
        <v>20.07</v>
      </c>
      <c r="V630" s="3">
        <v>0.02</v>
      </c>
      <c r="W630" s="3">
        <v>0.75</v>
      </c>
      <c r="X630" s="3">
        <v>8.2899999999999991</v>
      </c>
      <c r="Y630" s="3">
        <v>7.0000000000000007E-2</v>
      </c>
      <c r="Z630" s="3">
        <v>-0.08</v>
      </c>
      <c r="AA630" s="4">
        <f t="shared" si="90"/>
        <v>0</v>
      </c>
      <c r="AB630" s="4">
        <f t="shared" si="95"/>
        <v>1.6</v>
      </c>
      <c r="AC630" s="3">
        <f t="shared" si="92"/>
        <v>4.8000000000000001E-2</v>
      </c>
      <c r="AD630" s="4">
        <f t="shared" si="87"/>
        <v>0</v>
      </c>
      <c r="AE630" s="3">
        <f t="shared" si="93"/>
        <v>-0.22400000000000003</v>
      </c>
      <c r="AF630" s="4">
        <f t="shared" si="91"/>
        <v>0</v>
      </c>
      <c r="AG630" s="3">
        <f t="shared" si="88"/>
        <v>32.112000000000002</v>
      </c>
      <c r="AH630" s="4">
        <f t="shared" si="89"/>
        <v>0</v>
      </c>
      <c r="AI630" s="3">
        <f t="shared" si="94"/>
        <v>0.02</v>
      </c>
      <c r="AJ630" s="14"/>
      <c r="AK630" s="14"/>
    </row>
    <row r="631" spans="1:37">
      <c r="A631" s="1" t="s">
        <v>52</v>
      </c>
      <c r="B631" s="2">
        <v>0.82040509259259264</v>
      </c>
      <c r="C631" s="3">
        <v>196.52</v>
      </c>
      <c r="D631" s="3">
        <v>228.16</v>
      </c>
      <c r="E631" s="3">
        <v>329.89</v>
      </c>
      <c r="F631" s="3">
        <v>241.91</v>
      </c>
      <c r="G631" s="3">
        <v>275.74</v>
      </c>
      <c r="H631" s="3">
        <v>323.39</v>
      </c>
      <c r="I631" s="3">
        <v>84.44</v>
      </c>
      <c r="J631" s="3">
        <v>133.30000000000001</v>
      </c>
      <c r="K631" s="3">
        <v>163.63</v>
      </c>
      <c r="L631" s="3">
        <v>185.58</v>
      </c>
      <c r="M631" s="3">
        <v>472.32</v>
      </c>
      <c r="N631" s="3">
        <v>303.33999999999997</v>
      </c>
      <c r="O631" s="3">
        <v>585.54</v>
      </c>
      <c r="P631" s="3">
        <v>572.48</v>
      </c>
      <c r="Q631" s="3">
        <v>2285.9899999999998</v>
      </c>
      <c r="R631" s="3">
        <v>2285.9899999999998</v>
      </c>
      <c r="S631" s="3">
        <v>0.03</v>
      </c>
      <c r="T631" s="3">
        <v>-0.14000000000000001</v>
      </c>
      <c r="U631" s="3">
        <v>20.079999999999998</v>
      </c>
      <c r="V631" s="3">
        <v>0.04</v>
      </c>
      <c r="W631" s="3">
        <v>0.79</v>
      </c>
      <c r="X631" s="3">
        <v>8.2899999999999991</v>
      </c>
      <c r="Y631" s="3">
        <v>7.0000000000000007E-2</v>
      </c>
      <c r="Z631" s="3">
        <v>-0.06</v>
      </c>
      <c r="AA631" s="4">
        <f t="shared" si="90"/>
        <v>0</v>
      </c>
      <c r="AB631" s="4">
        <f t="shared" si="95"/>
        <v>1.6</v>
      </c>
      <c r="AC631" s="3">
        <f t="shared" si="92"/>
        <v>4.8000000000000001E-2</v>
      </c>
      <c r="AD631" s="4">
        <f t="shared" si="87"/>
        <v>0</v>
      </c>
      <c r="AE631" s="3">
        <f t="shared" si="93"/>
        <v>-0.22400000000000003</v>
      </c>
      <c r="AF631" s="4">
        <f t="shared" si="91"/>
        <v>0</v>
      </c>
      <c r="AG631" s="3">
        <f t="shared" si="88"/>
        <v>32.128</v>
      </c>
      <c r="AH631" s="4">
        <f t="shared" si="89"/>
        <v>0</v>
      </c>
      <c r="AI631" s="3">
        <f t="shared" si="94"/>
        <v>0.04</v>
      </c>
      <c r="AJ631" s="14"/>
      <c r="AK631" s="14"/>
    </row>
    <row r="632" spans="1:37">
      <c r="A632" s="1" t="s">
        <v>52</v>
      </c>
      <c r="B632" s="2">
        <v>0.82109953703703698</v>
      </c>
      <c r="C632" s="3">
        <v>195.94</v>
      </c>
      <c r="D632" s="3">
        <v>227.5</v>
      </c>
      <c r="E632" s="3">
        <v>329.09</v>
      </c>
      <c r="F632" s="3">
        <v>241.21</v>
      </c>
      <c r="G632" s="3">
        <v>275.36</v>
      </c>
      <c r="H632" s="3">
        <v>322.57</v>
      </c>
      <c r="I632" s="3">
        <v>84.23</v>
      </c>
      <c r="J632" s="3">
        <v>132.94999999999999</v>
      </c>
      <c r="K632" s="3">
        <v>163.29</v>
      </c>
      <c r="L632" s="3">
        <v>185.11</v>
      </c>
      <c r="M632" s="3">
        <v>470.89</v>
      </c>
      <c r="N632" s="3">
        <v>302.7</v>
      </c>
      <c r="O632" s="3">
        <v>583.73</v>
      </c>
      <c r="P632" s="3">
        <v>570.85</v>
      </c>
      <c r="Q632" s="3">
        <v>2286</v>
      </c>
      <c r="R632" s="3">
        <v>2286</v>
      </c>
      <c r="S632" s="3">
        <v>0.03</v>
      </c>
      <c r="T632" s="3">
        <v>-0.14000000000000001</v>
      </c>
      <c r="U632" s="3">
        <v>20.079999999999998</v>
      </c>
      <c r="V632" s="3">
        <v>0.03</v>
      </c>
      <c r="W632" s="3">
        <v>0.85</v>
      </c>
      <c r="X632" s="3">
        <v>8.3000000000000007</v>
      </c>
      <c r="Y632" s="3">
        <v>7.0000000000000007E-2</v>
      </c>
      <c r="Z632" s="3">
        <v>-0.06</v>
      </c>
      <c r="AA632" s="4">
        <f t="shared" si="90"/>
        <v>0</v>
      </c>
      <c r="AB632" s="4">
        <f t="shared" si="95"/>
        <v>1.6</v>
      </c>
      <c r="AC632" s="3">
        <f t="shared" si="92"/>
        <v>4.8000000000000001E-2</v>
      </c>
      <c r="AD632" s="4">
        <f t="shared" si="87"/>
        <v>0</v>
      </c>
      <c r="AE632" s="3">
        <f t="shared" si="93"/>
        <v>-0.22400000000000003</v>
      </c>
      <c r="AF632" s="4">
        <f t="shared" si="91"/>
        <v>0</v>
      </c>
      <c r="AG632" s="3">
        <f t="shared" si="88"/>
        <v>32.128</v>
      </c>
      <c r="AH632" s="4">
        <f t="shared" si="89"/>
        <v>0</v>
      </c>
      <c r="AI632" s="3">
        <f t="shared" si="94"/>
        <v>0.03</v>
      </c>
      <c r="AJ632" s="14"/>
      <c r="AK632" s="14"/>
    </row>
    <row r="633" spans="1:37">
      <c r="A633" s="1" t="s">
        <v>52</v>
      </c>
      <c r="B633" s="2">
        <v>0.82179398148148142</v>
      </c>
      <c r="C633" s="3">
        <v>195.34</v>
      </c>
      <c r="D633" s="3">
        <v>226.85</v>
      </c>
      <c r="E633" s="3">
        <v>328.3</v>
      </c>
      <c r="F633" s="3">
        <v>240.52</v>
      </c>
      <c r="G633" s="3">
        <v>275.02999999999997</v>
      </c>
      <c r="H633" s="3">
        <v>321.74</v>
      </c>
      <c r="I633" s="3">
        <v>84.02</v>
      </c>
      <c r="J633" s="3">
        <v>132.61000000000001</v>
      </c>
      <c r="K633" s="3">
        <v>162.94999999999999</v>
      </c>
      <c r="L633" s="3">
        <v>184.64</v>
      </c>
      <c r="M633" s="3">
        <v>469.45</v>
      </c>
      <c r="N633" s="3">
        <v>302.05</v>
      </c>
      <c r="O633" s="3">
        <v>581.91999999999996</v>
      </c>
      <c r="P633" s="3">
        <v>569.23</v>
      </c>
      <c r="Q633" s="3">
        <v>2285.9899999999998</v>
      </c>
      <c r="R633" s="3">
        <v>2285.9899999999998</v>
      </c>
      <c r="S633" s="3">
        <v>0.03</v>
      </c>
      <c r="T633" s="3">
        <v>-0.14000000000000001</v>
      </c>
      <c r="U633" s="3">
        <v>20.09</v>
      </c>
      <c r="V633" s="3">
        <v>0.03</v>
      </c>
      <c r="W633" s="3">
        <v>0.92</v>
      </c>
      <c r="X633" s="3">
        <v>8.2899999999999991</v>
      </c>
      <c r="Y633" s="3">
        <v>7.0000000000000007E-2</v>
      </c>
      <c r="Z633" s="3">
        <v>-0.05</v>
      </c>
      <c r="AA633" s="4">
        <f t="shared" si="90"/>
        <v>0</v>
      </c>
      <c r="AB633" s="4">
        <f t="shared" si="95"/>
        <v>1.6</v>
      </c>
      <c r="AC633" s="3">
        <f t="shared" si="92"/>
        <v>4.8000000000000001E-2</v>
      </c>
      <c r="AD633" s="4">
        <f t="shared" si="87"/>
        <v>0</v>
      </c>
      <c r="AE633" s="3">
        <f t="shared" si="93"/>
        <v>-0.22400000000000003</v>
      </c>
      <c r="AF633" s="4">
        <f t="shared" si="91"/>
        <v>0</v>
      </c>
      <c r="AG633" s="3">
        <f t="shared" si="88"/>
        <v>32.143999999999998</v>
      </c>
      <c r="AH633" s="4">
        <f t="shared" si="89"/>
        <v>0</v>
      </c>
      <c r="AI633" s="3">
        <f t="shared" si="94"/>
        <v>0.03</v>
      </c>
      <c r="AJ633" s="14"/>
      <c r="AK633" s="14"/>
    </row>
    <row r="634" spans="1:37">
      <c r="A634" s="1" t="s">
        <v>52</v>
      </c>
      <c r="B634" s="2">
        <v>0.82248842592592597</v>
      </c>
      <c r="C634" s="3">
        <v>194.77</v>
      </c>
      <c r="D634" s="3">
        <v>226.18</v>
      </c>
      <c r="E634" s="3">
        <v>327.49</v>
      </c>
      <c r="F634" s="3">
        <v>239.81</v>
      </c>
      <c r="G634" s="3">
        <v>274.75</v>
      </c>
      <c r="H634" s="3">
        <v>320.91000000000003</v>
      </c>
      <c r="I634" s="3">
        <v>83.77</v>
      </c>
      <c r="J634" s="3">
        <v>132.27000000000001</v>
      </c>
      <c r="K634" s="3">
        <v>162.59</v>
      </c>
      <c r="L634" s="3">
        <v>184.15</v>
      </c>
      <c r="M634" s="3">
        <v>468.02</v>
      </c>
      <c r="N634" s="3">
        <v>301.38</v>
      </c>
      <c r="O634" s="3">
        <v>580.16999999999996</v>
      </c>
      <c r="P634" s="3">
        <v>567.59</v>
      </c>
      <c r="Q634" s="3">
        <v>2285.98</v>
      </c>
      <c r="R634" s="3">
        <v>2285.98</v>
      </c>
      <c r="S634" s="3">
        <v>0.03</v>
      </c>
      <c r="T634" s="3">
        <v>-0.14000000000000001</v>
      </c>
      <c r="U634" s="3">
        <v>20.09</v>
      </c>
      <c r="V634" s="3">
        <v>0</v>
      </c>
      <c r="W634" s="3">
        <v>0.96</v>
      </c>
      <c r="X634" s="3">
        <v>8.2899999999999991</v>
      </c>
      <c r="Y634" s="3">
        <v>7.0000000000000007E-2</v>
      </c>
      <c r="Z634" s="3">
        <v>-0.05</v>
      </c>
      <c r="AA634" s="4">
        <f t="shared" si="90"/>
        <v>0</v>
      </c>
      <c r="AB634" s="4">
        <f t="shared" si="95"/>
        <v>1.6</v>
      </c>
      <c r="AC634" s="3">
        <f t="shared" si="92"/>
        <v>4.8000000000000001E-2</v>
      </c>
      <c r="AD634" s="4">
        <f t="shared" si="87"/>
        <v>0</v>
      </c>
      <c r="AE634" s="3">
        <f t="shared" si="93"/>
        <v>-0.22400000000000003</v>
      </c>
      <c r="AF634" s="4">
        <f t="shared" si="91"/>
        <v>0</v>
      </c>
      <c r="AG634" s="3">
        <f t="shared" si="88"/>
        <v>32.143999999999998</v>
      </c>
      <c r="AH634" s="4">
        <f t="shared" si="89"/>
        <v>0</v>
      </c>
      <c r="AI634" s="3">
        <f t="shared" si="94"/>
        <v>0</v>
      </c>
      <c r="AJ634" s="14"/>
      <c r="AK634" s="14"/>
    </row>
    <row r="635" spans="1:37">
      <c r="A635" s="1" t="s">
        <v>52</v>
      </c>
      <c r="B635" s="2">
        <v>0.82318287037037041</v>
      </c>
      <c r="C635" s="3">
        <v>194.23</v>
      </c>
      <c r="D635" s="3">
        <v>225.53</v>
      </c>
      <c r="E635" s="3">
        <v>326.7</v>
      </c>
      <c r="F635" s="3">
        <v>239.13</v>
      </c>
      <c r="G635" s="3">
        <v>274.47000000000003</v>
      </c>
      <c r="H635" s="3">
        <v>320.08</v>
      </c>
      <c r="I635" s="3">
        <v>83.59</v>
      </c>
      <c r="J635" s="3">
        <v>131.93</v>
      </c>
      <c r="K635" s="3">
        <v>162.25</v>
      </c>
      <c r="L635" s="3">
        <v>183.69</v>
      </c>
      <c r="M635" s="3">
        <v>466.59</v>
      </c>
      <c r="N635" s="3">
        <v>300.76</v>
      </c>
      <c r="O635" s="3">
        <v>578.36</v>
      </c>
      <c r="P635" s="3">
        <v>565.99</v>
      </c>
      <c r="Q635" s="3">
        <v>2285.9899999999998</v>
      </c>
      <c r="R635" s="3">
        <v>2285.9899999999998</v>
      </c>
      <c r="S635" s="3">
        <v>0.03</v>
      </c>
      <c r="T635" s="3">
        <v>-0.14000000000000001</v>
      </c>
      <c r="U635" s="3">
        <v>20.09</v>
      </c>
      <c r="V635" s="3">
        <v>0.01</v>
      </c>
      <c r="W635" s="3">
        <v>1.0900000000000001</v>
      </c>
      <c r="X635" s="3">
        <v>8.2899999999999991</v>
      </c>
      <c r="Y635" s="3">
        <v>7.0000000000000007E-2</v>
      </c>
      <c r="Z635" s="3">
        <v>-0.03</v>
      </c>
      <c r="AA635" s="4">
        <f t="shared" si="90"/>
        <v>0</v>
      </c>
      <c r="AB635" s="4">
        <f t="shared" si="95"/>
        <v>1.6</v>
      </c>
      <c r="AC635" s="3">
        <f t="shared" si="92"/>
        <v>4.8000000000000001E-2</v>
      </c>
      <c r="AD635" s="4">
        <f t="shared" si="87"/>
        <v>0</v>
      </c>
      <c r="AE635" s="3">
        <f t="shared" si="93"/>
        <v>-0.22400000000000003</v>
      </c>
      <c r="AF635" s="4">
        <f t="shared" si="91"/>
        <v>0</v>
      </c>
      <c r="AG635" s="3">
        <f t="shared" si="88"/>
        <v>32.143999999999998</v>
      </c>
      <c r="AH635" s="4">
        <f t="shared" si="89"/>
        <v>0</v>
      </c>
      <c r="AI635" s="3">
        <f t="shared" si="94"/>
        <v>0.01</v>
      </c>
      <c r="AJ635" s="14"/>
      <c r="AK635" s="14"/>
    </row>
    <row r="636" spans="1:37">
      <c r="A636" s="1" t="s">
        <v>52</v>
      </c>
      <c r="B636" s="2">
        <v>0.82387731481481474</v>
      </c>
      <c r="C636" s="3">
        <v>193.66</v>
      </c>
      <c r="D636" s="3">
        <v>224.88</v>
      </c>
      <c r="E636" s="3">
        <v>325.91000000000003</v>
      </c>
      <c r="F636" s="3">
        <v>238.44</v>
      </c>
      <c r="G636" s="3">
        <v>274.06</v>
      </c>
      <c r="H636" s="3">
        <v>319.26</v>
      </c>
      <c r="I636" s="3">
        <v>83.38</v>
      </c>
      <c r="J636" s="3">
        <v>131.6</v>
      </c>
      <c r="K636" s="3">
        <v>161.94</v>
      </c>
      <c r="L636" s="3">
        <v>183.22</v>
      </c>
      <c r="M636" s="3">
        <v>465.21</v>
      </c>
      <c r="N636" s="3">
        <v>300.12</v>
      </c>
      <c r="O636" s="3">
        <v>576.53</v>
      </c>
      <c r="P636" s="3">
        <v>564.37</v>
      </c>
      <c r="Q636" s="3">
        <v>2286</v>
      </c>
      <c r="R636" s="3">
        <v>2286</v>
      </c>
      <c r="S636" s="3">
        <v>0.03</v>
      </c>
      <c r="T636" s="3">
        <v>-0.14000000000000001</v>
      </c>
      <c r="U636" s="3">
        <v>20.09</v>
      </c>
      <c r="V636" s="3">
        <v>0.01</v>
      </c>
      <c r="W636" s="3">
        <v>1.1399999999999999</v>
      </c>
      <c r="X636" s="3">
        <v>8.2899999999999991</v>
      </c>
      <c r="Y636" s="3">
        <v>7.0000000000000007E-2</v>
      </c>
      <c r="Z636" s="3">
        <v>-0.04</v>
      </c>
      <c r="AA636" s="4">
        <f t="shared" si="90"/>
        <v>0</v>
      </c>
      <c r="AB636" s="4">
        <f t="shared" si="95"/>
        <v>1.6</v>
      </c>
      <c r="AC636" s="3">
        <f t="shared" si="92"/>
        <v>4.8000000000000001E-2</v>
      </c>
      <c r="AD636" s="4">
        <f t="shared" si="87"/>
        <v>0</v>
      </c>
      <c r="AE636" s="3">
        <f t="shared" si="93"/>
        <v>-0.22400000000000003</v>
      </c>
      <c r="AF636" s="4">
        <f t="shared" si="91"/>
        <v>0</v>
      </c>
      <c r="AG636" s="3">
        <f t="shared" si="88"/>
        <v>32.143999999999998</v>
      </c>
      <c r="AH636" s="4">
        <f t="shared" si="89"/>
        <v>0</v>
      </c>
      <c r="AI636" s="3">
        <f t="shared" si="94"/>
        <v>0.01</v>
      </c>
      <c r="AJ636" s="14"/>
      <c r="AK636" s="14"/>
    </row>
    <row r="637" spans="1:37">
      <c r="A637" s="1" t="s">
        <v>52</v>
      </c>
      <c r="B637" s="2">
        <v>0.8245717592592593</v>
      </c>
      <c r="C637" s="3">
        <v>193.09</v>
      </c>
      <c r="D637" s="3">
        <v>224.22</v>
      </c>
      <c r="E637" s="3">
        <v>325.12</v>
      </c>
      <c r="F637" s="3">
        <v>237.76</v>
      </c>
      <c r="G637" s="3">
        <v>273.57</v>
      </c>
      <c r="H637" s="3">
        <v>318.43</v>
      </c>
      <c r="I637" s="3">
        <v>83.16</v>
      </c>
      <c r="J637" s="3">
        <v>131.25</v>
      </c>
      <c r="K637" s="3">
        <v>161.6</v>
      </c>
      <c r="L637" s="3">
        <v>182.76</v>
      </c>
      <c r="M637" s="3">
        <v>463.82</v>
      </c>
      <c r="N637" s="3">
        <v>299.48</v>
      </c>
      <c r="O637" s="3">
        <v>574.74</v>
      </c>
      <c r="P637" s="3">
        <v>562.76</v>
      </c>
      <c r="Q637" s="3">
        <v>2285.9899999999998</v>
      </c>
      <c r="R637" s="3">
        <v>2285.9899999999998</v>
      </c>
      <c r="S637" s="3">
        <v>0.03</v>
      </c>
      <c r="T637" s="3">
        <v>-0.14000000000000001</v>
      </c>
      <c r="U637" s="3">
        <v>20.09</v>
      </c>
      <c r="V637" s="3">
        <v>0.03</v>
      </c>
      <c r="W637" s="3">
        <v>1.22</v>
      </c>
      <c r="X637" s="3">
        <v>8.2899999999999991</v>
      </c>
      <c r="Y637" s="3">
        <v>0.08</v>
      </c>
      <c r="Z637" s="3">
        <v>-0.02</v>
      </c>
      <c r="AF637" s="4"/>
    </row>
    <row r="638" spans="1:37">
      <c r="A638" s="1" t="s">
        <v>52</v>
      </c>
      <c r="B638" s="2">
        <v>0.82526620370370374</v>
      </c>
      <c r="C638" s="3">
        <v>192.54</v>
      </c>
      <c r="D638" s="3">
        <v>223.56</v>
      </c>
      <c r="E638" s="3">
        <v>324.33</v>
      </c>
      <c r="F638" s="3">
        <v>237.08</v>
      </c>
      <c r="G638" s="3">
        <v>273.17</v>
      </c>
      <c r="H638" s="3">
        <v>317.60000000000002</v>
      </c>
      <c r="I638" s="3">
        <v>82.92</v>
      </c>
      <c r="J638" s="3">
        <v>130.91</v>
      </c>
      <c r="K638" s="3">
        <v>161.24</v>
      </c>
      <c r="L638" s="3">
        <v>182.29</v>
      </c>
      <c r="M638" s="3">
        <v>462.42</v>
      </c>
      <c r="N638" s="3">
        <v>298.85000000000002</v>
      </c>
      <c r="O638" s="3">
        <v>573.02</v>
      </c>
      <c r="P638" s="3">
        <v>561.14</v>
      </c>
      <c r="Q638" s="3">
        <v>2285.9899999999998</v>
      </c>
      <c r="R638" s="3">
        <v>2285.9899999999998</v>
      </c>
      <c r="S638" s="3">
        <v>0.03</v>
      </c>
      <c r="T638" s="3">
        <v>-0.14000000000000001</v>
      </c>
      <c r="U638" s="3">
        <v>20.09</v>
      </c>
      <c r="V638" s="3">
        <v>0.04</v>
      </c>
      <c r="W638" s="3">
        <v>1.27</v>
      </c>
      <c r="X638" s="3">
        <v>8.2899999999999991</v>
      </c>
      <c r="Y638" s="3">
        <v>0.08</v>
      </c>
      <c r="Z638" s="3">
        <v>-0.03</v>
      </c>
      <c r="AF638" s="4"/>
    </row>
    <row r="639" spans="1:37">
      <c r="A639" s="1" t="s">
        <v>52</v>
      </c>
      <c r="B639" s="2">
        <v>0.82597222222222222</v>
      </c>
      <c r="C639" s="3">
        <v>191.93</v>
      </c>
      <c r="D639" s="3">
        <v>222.9</v>
      </c>
      <c r="E639" s="3">
        <v>323.54000000000002</v>
      </c>
      <c r="F639" s="3">
        <v>236.39</v>
      </c>
      <c r="G639" s="3">
        <v>272.8</v>
      </c>
      <c r="H639" s="3">
        <v>316.77999999999997</v>
      </c>
      <c r="I639" s="3">
        <v>82.73</v>
      </c>
      <c r="J639" s="3">
        <v>130.57</v>
      </c>
      <c r="K639" s="3">
        <v>160.88999999999999</v>
      </c>
      <c r="L639" s="3">
        <v>181.82</v>
      </c>
      <c r="M639" s="3">
        <v>461.02</v>
      </c>
      <c r="N639" s="3">
        <v>298.22000000000003</v>
      </c>
      <c r="O639" s="3">
        <v>571.20000000000005</v>
      </c>
      <c r="P639" s="3">
        <v>559.52</v>
      </c>
      <c r="Q639" s="3">
        <v>2285.98</v>
      </c>
      <c r="R639" s="3">
        <v>2285.98</v>
      </c>
      <c r="S639" s="3">
        <v>0.03</v>
      </c>
      <c r="T639" s="3">
        <v>-0.14000000000000001</v>
      </c>
      <c r="U639" s="3">
        <v>20.09</v>
      </c>
      <c r="V639" s="3">
        <v>0.05</v>
      </c>
      <c r="W639" s="3">
        <v>1.35</v>
      </c>
      <c r="X639" s="3">
        <v>8.2899999999999991</v>
      </c>
      <c r="Y639" s="3">
        <v>0.08</v>
      </c>
      <c r="Z639" s="3">
        <v>-0.03</v>
      </c>
      <c r="AF639" s="4"/>
    </row>
    <row r="640" spans="1:37">
      <c r="A640" s="1" t="s">
        <v>52</v>
      </c>
      <c r="B640" s="2">
        <v>0.82666666666666666</v>
      </c>
      <c r="C640" s="3">
        <v>191.33</v>
      </c>
      <c r="D640" s="3">
        <v>222.25</v>
      </c>
      <c r="E640" s="3">
        <v>322.75</v>
      </c>
      <c r="F640" s="3">
        <v>235.71</v>
      </c>
      <c r="G640" s="3">
        <v>272.45</v>
      </c>
      <c r="H640" s="3">
        <v>315.95999999999998</v>
      </c>
      <c r="I640" s="3">
        <v>82.52</v>
      </c>
      <c r="J640" s="3">
        <v>130.22999999999999</v>
      </c>
      <c r="K640" s="3">
        <v>160.57</v>
      </c>
      <c r="L640" s="3">
        <v>181.37</v>
      </c>
      <c r="M640" s="3">
        <v>459.62</v>
      </c>
      <c r="N640" s="3">
        <v>297.56</v>
      </c>
      <c r="O640" s="3">
        <v>569.5</v>
      </c>
      <c r="P640" s="3">
        <v>557.92999999999995</v>
      </c>
      <c r="Q640" s="3">
        <v>2285.98</v>
      </c>
      <c r="R640" s="3">
        <v>2285.98</v>
      </c>
      <c r="S640" s="3">
        <v>0.05</v>
      </c>
      <c r="T640" s="3">
        <v>-0.14000000000000001</v>
      </c>
      <c r="U640" s="3">
        <v>20.09</v>
      </c>
      <c r="V640" s="3">
        <v>0.04</v>
      </c>
      <c r="W640" s="3">
        <v>1.41</v>
      </c>
      <c r="X640" s="3">
        <v>8.2899999999999991</v>
      </c>
      <c r="Y640" s="3">
        <v>7.0000000000000007E-2</v>
      </c>
      <c r="Z640" s="3">
        <v>-0.01</v>
      </c>
      <c r="AF640" s="4"/>
    </row>
    <row r="641" spans="1:32">
      <c r="A641" s="1" t="s">
        <v>52</v>
      </c>
      <c r="B641" s="2">
        <v>0.8273611111111111</v>
      </c>
      <c r="C641" s="3">
        <v>190.76</v>
      </c>
      <c r="D641" s="3">
        <v>221.58</v>
      </c>
      <c r="E641" s="3">
        <v>321.95999999999998</v>
      </c>
      <c r="F641" s="3">
        <v>235.04</v>
      </c>
      <c r="G641" s="3">
        <v>272.13</v>
      </c>
      <c r="H641" s="3">
        <v>315.12</v>
      </c>
      <c r="I641" s="3">
        <v>82.29</v>
      </c>
      <c r="J641" s="3">
        <v>129.88999999999999</v>
      </c>
      <c r="K641" s="3">
        <v>160.19999999999999</v>
      </c>
      <c r="L641" s="3">
        <v>180.9</v>
      </c>
      <c r="M641" s="3">
        <v>458.24</v>
      </c>
      <c r="N641" s="3">
        <v>296.89999999999998</v>
      </c>
      <c r="O641" s="3">
        <v>567.77</v>
      </c>
      <c r="P641" s="3">
        <v>556.34</v>
      </c>
      <c r="Q641" s="3">
        <v>2285.9699999999998</v>
      </c>
      <c r="R641" s="3">
        <v>2285.9699999999998</v>
      </c>
      <c r="S641" s="3">
        <v>7.0000000000000007E-2</v>
      </c>
      <c r="T641" s="3">
        <v>-0.14000000000000001</v>
      </c>
      <c r="U641" s="3">
        <v>20.09</v>
      </c>
      <c r="V641" s="3">
        <v>0.05</v>
      </c>
      <c r="W641" s="3">
        <v>1.51</v>
      </c>
      <c r="X641" s="3">
        <v>8.2899999999999991</v>
      </c>
      <c r="Y641" s="3">
        <v>0.08</v>
      </c>
      <c r="Z641" s="3">
        <v>-0.03</v>
      </c>
      <c r="AF641" s="4"/>
    </row>
    <row r="642" spans="1:32">
      <c r="A642" s="1" t="s">
        <v>52</v>
      </c>
      <c r="B642" s="2">
        <v>0.82805555555555566</v>
      </c>
      <c r="C642" s="3">
        <v>190.24</v>
      </c>
      <c r="D642" s="3">
        <v>220.94</v>
      </c>
      <c r="E642" s="3">
        <v>321.18</v>
      </c>
      <c r="F642" s="3">
        <v>234.36</v>
      </c>
      <c r="G642" s="3">
        <v>271.79000000000002</v>
      </c>
      <c r="H642" s="3">
        <v>314.3</v>
      </c>
      <c r="I642" s="3">
        <v>82.09</v>
      </c>
      <c r="J642" s="3">
        <v>129.56</v>
      </c>
      <c r="K642" s="3">
        <v>159.85</v>
      </c>
      <c r="L642" s="3">
        <v>180.44</v>
      </c>
      <c r="M642" s="3">
        <v>456.88</v>
      </c>
      <c r="N642" s="3">
        <v>296.27</v>
      </c>
      <c r="O642" s="3">
        <v>566.08000000000004</v>
      </c>
      <c r="P642" s="3">
        <v>554.75</v>
      </c>
      <c r="Q642" s="3">
        <v>2285.9699999999998</v>
      </c>
      <c r="R642" s="3">
        <v>2285.9699999999998</v>
      </c>
      <c r="S642" s="3">
        <v>7.0000000000000007E-2</v>
      </c>
      <c r="T642" s="3">
        <v>-0.14000000000000001</v>
      </c>
      <c r="U642" s="3">
        <v>20.09</v>
      </c>
      <c r="V642" s="3">
        <v>0.05</v>
      </c>
      <c r="W642" s="3">
        <v>1.66</v>
      </c>
      <c r="X642" s="3">
        <v>8.3000000000000007</v>
      </c>
      <c r="Y642" s="3">
        <v>7.0000000000000007E-2</v>
      </c>
      <c r="Z642" s="3">
        <v>0.01</v>
      </c>
      <c r="AF642" s="4"/>
    </row>
    <row r="643" spans="1:32">
      <c r="A643" s="1" t="s">
        <v>52</v>
      </c>
      <c r="B643" s="2">
        <v>0.82874999999999999</v>
      </c>
      <c r="C643" s="3">
        <v>189.68</v>
      </c>
      <c r="D643" s="3">
        <v>220.28</v>
      </c>
      <c r="E643" s="3">
        <v>320.39999999999998</v>
      </c>
      <c r="F643" s="3">
        <v>233.7</v>
      </c>
      <c r="G643" s="3">
        <v>271.48</v>
      </c>
      <c r="H643" s="3">
        <v>313.48</v>
      </c>
      <c r="I643" s="3">
        <v>81.88</v>
      </c>
      <c r="J643" s="3">
        <v>129.22</v>
      </c>
      <c r="K643" s="3">
        <v>159.51</v>
      </c>
      <c r="L643" s="3">
        <v>179.98</v>
      </c>
      <c r="M643" s="3">
        <v>455.52</v>
      </c>
      <c r="N643" s="3">
        <v>295.64</v>
      </c>
      <c r="O643" s="3">
        <v>564.38</v>
      </c>
      <c r="P643" s="3">
        <v>553.19000000000005</v>
      </c>
      <c r="Q643" s="3">
        <v>2285.9699999999998</v>
      </c>
      <c r="R643" s="3">
        <v>2285.9699999999998</v>
      </c>
      <c r="S643" s="3">
        <v>7.0000000000000007E-2</v>
      </c>
      <c r="T643" s="3">
        <v>-0.14000000000000001</v>
      </c>
      <c r="U643" s="3">
        <v>20.09</v>
      </c>
      <c r="V643" s="3">
        <v>0.05</v>
      </c>
      <c r="W643" s="3">
        <v>1.7</v>
      </c>
      <c r="X643" s="3">
        <v>8.2899999999999991</v>
      </c>
      <c r="Y643" s="3">
        <v>7.0000000000000007E-2</v>
      </c>
      <c r="Z643" s="3">
        <v>0.02</v>
      </c>
      <c r="AF643" s="4"/>
    </row>
    <row r="644" spans="1:32">
      <c r="A644" s="1" t="s">
        <v>52</v>
      </c>
      <c r="B644" s="2">
        <v>0.82944444444444443</v>
      </c>
      <c r="C644" s="3">
        <v>189.12</v>
      </c>
      <c r="D644" s="3">
        <v>219.65</v>
      </c>
      <c r="E644" s="3">
        <v>319.62</v>
      </c>
      <c r="F644" s="3">
        <v>233.04</v>
      </c>
      <c r="G644" s="3">
        <v>271.14</v>
      </c>
      <c r="H644" s="3">
        <v>312.67</v>
      </c>
      <c r="I644" s="3">
        <v>81.739999999999995</v>
      </c>
      <c r="J644" s="3">
        <v>128.88999999999999</v>
      </c>
      <c r="K644" s="3">
        <v>159.15</v>
      </c>
      <c r="L644" s="3">
        <v>179.53</v>
      </c>
      <c r="M644" s="3">
        <v>454.16</v>
      </c>
      <c r="N644" s="3">
        <v>295.02</v>
      </c>
      <c r="O644" s="3">
        <v>562.70000000000005</v>
      </c>
      <c r="P644" s="3">
        <v>551.63</v>
      </c>
      <c r="Q644" s="3">
        <v>2285.9899999999998</v>
      </c>
      <c r="R644" s="3">
        <v>2285.9899999999998</v>
      </c>
      <c r="S644" s="3">
        <v>7.0000000000000007E-2</v>
      </c>
      <c r="T644" s="3">
        <v>-0.14000000000000001</v>
      </c>
      <c r="U644" s="3">
        <v>20.09</v>
      </c>
      <c r="V644" s="3">
        <v>0.04</v>
      </c>
      <c r="W644" s="3">
        <v>1.77</v>
      </c>
      <c r="X644" s="3">
        <v>8.2899999999999991</v>
      </c>
      <c r="Y644" s="3">
        <v>7.0000000000000007E-2</v>
      </c>
      <c r="Z644" s="3">
        <v>0.01</v>
      </c>
      <c r="AF644" s="4"/>
    </row>
    <row r="645" spans="1:32">
      <c r="A645" s="1" t="s">
        <v>52</v>
      </c>
      <c r="B645" s="2">
        <v>0.83013888888888887</v>
      </c>
      <c r="C645" s="3">
        <v>188.63</v>
      </c>
      <c r="D645" s="3">
        <v>219</v>
      </c>
      <c r="E645" s="3">
        <v>318.83</v>
      </c>
      <c r="F645" s="3">
        <v>232.38</v>
      </c>
      <c r="G645" s="3">
        <v>270.8</v>
      </c>
      <c r="H645" s="3">
        <v>311.83999999999997</v>
      </c>
      <c r="I645" s="3">
        <v>81.540000000000006</v>
      </c>
      <c r="J645" s="3">
        <v>128.55000000000001</v>
      </c>
      <c r="K645" s="3">
        <v>158.83000000000001</v>
      </c>
      <c r="L645" s="3">
        <v>179.08</v>
      </c>
      <c r="M645" s="3">
        <v>452.8</v>
      </c>
      <c r="N645" s="3">
        <v>294.37</v>
      </c>
      <c r="O645" s="3">
        <v>560.95000000000005</v>
      </c>
      <c r="P645" s="3">
        <v>550.05999999999995</v>
      </c>
      <c r="Q645" s="3">
        <v>2285.98</v>
      </c>
      <c r="R645" s="3">
        <v>2285.98</v>
      </c>
      <c r="S645" s="3">
        <v>7.0000000000000007E-2</v>
      </c>
      <c r="T645" s="3">
        <v>-0.14000000000000001</v>
      </c>
      <c r="U645" s="3">
        <v>20.09</v>
      </c>
      <c r="V645" s="3">
        <v>0.04</v>
      </c>
      <c r="W645" s="3">
        <v>1.9</v>
      </c>
      <c r="X645" s="3">
        <v>8.2899999999999991</v>
      </c>
      <c r="Y645" s="3">
        <v>7.0000000000000007E-2</v>
      </c>
      <c r="Z645" s="3">
        <v>0.01</v>
      </c>
      <c r="AF645" s="4"/>
    </row>
    <row r="646" spans="1:32">
      <c r="A646" s="1" t="s">
        <v>52</v>
      </c>
      <c r="B646" s="2">
        <v>0.83084490740740735</v>
      </c>
      <c r="C646" s="3">
        <v>188.09</v>
      </c>
      <c r="D646" s="3">
        <v>218.35</v>
      </c>
      <c r="E646" s="3">
        <v>318.06</v>
      </c>
      <c r="F646" s="3">
        <v>231.72</v>
      </c>
      <c r="G646" s="3">
        <v>270.39999999999998</v>
      </c>
      <c r="H646" s="3">
        <v>311.02999999999997</v>
      </c>
      <c r="I646" s="3">
        <v>81.349999999999994</v>
      </c>
      <c r="J646" s="3">
        <v>128.22</v>
      </c>
      <c r="K646" s="3">
        <v>158.49</v>
      </c>
      <c r="L646" s="3">
        <v>178.63</v>
      </c>
      <c r="M646" s="3">
        <v>451.44</v>
      </c>
      <c r="N646" s="3">
        <v>293.75</v>
      </c>
      <c r="O646" s="3">
        <v>559.23</v>
      </c>
      <c r="P646" s="3">
        <v>548.51</v>
      </c>
      <c r="Q646" s="3">
        <v>2285.98</v>
      </c>
      <c r="R646" s="3">
        <v>2285.98</v>
      </c>
      <c r="S646" s="3">
        <v>7.0000000000000007E-2</v>
      </c>
      <c r="T646" s="3">
        <v>-0.14000000000000001</v>
      </c>
      <c r="U646" s="3">
        <v>20.09</v>
      </c>
      <c r="V646" s="3">
        <v>0.03</v>
      </c>
      <c r="W646" s="3">
        <v>1.94</v>
      </c>
      <c r="X646" s="3">
        <v>8.3000000000000007</v>
      </c>
      <c r="Y646" s="3">
        <v>7.0000000000000007E-2</v>
      </c>
      <c r="Z646" s="3">
        <v>0.02</v>
      </c>
      <c r="AF646" s="4"/>
    </row>
    <row r="647" spans="1:32">
      <c r="A647" s="1" t="s">
        <v>52</v>
      </c>
      <c r="B647" s="2">
        <v>0.8315393518518519</v>
      </c>
      <c r="C647" s="3">
        <v>187.54</v>
      </c>
      <c r="D647" s="3">
        <v>217.71</v>
      </c>
      <c r="E647" s="3">
        <v>317.27999999999997</v>
      </c>
      <c r="F647" s="3">
        <v>231.07</v>
      </c>
      <c r="G647" s="3">
        <v>269.99</v>
      </c>
      <c r="H647" s="3">
        <v>310.20999999999998</v>
      </c>
      <c r="I647" s="3">
        <v>81.16</v>
      </c>
      <c r="J647" s="3">
        <v>127.89</v>
      </c>
      <c r="K647" s="3">
        <v>158.15</v>
      </c>
      <c r="L647" s="3">
        <v>178.18</v>
      </c>
      <c r="M647" s="3">
        <v>450.1</v>
      </c>
      <c r="N647" s="3">
        <v>293.10000000000002</v>
      </c>
      <c r="O647" s="3">
        <v>557.47</v>
      </c>
      <c r="P647" s="3">
        <v>546.96</v>
      </c>
      <c r="Q647" s="3">
        <v>2285.98</v>
      </c>
      <c r="R647" s="3">
        <v>2285.98</v>
      </c>
      <c r="S647" s="3">
        <v>7.0000000000000007E-2</v>
      </c>
      <c r="T647" s="3">
        <v>-0.14000000000000001</v>
      </c>
      <c r="U647" s="3">
        <v>20.09</v>
      </c>
      <c r="V647" s="3">
        <v>0.02</v>
      </c>
      <c r="W647" s="3">
        <v>2.09</v>
      </c>
      <c r="X647" s="3">
        <v>8.3000000000000007</v>
      </c>
      <c r="Y647" s="3">
        <v>7.0000000000000007E-2</v>
      </c>
      <c r="Z647" s="3">
        <v>0.01</v>
      </c>
      <c r="AF647" s="4"/>
    </row>
    <row r="648" spans="1:32">
      <c r="A648" s="1" t="s">
        <v>52</v>
      </c>
      <c r="B648" s="2">
        <v>0.83223379629629635</v>
      </c>
      <c r="C648" s="3">
        <v>187</v>
      </c>
      <c r="D648" s="3">
        <v>217.06</v>
      </c>
      <c r="E648" s="3">
        <v>316.51</v>
      </c>
      <c r="F648" s="3">
        <v>230.41</v>
      </c>
      <c r="G648" s="3">
        <v>269.56</v>
      </c>
      <c r="H648" s="3">
        <v>309.39</v>
      </c>
      <c r="I648" s="3">
        <v>80.98</v>
      </c>
      <c r="J648" s="3">
        <v>127.56</v>
      </c>
      <c r="K648" s="3">
        <v>157.83000000000001</v>
      </c>
      <c r="L648" s="3">
        <v>177.73</v>
      </c>
      <c r="M648" s="3">
        <v>448.77</v>
      </c>
      <c r="N648" s="3">
        <v>292.45999999999998</v>
      </c>
      <c r="O648" s="3">
        <v>555.74</v>
      </c>
      <c r="P648" s="3">
        <v>545.4</v>
      </c>
      <c r="Q648" s="3">
        <v>2285.9699999999998</v>
      </c>
      <c r="R648" s="3">
        <v>2285.9699999999998</v>
      </c>
      <c r="S648" s="3">
        <v>7.0000000000000007E-2</v>
      </c>
      <c r="T648" s="3">
        <v>-0.14000000000000001</v>
      </c>
      <c r="U648" s="3">
        <v>20.100000000000001</v>
      </c>
      <c r="V648" s="3">
        <v>0.05</v>
      </c>
      <c r="W648" s="3">
        <v>2.11</v>
      </c>
      <c r="X648" s="3">
        <v>8.2899999999999991</v>
      </c>
      <c r="Y648" s="3">
        <v>7.0000000000000007E-2</v>
      </c>
      <c r="Z648" s="3">
        <v>-0.05</v>
      </c>
      <c r="AF648" s="4"/>
    </row>
    <row r="649" spans="1:32">
      <c r="A649" s="1" t="s">
        <v>52</v>
      </c>
      <c r="B649" s="2">
        <v>0.83292824074074068</v>
      </c>
      <c r="C649" s="3">
        <v>186.44</v>
      </c>
      <c r="D649" s="3">
        <v>216.43</v>
      </c>
      <c r="E649" s="3">
        <v>315.75</v>
      </c>
      <c r="F649" s="3">
        <v>229.77</v>
      </c>
      <c r="G649" s="3">
        <v>269.10000000000002</v>
      </c>
      <c r="H649" s="3">
        <v>308.57</v>
      </c>
      <c r="I649" s="3">
        <v>80.75</v>
      </c>
      <c r="J649" s="3">
        <v>127.22</v>
      </c>
      <c r="K649" s="3">
        <v>157.47999999999999</v>
      </c>
      <c r="L649" s="3">
        <v>177.28</v>
      </c>
      <c r="M649" s="3">
        <v>447.43</v>
      </c>
      <c r="N649" s="3">
        <v>291.83999999999997</v>
      </c>
      <c r="O649" s="3">
        <v>554.1</v>
      </c>
      <c r="P649" s="3">
        <v>543.86</v>
      </c>
      <c r="Q649" s="3">
        <v>2285.96</v>
      </c>
      <c r="R649" s="3">
        <v>2285.96</v>
      </c>
      <c r="S649" s="3">
        <v>7.0000000000000007E-2</v>
      </c>
      <c r="T649" s="3">
        <v>-0.14000000000000001</v>
      </c>
      <c r="U649" s="3">
        <v>20.100000000000001</v>
      </c>
      <c r="V649" s="3">
        <v>0.05</v>
      </c>
      <c r="W649" s="3">
        <v>2.19</v>
      </c>
      <c r="X649" s="3">
        <v>8.2899999999999991</v>
      </c>
      <c r="Y649" s="3">
        <v>0.08</v>
      </c>
      <c r="Z649" s="3">
        <v>-0.01</v>
      </c>
      <c r="AF649" s="4"/>
    </row>
    <row r="650" spans="1:32">
      <c r="A650" s="1" t="s">
        <v>52</v>
      </c>
      <c r="B650" s="2">
        <v>0.83362268518518512</v>
      </c>
      <c r="C650" s="3">
        <v>185.87</v>
      </c>
      <c r="D650" s="3">
        <v>215.8</v>
      </c>
      <c r="E650" s="3">
        <v>314.95999999999998</v>
      </c>
      <c r="F650" s="3">
        <v>229.12</v>
      </c>
      <c r="G650" s="3">
        <v>268.62</v>
      </c>
      <c r="H650" s="3">
        <v>307.76</v>
      </c>
      <c r="I650" s="3">
        <v>80.56</v>
      </c>
      <c r="J650" s="3">
        <v>126.89</v>
      </c>
      <c r="K650" s="3">
        <v>157.12</v>
      </c>
      <c r="L650" s="3">
        <v>176.83</v>
      </c>
      <c r="M650" s="3">
        <v>446.11</v>
      </c>
      <c r="N650" s="3">
        <v>291.22000000000003</v>
      </c>
      <c r="O650" s="3">
        <v>552.41999999999996</v>
      </c>
      <c r="P650" s="3">
        <v>542.33000000000004</v>
      </c>
      <c r="Q650" s="3">
        <v>2285.96</v>
      </c>
      <c r="R650" s="3">
        <v>2285.96</v>
      </c>
      <c r="S650" s="3">
        <v>7.0000000000000007E-2</v>
      </c>
      <c r="T650" s="3">
        <v>-0.14000000000000001</v>
      </c>
      <c r="U650" s="3">
        <v>20.100000000000001</v>
      </c>
      <c r="V650" s="3">
        <v>0.04</v>
      </c>
      <c r="W650" s="3">
        <v>2.2799999999999998</v>
      </c>
      <c r="X650" s="3">
        <v>8.2899999999999991</v>
      </c>
      <c r="Y650" s="3">
        <v>0.08</v>
      </c>
      <c r="Z650" s="3">
        <v>0.04</v>
      </c>
      <c r="AF650" s="4"/>
    </row>
    <row r="651" spans="1:32">
      <c r="B651" s="2"/>
      <c r="AF651" s="4"/>
    </row>
    <row r="652" spans="1:32">
      <c r="B652" s="2"/>
      <c r="AF652" s="4"/>
    </row>
    <row r="653" spans="1:32">
      <c r="B653" s="2"/>
      <c r="AF653" s="4"/>
    </row>
    <row r="654" spans="1:32">
      <c r="B654" s="2"/>
      <c r="AF654" s="4"/>
    </row>
    <row r="655" spans="1:32">
      <c r="B655" s="2"/>
      <c r="AF655" s="4"/>
    </row>
    <row r="656" spans="1:32">
      <c r="B656" s="2"/>
      <c r="AF656" s="4"/>
    </row>
    <row r="657" spans="2:32">
      <c r="B657" s="2"/>
      <c r="AF657" s="4"/>
    </row>
    <row r="658" spans="2:32">
      <c r="B658" s="2"/>
      <c r="AF658" s="4"/>
    </row>
    <row r="659" spans="2:32">
      <c r="B659" s="2"/>
      <c r="AF659" s="4"/>
    </row>
    <row r="660" spans="2:32">
      <c r="B660" s="2"/>
      <c r="AF660" s="4"/>
    </row>
    <row r="661" spans="2:32">
      <c r="B661" s="2"/>
      <c r="AF661" s="4"/>
    </row>
    <row r="662" spans="2:32">
      <c r="B662" s="2"/>
      <c r="AF662" s="4"/>
    </row>
    <row r="663" spans="2:32">
      <c r="B663" s="2"/>
      <c r="AF663" s="4"/>
    </row>
    <row r="664" spans="2:32">
      <c r="B664" s="2"/>
      <c r="AF664" s="4"/>
    </row>
    <row r="665" spans="2:32">
      <c r="B665" s="2"/>
      <c r="AF665" s="4"/>
    </row>
    <row r="666" spans="2:32">
      <c r="B666" s="2"/>
      <c r="AF666" s="4"/>
    </row>
    <row r="667" spans="2:32">
      <c r="B667" s="2"/>
      <c r="AF667" s="4"/>
    </row>
    <row r="668" spans="2:32">
      <c r="B668" s="2"/>
      <c r="AF668" s="4"/>
    </row>
    <row r="669" spans="2:32">
      <c r="B669" s="2"/>
      <c r="AF669" s="4"/>
    </row>
    <row r="670" spans="2:32">
      <c r="B670" s="2"/>
      <c r="AF670" s="4"/>
    </row>
    <row r="671" spans="2:32">
      <c r="B671" s="2"/>
      <c r="AF671" s="4"/>
    </row>
    <row r="672" spans="2:32">
      <c r="B672" s="2"/>
      <c r="AF672" s="4"/>
    </row>
    <row r="673" spans="2:32">
      <c r="B673" s="2"/>
      <c r="AF673" s="4"/>
    </row>
    <row r="674" spans="2:32">
      <c r="B674" s="2"/>
      <c r="AF674" s="4"/>
    </row>
    <row r="675" spans="2:32">
      <c r="B675" s="2"/>
      <c r="AF675" s="4"/>
    </row>
    <row r="676" spans="2:32">
      <c r="B676" s="2"/>
      <c r="AF676" s="4"/>
    </row>
    <row r="677" spans="2:32">
      <c r="B677" s="2"/>
      <c r="AF677" s="4"/>
    </row>
    <row r="678" spans="2:32">
      <c r="B678" s="2"/>
      <c r="AF678" s="4"/>
    </row>
    <row r="679" spans="2:32">
      <c r="B679" s="2"/>
      <c r="AF679" s="4"/>
    </row>
    <row r="680" spans="2:32">
      <c r="B680" s="2"/>
      <c r="AF680" s="4"/>
    </row>
    <row r="681" spans="2:32">
      <c r="B681" s="2"/>
      <c r="AF681" s="4"/>
    </row>
    <row r="682" spans="2:32">
      <c r="B682" s="2"/>
      <c r="AF682" s="4"/>
    </row>
    <row r="683" spans="2:32">
      <c r="B683" s="2"/>
      <c r="AF683" s="4"/>
    </row>
    <row r="684" spans="2:32">
      <c r="B684" s="2"/>
      <c r="AF684" s="4"/>
    </row>
    <row r="685" spans="2:32">
      <c r="B685" s="2"/>
      <c r="AF685" s="4"/>
    </row>
    <row r="686" spans="2:32">
      <c r="B686" s="2"/>
      <c r="AF686" s="4"/>
    </row>
    <row r="687" spans="2:32">
      <c r="B687" s="2"/>
      <c r="AF687" s="4"/>
    </row>
    <row r="688" spans="2:32">
      <c r="B688" s="2"/>
      <c r="AF688" s="4"/>
    </row>
    <row r="689" spans="2:32">
      <c r="B689" s="2"/>
      <c r="AF689" s="4"/>
    </row>
    <row r="690" spans="2:32">
      <c r="B690" s="2"/>
      <c r="AF690" s="4"/>
    </row>
    <row r="691" spans="2:32">
      <c r="B691" s="2"/>
      <c r="AF691" s="4"/>
    </row>
    <row r="692" spans="2:32">
      <c r="B692" s="2"/>
      <c r="AF692" s="4"/>
    </row>
    <row r="693" spans="2:32">
      <c r="B693" s="2"/>
      <c r="AF693" s="4"/>
    </row>
    <row r="694" spans="2:32">
      <c r="B694" s="2"/>
      <c r="AF694" s="4"/>
    </row>
    <row r="695" spans="2:32">
      <c r="B695" s="2"/>
      <c r="AF695" s="4"/>
    </row>
    <row r="696" spans="2:32">
      <c r="B696" s="2"/>
      <c r="AF696" s="4"/>
    </row>
    <row r="697" spans="2:32">
      <c r="B697" s="2"/>
      <c r="AF697" s="4"/>
    </row>
    <row r="698" spans="2:32">
      <c r="B698" s="2"/>
      <c r="AF698" s="4"/>
    </row>
    <row r="699" spans="2:32">
      <c r="B699" s="2"/>
      <c r="AF699" s="4"/>
    </row>
    <row r="700" spans="2:32">
      <c r="B700" s="2"/>
      <c r="AF700" s="4"/>
    </row>
    <row r="701" spans="2:32">
      <c r="B701" s="2"/>
      <c r="AF701" s="4"/>
    </row>
    <row r="702" spans="2:32">
      <c r="B702" s="2"/>
      <c r="AF702" s="4"/>
    </row>
    <row r="703" spans="2:32">
      <c r="B703" s="2"/>
      <c r="AF703" s="4"/>
    </row>
    <row r="704" spans="2:32">
      <c r="B704" s="2"/>
      <c r="AF704" s="4"/>
    </row>
    <row r="705" spans="2:32">
      <c r="B705" s="2"/>
      <c r="AF705" s="4"/>
    </row>
    <row r="706" spans="2:32">
      <c r="B706" s="2"/>
      <c r="AF706" s="4"/>
    </row>
    <row r="707" spans="2:32">
      <c r="B707" s="2"/>
      <c r="AF707" s="4"/>
    </row>
    <row r="708" spans="2:32">
      <c r="B708" s="2"/>
      <c r="AF708" s="4"/>
    </row>
    <row r="709" spans="2:32">
      <c r="B709" s="2"/>
      <c r="AF709" s="4"/>
    </row>
    <row r="710" spans="2:32">
      <c r="B710" s="2"/>
      <c r="AF710" s="4"/>
    </row>
    <row r="711" spans="2:32">
      <c r="B711" s="2"/>
      <c r="AF711" s="4"/>
    </row>
    <row r="712" spans="2:32">
      <c r="B712" s="2"/>
      <c r="AF712" s="4"/>
    </row>
    <row r="713" spans="2:32">
      <c r="B713" s="2"/>
      <c r="AF713" s="4"/>
    </row>
    <row r="714" spans="2:32">
      <c r="B714" s="2"/>
      <c r="AF714" s="4"/>
    </row>
    <row r="715" spans="2:32">
      <c r="B715" s="2"/>
      <c r="AF715" s="4"/>
    </row>
    <row r="716" spans="2:32">
      <c r="B716" s="2"/>
      <c r="AF716" s="4"/>
    </row>
    <row r="717" spans="2:32">
      <c r="B717" s="2"/>
      <c r="AF717" s="4"/>
    </row>
    <row r="718" spans="2:32">
      <c r="B718" s="2"/>
      <c r="AF718" s="4"/>
    </row>
    <row r="719" spans="2:32">
      <c r="B719" s="2"/>
      <c r="AF719" s="4"/>
    </row>
    <row r="720" spans="2:32">
      <c r="B720" s="2"/>
      <c r="AF720" s="4"/>
    </row>
    <row r="721" spans="2:32">
      <c r="B721" s="2"/>
      <c r="AF721" s="4"/>
    </row>
    <row r="722" spans="2:32">
      <c r="B722" s="2"/>
      <c r="AF722" s="4"/>
    </row>
    <row r="723" spans="2:32">
      <c r="B723" s="2"/>
      <c r="AF723" s="4"/>
    </row>
    <row r="724" spans="2:32">
      <c r="B724" s="2"/>
      <c r="AF724" s="4"/>
    </row>
    <row r="725" spans="2:32">
      <c r="B725" s="2"/>
      <c r="AF725" s="4"/>
    </row>
    <row r="726" spans="2:32">
      <c r="B726" s="2"/>
      <c r="AF726" s="4"/>
    </row>
    <row r="727" spans="2:32">
      <c r="B727" s="2"/>
      <c r="AF727" s="4"/>
    </row>
    <row r="728" spans="2:32">
      <c r="B728" s="2"/>
      <c r="AF728" s="4"/>
    </row>
    <row r="729" spans="2:32">
      <c r="B729" s="2"/>
      <c r="AF729" s="4"/>
    </row>
    <row r="730" spans="2:32">
      <c r="B730" s="2"/>
      <c r="AF730" s="4"/>
    </row>
    <row r="731" spans="2:32">
      <c r="B731" s="2"/>
      <c r="AF731" s="4"/>
    </row>
    <row r="732" spans="2:32">
      <c r="B732" s="2"/>
      <c r="AF732" s="4"/>
    </row>
    <row r="733" spans="2:32">
      <c r="B733" s="2"/>
      <c r="AF733" s="4"/>
    </row>
    <row r="734" spans="2:32">
      <c r="B734" s="2"/>
      <c r="AF734" s="4"/>
    </row>
    <row r="735" spans="2:32">
      <c r="B735" s="2"/>
      <c r="AF735" s="4"/>
    </row>
    <row r="736" spans="2:32">
      <c r="B736" s="2"/>
      <c r="AF736" s="4"/>
    </row>
    <row r="737" spans="2:32">
      <c r="B737" s="2"/>
      <c r="AF737" s="4"/>
    </row>
    <row r="738" spans="2:32">
      <c r="B738" s="2"/>
      <c r="AF738" s="4"/>
    </row>
    <row r="739" spans="2:32">
      <c r="B739" s="2"/>
      <c r="AF739" s="4"/>
    </row>
    <row r="740" spans="2:32">
      <c r="B740" s="2"/>
      <c r="AF740" s="4"/>
    </row>
    <row r="741" spans="2:32">
      <c r="B741" s="2"/>
      <c r="AF741" s="4"/>
    </row>
    <row r="742" spans="2:32">
      <c r="B742" s="2"/>
      <c r="AF742" s="4"/>
    </row>
    <row r="743" spans="2:32">
      <c r="B743" s="2"/>
      <c r="AF743" s="4"/>
    </row>
    <row r="744" spans="2:32">
      <c r="B744" s="2"/>
      <c r="AF744" s="4"/>
    </row>
    <row r="745" spans="2:32">
      <c r="B745" s="2"/>
      <c r="AF745" s="4"/>
    </row>
    <row r="746" spans="2:32">
      <c r="B746" s="2"/>
      <c r="AF746" s="4"/>
    </row>
    <row r="747" spans="2:32">
      <c r="B747" s="2"/>
      <c r="AF747" s="4"/>
    </row>
    <row r="748" spans="2:32">
      <c r="B748" s="2"/>
      <c r="AF748" s="4"/>
    </row>
    <row r="749" spans="2:32">
      <c r="B749" s="2"/>
      <c r="AF749" s="4"/>
    </row>
    <row r="750" spans="2:32">
      <c r="B750" s="2"/>
      <c r="AF750" s="4"/>
    </row>
    <row r="751" spans="2:32">
      <c r="B751" s="2"/>
      <c r="AF751" s="4"/>
    </row>
    <row r="752" spans="2:32">
      <c r="B752" s="2"/>
      <c r="AF752" s="4"/>
    </row>
    <row r="753" spans="2:32">
      <c r="B753" s="2"/>
      <c r="AF753" s="4"/>
    </row>
    <row r="754" spans="2:32">
      <c r="B754" s="2"/>
      <c r="AF754" s="4"/>
    </row>
    <row r="755" spans="2:32">
      <c r="B755" s="2"/>
      <c r="AF755" s="4"/>
    </row>
    <row r="756" spans="2:32">
      <c r="B756" s="2"/>
      <c r="AF756" s="4"/>
    </row>
    <row r="757" spans="2:32">
      <c r="B757" s="2"/>
      <c r="AF757" s="4"/>
    </row>
    <row r="758" spans="2:32">
      <c r="B758" s="2"/>
      <c r="AF758" s="4"/>
    </row>
    <row r="759" spans="2:32">
      <c r="B759" s="2"/>
      <c r="AF759" s="4"/>
    </row>
    <row r="760" spans="2:32">
      <c r="B760" s="2"/>
      <c r="AF760" s="4"/>
    </row>
    <row r="761" spans="2:32">
      <c r="B761" s="2"/>
      <c r="AF761" s="4"/>
    </row>
    <row r="762" spans="2:32">
      <c r="B762" s="2"/>
      <c r="AF762" s="4"/>
    </row>
    <row r="763" spans="2:32">
      <c r="B763" s="2"/>
      <c r="AF763" s="4"/>
    </row>
    <row r="764" spans="2:32">
      <c r="B764" s="2"/>
      <c r="AF764" s="4"/>
    </row>
    <row r="765" spans="2:32">
      <c r="B765" s="2"/>
      <c r="AF765" s="4"/>
    </row>
    <row r="766" spans="2:32">
      <c r="B766" s="2"/>
      <c r="AF766" s="4"/>
    </row>
    <row r="767" spans="2:32">
      <c r="B767" s="2"/>
      <c r="AF767" s="4"/>
    </row>
    <row r="768" spans="2:32">
      <c r="B768" s="2"/>
      <c r="AF768" s="4"/>
    </row>
    <row r="769" spans="2:32">
      <c r="B769" s="2"/>
      <c r="AF769" s="4"/>
    </row>
    <row r="770" spans="2:32">
      <c r="B770" s="2"/>
      <c r="AF770" s="4"/>
    </row>
    <row r="771" spans="2:32">
      <c r="B771" s="2"/>
      <c r="AF771" s="4"/>
    </row>
    <row r="772" spans="2:32">
      <c r="B772" s="2"/>
      <c r="AF772" s="4"/>
    </row>
    <row r="773" spans="2:32">
      <c r="B773" s="2"/>
      <c r="AF773" s="4"/>
    </row>
    <row r="774" spans="2:32">
      <c r="B774" s="2"/>
      <c r="AF774" s="4"/>
    </row>
    <row r="775" spans="2:32">
      <c r="B775" s="2"/>
      <c r="AF775" s="4"/>
    </row>
    <row r="776" spans="2:32">
      <c r="B776" s="2"/>
      <c r="AF776" s="4"/>
    </row>
    <row r="777" spans="2:32">
      <c r="B777" s="2"/>
      <c r="AF777" s="4"/>
    </row>
    <row r="778" spans="2:32">
      <c r="B778" s="2"/>
      <c r="AF778" s="4"/>
    </row>
    <row r="779" spans="2:32">
      <c r="B779" s="2"/>
      <c r="AF779" s="4"/>
    </row>
    <row r="780" spans="2:32">
      <c r="B780" s="2"/>
      <c r="AF780" s="4"/>
    </row>
    <row r="781" spans="2:32">
      <c r="B781" s="2"/>
      <c r="AF781" s="4"/>
    </row>
    <row r="782" spans="2:32">
      <c r="B782" s="2"/>
      <c r="AF782" s="4"/>
    </row>
    <row r="783" spans="2:32">
      <c r="B783" s="2"/>
      <c r="AF783" s="4"/>
    </row>
    <row r="784" spans="2:32">
      <c r="B784" s="2"/>
      <c r="AF784" s="4"/>
    </row>
    <row r="785" spans="2:32">
      <c r="B785" s="2"/>
      <c r="AF785" s="4"/>
    </row>
    <row r="786" spans="2:32">
      <c r="B786" s="2"/>
      <c r="AF786" s="4"/>
    </row>
    <row r="787" spans="2:32">
      <c r="B787" s="2"/>
      <c r="AF787" s="4"/>
    </row>
    <row r="788" spans="2:32">
      <c r="B788" s="2"/>
      <c r="AF788" s="4"/>
    </row>
    <row r="789" spans="2:32">
      <c r="B789" s="2"/>
      <c r="AF789" s="4"/>
    </row>
    <row r="790" spans="2:32">
      <c r="B790" s="2"/>
      <c r="AF790" s="4"/>
    </row>
    <row r="791" spans="2:32">
      <c r="B791" s="2"/>
      <c r="AF791" s="4"/>
    </row>
    <row r="792" spans="2:32">
      <c r="B792" s="2"/>
      <c r="AF792" s="4"/>
    </row>
    <row r="793" spans="2:32">
      <c r="B793" s="2"/>
      <c r="AF793" s="4"/>
    </row>
    <row r="794" spans="2:32">
      <c r="B794" s="2"/>
      <c r="AF794" s="4"/>
    </row>
    <row r="795" spans="2:32">
      <c r="B795" s="2"/>
      <c r="AF795" s="4"/>
    </row>
    <row r="796" spans="2:32">
      <c r="B796" s="2"/>
      <c r="AF796" s="4"/>
    </row>
    <row r="797" spans="2:32">
      <c r="B797" s="2"/>
      <c r="AF797" s="4"/>
    </row>
    <row r="798" spans="2:32">
      <c r="B798" s="2"/>
      <c r="AF798" s="4"/>
    </row>
    <row r="799" spans="2:32">
      <c r="B799" s="2"/>
      <c r="AF799" s="4"/>
    </row>
    <row r="800" spans="2:32">
      <c r="B800" s="2"/>
      <c r="AF800" s="4"/>
    </row>
    <row r="801" spans="2:32">
      <c r="B801" s="2"/>
      <c r="AF801" s="4"/>
    </row>
    <row r="802" spans="2:32">
      <c r="B802" s="2"/>
      <c r="AF802" s="4"/>
    </row>
    <row r="803" spans="2:32">
      <c r="B803" s="2"/>
      <c r="AF803" s="4"/>
    </row>
    <row r="804" spans="2:32">
      <c r="B804" s="2"/>
      <c r="AF804" s="4"/>
    </row>
    <row r="805" spans="2:32">
      <c r="B805" s="2"/>
      <c r="AF805" s="4"/>
    </row>
    <row r="806" spans="2:32">
      <c r="B806" s="2"/>
      <c r="AF806" s="4"/>
    </row>
    <row r="807" spans="2:32">
      <c r="B807" s="2"/>
      <c r="AF807" s="4"/>
    </row>
    <row r="808" spans="2:32">
      <c r="B808" s="2"/>
      <c r="AF808" s="4"/>
    </row>
    <row r="809" spans="2:32">
      <c r="B809" s="2"/>
      <c r="AF809" s="4"/>
    </row>
    <row r="810" spans="2:32">
      <c r="B810" s="2"/>
      <c r="AF810" s="4"/>
    </row>
    <row r="811" spans="2:32">
      <c r="B811" s="2"/>
      <c r="AF811" s="4"/>
    </row>
    <row r="812" spans="2:32">
      <c r="B812" s="2"/>
      <c r="AF812" s="4"/>
    </row>
    <row r="813" spans="2:32">
      <c r="B813" s="2"/>
      <c r="AF813" s="4"/>
    </row>
    <row r="814" spans="2:32">
      <c r="B814" s="2"/>
      <c r="AF814" s="4"/>
    </row>
    <row r="815" spans="2:32">
      <c r="B815" s="2"/>
      <c r="AF815" s="4"/>
    </row>
    <row r="816" spans="2:32">
      <c r="B816" s="2"/>
      <c r="AF816" s="4"/>
    </row>
    <row r="817" spans="2:32">
      <c r="B817" s="2"/>
      <c r="AF817" s="4"/>
    </row>
    <row r="818" spans="2:32">
      <c r="B818" s="2"/>
      <c r="AF818" s="4"/>
    </row>
    <row r="819" spans="2:32">
      <c r="B819" s="2"/>
      <c r="AF819" s="4"/>
    </row>
    <row r="820" spans="2:32">
      <c r="B820" s="2"/>
      <c r="AF820" s="4"/>
    </row>
    <row r="821" spans="2:32">
      <c r="B821" s="2"/>
      <c r="AF821" s="4"/>
    </row>
    <row r="822" spans="2:32">
      <c r="B822" s="2"/>
      <c r="AF822" s="4"/>
    </row>
    <row r="823" spans="2:32">
      <c r="B823" s="2"/>
      <c r="AF823" s="4"/>
    </row>
    <row r="824" spans="2:32">
      <c r="B824" s="2"/>
      <c r="AF824" s="4"/>
    </row>
    <row r="825" spans="2:32">
      <c r="B825" s="2"/>
      <c r="AF825" s="4"/>
    </row>
    <row r="826" spans="2:32">
      <c r="B826" s="2"/>
      <c r="AF826" s="4"/>
    </row>
    <row r="827" spans="2:32">
      <c r="B827" s="2"/>
      <c r="AF827" s="4"/>
    </row>
    <row r="828" spans="2:32">
      <c r="B828" s="2"/>
      <c r="AF828" s="4"/>
    </row>
    <row r="829" spans="2:32">
      <c r="B829" s="2"/>
      <c r="AF829" s="4"/>
    </row>
    <row r="830" spans="2:32">
      <c r="B830" s="2"/>
      <c r="AF830" s="4"/>
    </row>
    <row r="831" spans="2:32">
      <c r="B831" s="2"/>
      <c r="AF831" s="4"/>
    </row>
    <row r="832" spans="2:32">
      <c r="B832" s="2"/>
      <c r="AF832" s="4"/>
    </row>
    <row r="833" spans="2:32">
      <c r="B833" s="2"/>
      <c r="AF833" s="4"/>
    </row>
    <row r="834" spans="2:32">
      <c r="B834" s="2"/>
      <c r="AF834" s="4"/>
    </row>
    <row r="835" spans="2:32">
      <c r="B835" s="2"/>
      <c r="AF835" s="4"/>
    </row>
    <row r="836" spans="2:32">
      <c r="B836" s="2"/>
      <c r="AF836" s="4"/>
    </row>
    <row r="837" spans="2:32">
      <c r="B837" s="2"/>
      <c r="AF837" s="4"/>
    </row>
    <row r="838" spans="2:32">
      <c r="B838" s="2"/>
      <c r="AF838" s="4"/>
    </row>
    <row r="839" spans="2:32">
      <c r="B839" s="2"/>
      <c r="AF839" s="4"/>
    </row>
    <row r="840" spans="2:32">
      <c r="B840" s="2"/>
      <c r="AF840" s="4"/>
    </row>
    <row r="841" spans="2:32">
      <c r="B841" s="2"/>
      <c r="AF841" s="4"/>
    </row>
    <row r="842" spans="2:32">
      <c r="B842" s="2"/>
      <c r="AF842" s="4"/>
    </row>
    <row r="843" spans="2:32">
      <c r="B843" s="2"/>
      <c r="AF843" s="4"/>
    </row>
    <row r="844" spans="2:32">
      <c r="B844" s="2"/>
      <c r="AF844" s="4"/>
    </row>
    <row r="845" spans="2:32">
      <c r="B845" s="2"/>
      <c r="AF845" s="4"/>
    </row>
    <row r="846" spans="2:32">
      <c r="B846" s="2"/>
      <c r="AF846" s="4"/>
    </row>
    <row r="847" spans="2:32">
      <c r="B847" s="2"/>
      <c r="AF847" s="4"/>
    </row>
    <row r="848" spans="2:32">
      <c r="B848" s="2"/>
      <c r="AF848" s="4"/>
    </row>
    <row r="849" spans="2:32">
      <c r="B849" s="2"/>
      <c r="AF849" s="4"/>
    </row>
    <row r="850" spans="2:32">
      <c r="B850" s="2"/>
      <c r="AF850" s="4"/>
    </row>
    <row r="851" spans="2:32">
      <c r="B851" s="2"/>
      <c r="AF851" s="4"/>
    </row>
    <row r="852" spans="2:32">
      <c r="B852" s="2"/>
      <c r="AF852" s="4"/>
    </row>
    <row r="853" spans="2:32">
      <c r="B853" s="2"/>
      <c r="AF853" s="4"/>
    </row>
    <row r="854" spans="2:32">
      <c r="B854" s="2"/>
      <c r="AF854" s="4"/>
    </row>
    <row r="855" spans="2:32">
      <c r="B855" s="2"/>
      <c r="AF855" s="4"/>
    </row>
    <row r="856" spans="2:32">
      <c r="B856" s="2"/>
      <c r="AF856" s="4"/>
    </row>
    <row r="857" spans="2:32">
      <c r="B857" s="2"/>
      <c r="AF857" s="4"/>
    </row>
    <row r="858" spans="2:32">
      <c r="B858" s="2"/>
      <c r="AF858" s="4"/>
    </row>
    <row r="859" spans="2:32">
      <c r="B859" s="2"/>
      <c r="AF859" s="4"/>
    </row>
    <row r="860" spans="2:32">
      <c r="B860" s="2"/>
      <c r="AF860" s="4"/>
    </row>
    <row r="861" spans="2:32">
      <c r="B861" s="2"/>
      <c r="AF861" s="4"/>
    </row>
    <row r="862" spans="2:32">
      <c r="B862" s="2"/>
      <c r="AF862" s="4"/>
    </row>
    <row r="863" spans="2:32">
      <c r="B863" s="2"/>
      <c r="AF863" s="4"/>
    </row>
    <row r="864" spans="2:32">
      <c r="B864" s="2"/>
      <c r="AF864" s="4"/>
    </row>
    <row r="865" spans="2:32">
      <c r="B865" s="2"/>
      <c r="AF865" s="4"/>
    </row>
    <row r="866" spans="2:32">
      <c r="B866" s="2"/>
      <c r="AF866" s="4"/>
    </row>
    <row r="867" spans="2:32">
      <c r="B867" s="2"/>
      <c r="AF867" s="4"/>
    </row>
    <row r="868" spans="2:32">
      <c r="B868" s="2"/>
      <c r="AF868" s="4"/>
    </row>
    <row r="869" spans="2:32">
      <c r="B869" s="2"/>
      <c r="AF869" s="4"/>
    </row>
    <row r="870" spans="2:32">
      <c r="B870" s="2"/>
      <c r="AF870" s="4"/>
    </row>
    <row r="871" spans="2:32">
      <c r="B871" s="2"/>
      <c r="AF871" s="4"/>
    </row>
    <row r="872" spans="2:32">
      <c r="B872" s="2"/>
      <c r="AF872" s="4"/>
    </row>
    <row r="873" spans="2:32">
      <c r="B873" s="2"/>
      <c r="AF873" s="4"/>
    </row>
    <row r="874" spans="2:32">
      <c r="B874" s="2"/>
      <c r="AF874" s="4"/>
    </row>
    <row r="875" spans="2:32">
      <c r="B875" s="2"/>
      <c r="AF875" s="4"/>
    </row>
    <row r="876" spans="2:32">
      <c r="B876" s="2"/>
      <c r="AF876" s="4"/>
    </row>
    <row r="877" spans="2:32">
      <c r="B877" s="2"/>
      <c r="AF877" s="4"/>
    </row>
    <row r="878" spans="2:32">
      <c r="B878" s="2"/>
      <c r="AF878" s="4"/>
    </row>
    <row r="879" spans="2:32">
      <c r="B879" s="2"/>
      <c r="AF879" s="4"/>
    </row>
    <row r="880" spans="2:32">
      <c r="B880" s="2"/>
      <c r="AF880" s="4"/>
    </row>
    <row r="881" spans="2:32">
      <c r="B881" s="2"/>
      <c r="AF881" s="4"/>
    </row>
    <row r="882" spans="2:32">
      <c r="B882" s="2"/>
      <c r="AF882" s="4"/>
    </row>
    <row r="883" spans="2:32">
      <c r="B883" s="2"/>
      <c r="AF883" s="4"/>
    </row>
    <row r="884" spans="2:32">
      <c r="B884" s="2"/>
      <c r="AF884" s="4"/>
    </row>
    <row r="885" spans="2:32">
      <c r="B885" s="2"/>
      <c r="AF885" s="4"/>
    </row>
    <row r="886" spans="2:32">
      <c r="B886" s="2"/>
      <c r="AF886" s="4"/>
    </row>
    <row r="887" spans="2:32">
      <c r="B887" s="2"/>
      <c r="AF887" s="4"/>
    </row>
    <row r="888" spans="2:32">
      <c r="B888" s="2"/>
      <c r="AF888" s="4"/>
    </row>
    <row r="889" spans="2:32">
      <c r="B889" s="2"/>
      <c r="AF889" s="4"/>
    </row>
    <row r="890" spans="2:32">
      <c r="B890" s="2"/>
      <c r="AF890" s="4"/>
    </row>
    <row r="891" spans="2:32">
      <c r="B891" s="2"/>
      <c r="AF891" s="4"/>
    </row>
    <row r="892" spans="2:32">
      <c r="B892" s="2"/>
      <c r="AF892" s="4"/>
    </row>
    <row r="893" spans="2:32">
      <c r="B893" s="2"/>
      <c r="AF893" s="4"/>
    </row>
    <row r="894" spans="2:32">
      <c r="B894" s="2"/>
      <c r="AF894" s="4"/>
    </row>
    <row r="895" spans="2:32">
      <c r="B895" s="2"/>
      <c r="AF895" s="4"/>
    </row>
    <row r="896" spans="2:32">
      <c r="B896" s="2"/>
      <c r="AF896" s="4"/>
    </row>
    <row r="897" spans="2:32">
      <c r="B897" s="2"/>
      <c r="AF897" s="4"/>
    </row>
    <row r="898" spans="2:32">
      <c r="B898" s="2"/>
      <c r="AF898" s="4"/>
    </row>
    <row r="899" spans="2:32">
      <c r="B899" s="2"/>
      <c r="AF899" s="4"/>
    </row>
    <row r="900" spans="2:32">
      <c r="B900" s="2"/>
      <c r="AF900" s="4"/>
    </row>
    <row r="901" spans="2:32">
      <c r="B901" s="2"/>
      <c r="AF901" s="4"/>
    </row>
    <row r="902" spans="2:32">
      <c r="B902" s="2"/>
      <c r="AF902" s="4"/>
    </row>
    <row r="903" spans="2:32">
      <c r="B903" s="2"/>
      <c r="AF903" s="4"/>
    </row>
    <row r="904" spans="2:32">
      <c r="B904" s="2"/>
      <c r="AF904" s="4"/>
    </row>
    <row r="905" spans="2:32">
      <c r="B905" s="2"/>
      <c r="AF905" s="4"/>
    </row>
    <row r="906" spans="2:32">
      <c r="B906" s="2"/>
      <c r="AF906" s="4"/>
    </row>
    <row r="907" spans="2:32">
      <c r="B907" s="2"/>
      <c r="AF907" s="4"/>
    </row>
    <row r="908" spans="2:32">
      <c r="B908" s="2"/>
      <c r="AF908" s="4"/>
    </row>
    <row r="909" spans="2:32">
      <c r="B909" s="2"/>
      <c r="AF909" s="4"/>
    </row>
    <row r="910" spans="2:32">
      <c r="B910" s="2"/>
      <c r="AF910" s="4"/>
    </row>
    <row r="911" spans="2:32">
      <c r="B911" s="2"/>
      <c r="AF911" s="4"/>
    </row>
    <row r="912" spans="2:32">
      <c r="B912" s="2"/>
      <c r="AF912" s="4"/>
    </row>
    <row r="913" spans="2:32">
      <c r="B913" s="2"/>
      <c r="AF913" s="4"/>
    </row>
    <row r="914" spans="2:32">
      <c r="B914" s="2"/>
      <c r="AF914" s="4"/>
    </row>
    <row r="915" spans="2:32">
      <c r="B915" s="2"/>
      <c r="AF915" s="4"/>
    </row>
    <row r="916" spans="2:32">
      <c r="B916" s="2"/>
      <c r="AF916" s="4"/>
    </row>
    <row r="917" spans="2:32">
      <c r="B917" s="2"/>
      <c r="AF917" s="4"/>
    </row>
    <row r="918" spans="2:32">
      <c r="B918" s="2"/>
      <c r="AF918" s="4"/>
    </row>
    <row r="919" spans="2:32">
      <c r="B919" s="2"/>
      <c r="AF919" s="4"/>
    </row>
    <row r="920" spans="2:32">
      <c r="B920" s="2"/>
      <c r="AF920" s="4"/>
    </row>
    <row r="921" spans="2:32">
      <c r="B921" s="2"/>
      <c r="AF921" s="4"/>
    </row>
    <row r="922" spans="2:32">
      <c r="B922" s="2"/>
      <c r="AF922" s="4"/>
    </row>
    <row r="923" spans="2:32">
      <c r="B923" s="2"/>
      <c r="AF923" s="4"/>
    </row>
    <row r="924" spans="2:32">
      <c r="B924" s="2"/>
      <c r="AF924" s="4"/>
    </row>
    <row r="925" spans="2:32">
      <c r="B925" s="2"/>
      <c r="AF925" s="4"/>
    </row>
    <row r="926" spans="2:32">
      <c r="B926" s="2"/>
      <c r="AF926" s="4"/>
    </row>
    <row r="927" spans="2:32">
      <c r="B927" s="2"/>
      <c r="AF927" s="4"/>
    </row>
    <row r="928" spans="2:32">
      <c r="B928" s="2"/>
      <c r="AF928" s="4"/>
    </row>
    <row r="929" spans="2:32">
      <c r="B929" s="2"/>
      <c r="AF929" s="4"/>
    </row>
    <row r="930" spans="2:32">
      <c r="B930" s="2"/>
      <c r="AF930" s="4"/>
    </row>
    <row r="931" spans="2:32">
      <c r="B931" s="2"/>
      <c r="AF931" s="4"/>
    </row>
    <row r="932" spans="2:32">
      <c r="B932" s="2"/>
      <c r="AF932" s="4"/>
    </row>
    <row r="933" spans="2:32">
      <c r="B933" s="2"/>
      <c r="AF933" s="4"/>
    </row>
    <row r="934" spans="2:32">
      <c r="B934" s="2"/>
      <c r="AF934" s="4"/>
    </row>
    <row r="935" spans="2:32">
      <c r="B935" s="2"/>
      <c r="AF935" s="4"/>
    </row>
    <row r="936" spans="2:32">
      <c r="B936" s="2"/>
      <c r="AF936" s="4"/>
    </row>
    <row r="937" spans="2:32">
      <c r="B937" s="2"/>
      <c r="AF937" s="4"/>
    </row>
    <row r="938" spans="2:32">
      <c r="B938" s="2"/>
      <c r="AF938" s="4"/>
    </row>
    <row r="939" spans="2:32">
      <c r="B939" s="2"/>
      <c r="AF939" s="4"/>
    </row>
    <row r="940" spans="2:32">
      <c r="B940" s="2"/>
      <c r="AF940" s="4"/>
    </row>
    <row r="941" spans="2:32">
      <c r="B941" s="2"/>
      <c r="AF941" s="4"/>
    </row>
    <row r="942" spans="2:32">
      <c r="B942" s="2"/>
      <c r="AF942" s="4"/>
    </row>
    <row r="943" spans="2:32">
      <c r="B943" s="2"/>
      <c r="AF943" s="4"/>
    </row>
    <row r="944" spans="2:32">
      <c r="B944" s="2"/>
      <c r="AF944" s="4"/>
    </row>
    <row r="945" spans="2:32">
      <c r="B945" s="2"/>
      <c r="AF945" s="4"/>
    </row>
    <row r="946" spans="2:32">
      <c r="B946" s="2"/>
      <c r="AF946" s="4"/>
    </row>
    <row r="947" spans="2:32">
      <c r="B947" s="2"/>
      <c r="AF947" s="4"/>
    </row>
    <row r="948" spans="2:32">
      <c r="B948" s="2"/>
      <c r="AF948" s="4"/>
    </row>
    <row r="949" spans="2:32">
      <c r="B949" s="2"/>
      <c r="AF949" s="4"/>
    </row>
    <row r="950" spans="2:32">
      <c r="B950" s="2"/>
      <c r="AF950" s="4"/>
    </row>
    <row r="951" spans="2:32">
      <c r="B951" s="2"/>
      <c r="AF951" s="4"/>
    </row>
    <row r="952" spans="2:32">
      <c r="B952" s="2"/>
      <c r="AF952" s="4"/>
    </row>
    <row r="953" spans="2:32">
      <c r="B953" s="2"/>
      <c r="AF953" s="4"/>
    </row>
    <row r="954" spans="2:32">
      <c r="B954" s="2"/>
      <c r="AF954" s="4"/>
    </row>
    <row r="955" spans="2:32">
      <c r="B955" s="2"/>
      <c r="AF955" s="4"/>
    </row>
    <row r="956" spans="2:32">
      <c r="B956" s="2"/>
      <c r="AF956" s="4"/>
    </row>
    <row r="957" spans="2:32">
      <c r="B957" s="2"/>
      <c r="AF957" s="4"/>
    </row>
    <row r="958" spans="2:32">
      <c r="B958" s="2"/>
      <c r="AF958" s="4"/>
    </row>
    <row r="959" spans="2:32">
      <c r="B959" s="2"/>
      <c r="AF959" s="4"/>
    </row>
    <row r="960" spans="2:32">
      <c r="B960" s="2"/>
      <c r="AF960" s="4"/>
    </row>
    <row r="961" spans="2:32">
      <c r="B961" s="2"/>
      <c r="AF961" s="4"/>
    </row>
    <row r="962" spans="2:32">
      <c r="B962" s="2"/>
      <c r="AF962" s="4"/>
    </row>
    <row r="963" spans="2:32">
      <c r="B963" s="2"/>
      <c r="AF963" s="4"/>
    </row>
    <row r="964" spans="2:32">
      <c r="B964" s="2"/>
      <c r="AF964" s="4"/>
    </row>
    <row r="965" spans="2:32">
      <c r="B965" s="2"/>
      <c r="AF965" s="4"/>
    </row>
    <row r="966" spans="2:32">
      <c r="B966" s="2"/>
      <c r="AF966" s="4"/>
    </row>
    <row r="967" spans="2:32">
      <c r="B967" s="2"/>
      <c r="AF967" s="4"/>
    </row>
    <row r="968" spans="2:32">
      <c r="B968" s="2"/>
      <c r="AF968" s="4"/>
    </row>
    <row r="969" spans="2:32">
      <c r="B969" s="2"/>
      <c r="AF969" s="4"/>
    </row>
    <row r="970" spans="2:32">
      <c r="B970" s="2"/>
      <c r="AF970" s="4"/>
    </row>
    <row r="971" spans="2:32">
      <c r="B971" s="2"/>
      <c r="AF971" s="4"/>
    </row>
    <row r="972" spans="2:32">
      <c r="B972" s="2"/>
      <c r="AF972" s="4"/>
    </row>
    <row r="973" spans="2:32">
      <c r="B973" s="2"/>
      <c r="AF973" s="4"/>
    </row>
    <row r="974" spans="2:32">
      <c r="B974" s="2"/>
      <c r="AF974" s="4"/>
    </row>
    <row r="975" spans="2:32">
      <c r="B975" s="2"/>
      <c r="AF975" s="4"/>
    </row>
    <row r="976" spans="2:32">
      <c r="B976" s="2"/>
      <c r="AF976" s="4"/>
    </row>
    <row r="977" spans="2:32">
      <c r="B977" s="2"/>
      <c r="AF977" s="4"/>
    </row>
    <row r="978" spans="2:32">
      <c r="B978" s="2"/>
      <c r="AF978" s="4"/>
    </row>
    <row r="979" spans="2:32">
      <c r="B979" s="2"/>
      <c r="AF979" s="4"/>
    </row>
    <row r="980" spans="2:32">
      <c r="B980" s="2"/>
      <c r="AF980" s="4"/>
    </row>
    <row r="981" spans="2:32">
      <c r="B981" s="2"/>
      <c r="AF981" s="4"/>
    </row>
    <row r="982" spans="2:32">
      <c r="B982" s="2"/>
      <c r="AF982" s="4"/>
    </row>
    <row r="983" spans="2:32">
      <c r="B983" s="2"/>
      <c r="AF983" s="4"/>
    </row>
    <row r="984" spans="2:32">
      <c r="B984" s="2"/>
      <c r="AF984" s="4"/>
    </row>
    <row r="985" spans="2:32">
      <c r="B985" s="2"/>
      <c r="AF985" s="4"/>
    </row>
    <row r="986" spans="2:32">
      <c r="B986" s="2"/>
      <c r="AF986" s="4"/>
    </row>
    <row r="987" spans="2:32">
      <c r="B987" s="2"/>
      <c r="AF987" s="4"/>
    </row>
    <row r="988" spans="2:32">
      <c r="B988" s="2"/>
      <c r="AF988" s="4"/>
    </row>
    <row r="989" spans="2:32">
      <c r="B989" s="2"/>
      <c r="AF989" s="4"/>
    </row>
    <row r="990" spans="2:32">
      <c r="B990" s="2"/>
      <c r="AF990" s="4"/>
    </row>
    <row r="991" spans="2:32">
      <c r="B991" s="2"/>
      <c r="AF991" s="4"/>
    </row>
    <row r="992" spans="2:32">
      <c r="B992" s="2"/>
      <c r="AF992" s="4"/>
    </row>
    <row r="993" spans="2:32">
      <c r="B993" s="2"/>
      <c r="AF993" s="4"/>
    </row>
    <row r="994" spans="2:32">
      <c r="B994" s="2"/>
      <c r="AF994" s="4"/>
    </row>
    <row r="995" spans="2:32">
      <c r="B995" s="2"/>
      <c r="AF995" s="4"/>
    </row>
    <row r="996" spans="2:32">
      <c r="B996" s="2"/>
      <c r="AF996" s="4"/>
    </row>
    <row r="997" spans="2:32">
      <c r="B997" s="2"/>
      <c r="AF997" s="4"/>
    </row>
    <row r="998" spans="2:32">
      <c r="B998" s="2"/>
      <c r="AF998" s="4"/>
    </row>
    <row r="999" spans="2:32">
      <c r="B999" s="2"/>
      <c r="AF999" s="4"/>
    </row>
    <row r="1000" spans="2:32">
      <c r="B1000" s="2"/>
      <c r="AF1000" s="4"/>
    </row>
    <row r="1001" spans="2:32">
      <c r="B1001" s="2"/>
      <c r="AF1001" s="4"/>
    </row>
    <row r="1002" spans="2:32">
      <c r="B1002" s="2"/>
      <c r="AF1002" s="4"/>
    </row>
    <row r="1003" spans="2:32">
      <c r="B1003" s="2"/>
      <c r="AF1003" s="4"/>
    </row>
    <row r="1004" spans="2:32">
      <c r="B1004" s="2"/>
      <c r="AF1004" s="4"/>
    </row>
    <row r="1005" spans="2:32">
      <c r="B1005" s="2"/>
      <c r="AF1005" s="4"/>
    </row>
    <row r="1006" spans="2:32">
      <c r="B1006" s="2"/>
      <c r="AF1006" s="4"/>
    </row>
    <row r="1007" spans="2:32">
      <c r="B1007" s="2"/>
      <c r="AF1007" s="4"/>
    </row>
    <row r="1008" spans="2:32">
      <c r="B1008" s="2"/>
      <c r="AF1008" s="4"/>
    </row>
    <row r="1009" spans="2:32">
      <c r="B1009" s="2"/>
      <c r="AF1009" s="4"/>
    </row>
    <row r="1010" spans="2:32">
      <c r="B1010" s="2"/>
      <c r="AF1010" s="4"/>
    </row>
    <row r="1011" spans="2:32">
      <c r="B1011" s="2"/>
      <c r="AF1011" s="4"/>
    </row>
    <row r="1012" spans="2:32">
      <c r="B1012" s="2"/>
      <c r="AF1012" s="4"/>
    </row>
    <row r="1013" spans="2:32">
      <c r="B1013" s="2"/>
      <c r="AF1013" s="4"/>
    </row>
    <row r="1014" spans="2:32">
      <c r="B1014" s="2"/>
      <c r="AF1014" s="4"/>
    </row>
    <row r="1015" spans="2:32">
      <c r="B1015" s="2"/>
      <c r="AF1015" s="4"/>
    </row>
    <row r="1016" spans="2:32">
      <c r="B1016" s="2"/>
      <c r="AF1016" s="4"/>
    </row>
    <row r="1017" spans="2:32">
      <c r="B1017" s="2"/>
      <c r="AF1017" s="4"/>
    </row>
    <row r="1018" spans="2:32">
      <c r="B1018" s="2"/>
      <c r="AF1018" s="4"/>
    </row>
    <row r="1019" spans="2:32">
      <c r="B1019" s="2"/>
      <c r="AF1019" s="4"/>
    </row>
    <row r="1020" spans="2:32">
      <c r="B1020" s="2"/>
      <c r="AF1020" s="4"/>
    </row>
    <row r="1021" spans="2:32">
      <c r="B1021" s="2"/>
      <c r="AF1021" s="4"/>
    </row>
    <row r="1022" spans="2:32">
      <c r="B1022" s="2"/>
      <c r="AF1022" s="4"/>
    </row>
    <row r="1023" spans="2:32">
      <c r="B1023" s="2"/>
      <c r="AF1023" s="4"/>
    </row>
    <row r="1024" spans="2:32">
      <c r="B1024" s="2"/>
      <c r="AF1024" s="4"/>
    </row>
    <row r="1025" spans="2:32">
      <c r="B1025" s="2"/>
      <c r="AF1025" s="4"/>
    </row>
    <row r="1026" spans="2:32">
      <c r="B1026" s="2"/>
      <c r="AF1026" s="4"/>
    </row>
    <row r="1027" spans="2:32">
      <c r="B1027" s="2"/>
      <c r="AF1027" s="4"/>
    </row>
    <row r="1028" spans="2:32">
      <c r="B1028" s="2"/>
      <c r="AF1028" s="4"/>
    </row>
    <row r="1029" spans="2:32">
      <c r="B1029" s="2"/>
      <c r="AF1029" s="4"/>
    </row>
    <row r="1030" spans="2:32">
      <c r="B1030" s="2"/>
      <c r="AF1030" s="4"/>
    </row>
    <row r="1031" spans="2:32">
      <c r="B1031" s="2"/>
      <c r="AF1031" s="4"/>
    </row>
    <row r="1032" spans="2:32">
      <c r="B1032" s="2"/>
      <c r="AF1032" s="4"/>
    </row>
    <row r="1033" spans="2:32">
      <c r="B1033" s="2"/>
      <c r="AF1033" s="4"/>
    </row>
    <row r="1034" spans="2:32">
      <c r="B1034" s="2"/>
      <c r="AF1034" s="4"/>
    </row>
    <row r="1035" spans="2:32">
      <c r="B1035" s="2"/>
      <c r="AF1035" s="4"/>
    </row>
    <row r="1036" spans="2:32">
      <c r="B1036" s="2"/>
      <c r="AF1036" s="4"/>
    </row>
    <row r="1037" spans="2:32">
      <c r="B1037" s="2"/>
      <c r="AF1037" s="4"/>
    </row>
    <row r="1038" spans="2:32">
      <c r="B1038" s="2"/>
      <c r="AF1038" s="4"/>
    </row>
    <row r="1039" spans="2:32">
      <c r="B1039" s="2"/>
      <c r="AF1039" s="4"/>
    </row>
    <row r="1040" spans="2:32">
      <c r="B1040" s="2"/>
      <c r="AF1040" s="4"/>
    </row>
    <row r="1041" spans="2:32">
      <c r="B1041" s="2"/>
      <c r="AF1041" s="4"/>
    </row>
    <row r="1042" spans="2:32">
      <c r="B1042" s="2"/>
      <c r="AF1042" s="4"/>
    </row>
    <row r="1043" spans="2:32">
      <c r="B1043" s="2"/>
      <c r="AF1043" s="4"/>
    </row>
    <row r="1044" spans="2:32">
      <c r="B1044" s="2"/>
      <c r="AF1044" s="4"/>
    </row>
    <row r="1045" spans="2:32">
      <c r="B1045" s="2"/>
      <c r="AF1045" s="4"/>
    </row>
    <row r="1046" spans="2:32">
      <c r="B1046" s="2"/>
      <c r="AF1046" s="4"/>
    </row>
    <row r="1047" spans="2:32">
      <c r="B1047" s="2"/>
      <c r="AF1047" s="4"/>
    </row>
    <row r="1048" spans="2:32">
      <c r="B1048" s="2"/>
      <c r="AF1048" s="4"/>
    </row>
    <row r="1049" spans="2:32">
      <c r="B1049" s="2"/>
      <c r="AF1049" s="4"/>
    </row>
    <row r="1050" spans="2:32">
      <c r="B1050" s="2"/>
      <c r="AF1050" s="4"/>
    </row>
    <row r="1051" spans="2:32">
      <c r="B1051" s="2"/>
      <c r="AF1051" s="4"/>
    </row>
    <row r="1052" spans="2:32">
      <c r="B1052" s="2"/>
      <c r="AF1052" s="4"/>
    </row>
    <row r="1053" spans="2:32">
      <c r="B1053" s="2"/>
      <c r="AF1053" s="4"/>
    </row>
    <row r="1054" spans="2:32">
      <c r="B1054" s="2"/>
      <c r="AF1054" s="4"/>
    </row>
    <row r="1055" spans="2:32">
      <c r="B1055" s="2"/>
      <c r="AF1055" s="4"/>
    </row>
    <row r="1056" spans="2:32">
      <c r="B1056" s="2"/>
      <c r="AF1056" s="4"/>
    </row>
    <row r="1057" spans="2:32">
      <c r="B1057" s="2"/>
      <c r="AF1057" s="4"/>
    </row>
    <row r="1058" spans="2:32">
      <c r="B1058" s="2"/>
      <c r="AF1058" s="4"/>
    </row>
    <row r="1059" spans="2:32">
      <c r="B1059" s="2"/>
      <c r="AF1059" s="4"/>
    </row>
    <row r="1060" spans="2:32">
      <c r="B1060" s="2"/>
      <c r="AF1060" s="4"/>
    </row>
    <row r="1061" spans="2:32">
      <c r="B1061" s="2"/>
      <c r="AF1061" s="4"/>
    </row>
    <row r="1062" spans="2:32">
      <c r="B1062" s="2"/>
      <c r="AF1062" s="4"/>
    </row>
    <row r="1063" spans="2:32">
      <c r="B1063" s="2"/>
      <c r="AF1063" s="4"/>
    </row>
    <row r="1064" spans="2:32">
      <c r="B1064" s="2"/>
      <c r="AF1064" s="4"/>
    </row>
    <row r="1065" spans="2:32">
      <c r="B1065" s="2"/>
      <c r="AF1065" s="4"/>
    </row>
    <row r="1066" spans="2:32">
      <c r="B1066" s="2"/>
      <c r="AF1066" s="4"/>
    </row>
    <row r="1067" spans="2:32">
      <c r="B1067" s="2"/>
      <c r="AF1067" s="4"/>
    </row>
    <row r="1068" spans="2:32">
      <c r="B1068" s="2"/>
      <c r="AF1068" s="4"/>
    </row>
    <row r="1069" spans="2:32">
      <c r="B1069" s="2"/>
      <c r="AF1069" s="4"/>
    </row>
    <row r="1070" spans="2:32">
      <c r="B1070" s="2"/>
      <c r="AF1070" s="4"/>
    </row>
    <row r="1071" spans="2:32">
      <c r="B1071" s="2"/>
      <c r="AF1071" s="4"/>
    </row>
    <row r="1072" spans="2:32">
      <c r="B1072" s="2"/>
      <c r="AF1072" s="4"/>
    </row>
    <row r="1073" spans="2:32">
      <c r="B1073" s="2"/>
      <c r="AF1073" s="4"/>
    </row>
    <row r="1074" spans="2:32">
      <c r="B1074" s="2"/>
      <c r="AF1074" s="4"/>
    </row>
    <row r="1075" spans="2:32">
      <c r="B1075" s="2"/>
      <c r="AF1075" s="4"/>
    </row>
    <row r="1076" spans="2:32">
      <c r="B1076" s="2"/>
      <c r="AF1076" s="4"/>
    </row>
    <row r="1077" spans="2:32">
      <c r="B1077" s="2"/>
      <c r="AF1077" s="4"/>
    </row>
    <row r="1078" spans="2:32">
      <c r="B1078" s="2"/>
      <c r="AF1078" s="4"/>
    </row>
    <row r="1079" spans="2:32">
      <c r="B1079" s="2"/>
      <c r="AF1079" s="4"/>
    </row>
    <row r="1080" spans="2:32">
      <c r="B1080" s="2"/>
      <c r="AF1080" s="4"/>
    </row>
    <row r="1081" spans="2:32">
      <c r="B1081" s="2"/>
      <c r="AF1081" s="4"/>
    </row>
    <row r="1082" spans="2:32">
      <c r="B1082" s="2"/>
      <c r="AF1082" s="4"/>
    </row>
    <row r="1083" spans="2:32">
      <c r="B1083" s="2"/>
      <c r="AF1083" s="4"/>
    </row>
    <row r="1084" spans="2:32">
      <c r="B1084" s="2"/>
      <c r="AF1084" s="4"/>
    </row>
    <row r="1085" spans="2:32">
      <c r="B1085" s="2"/>
      <c r="AF1085" s="4"/>
    </row>
    <row r="1086" spans="2:32">
      <c r="B1086" s="2"/>
      <c r="AF1086" s="4"/>
    </row>
    <row r="1087" spans="2:32">
      <c r="B1087" s="2"/>
      <c r="AF1087" s="4"/>
    </row>
    <row r="1088" spans="2:32">
      <c r="B1088" s="2"/>
      <c r="AF1088" s="4"/>
    </row>
    <row r="1089" spans="2:32">
      <c r="B1089" s="2"/>
      <c r="AF1089" s="4"/>
    </row>
    <row r="1090" spans="2:32">
      <c r="B1090" s="2"/>
      <c r="AF1090" s="4"/>
    </row>
    <row r="1091" spans="2:32">
      <c r="B1091" s="2"/>
      <c r="AF1091" s="4"/>
    </row>
    <row r="1092" spans="2:32">
      <c r="B1092" s="2"/>
      <c r="AF1092" s="4"/>
    </row>
    <row r="1093" spans="2:32">
      <c r="B1093" s="2"/>
      <c r="AF1093" s="4"/>
    </row>
    <row r="1094" spans="2:32">
      <c r="B1094" s="2"/>
      <c r="AF1094" s="4"/>
    </row>
    <row r="1095" spans="2:32">
      <c r="B1095" s="2"/>
      <c r="AF1095" s="4"/>
    </row>
    <row r="1096" spans="2:32">
      <c r="B1096" s="2"/>
      <c r="AF1096" s="4"/>
    </row>
    <row r="1097" spans="2:32">
      <c r="B1097" s="2"/>
      <c r="AF1097" s="4"/>
    </row>
    <row r="1098" spans="2:32">
      <c r="B1098" s="2"/>
      <c r="AF1098" s="4"/>
    </row>
    <row r="1099" spans="2:32">
      <c r="B1099" s="2"/>
      <c r="AF1099" s="4"/>
    </row>
    <row r="1100" spans="2:32">
      <c r="B1100" s="2"/>
      <c r="AF1100" s="4"/>
    </row>
    <row r="1101" spans="2:32">
      <c r="B1101" s="2"/>
      <c r="AF1101" s="4"/>
    </row>
    <row r="1102" spans="2:32">
      <c r="B1102" s="2"/>
      <c r="AF1102" s="4"/>
    </row>
    <row r="1103" spans="2:32">
      <c r="B1103" s="2"/>
      <c r="AF1103" s="4"/>
    </row>
    <row r="1104" spans="2:32">
      <c r="B1104" s="2"/>
      <c r="AF1104" s="4"/>
    </row>
    <row r="1105" spans="2:32">
      <c r="B1105" s="2"/>
      <c r="AF1105" s="4"/>
    </row>
    <row r="1106" spans="2:32">
      <c r="B1106" s="2"/>
      <c r="AF1106" s="4"/>
    </row>
    <row r="1107" spans="2:32">
      <c r="B1107" s="2"/>
      <c r="AF1107" s="4"/>
    </row>
    <row r="1108" spans="2:32">
      <c r="B1108" s="2"/>
      <c r="AF1108" s="4"/>
    </row>
    <row r="1109" spans="2:32">
      <c r="B1109" s="2"/>
      <c r="AF1109" s="4"/>
    </row>
    <row r="1110" spans="2:32">
      <c r="B1110" s="2"/>
      <c r="AF1110" s="4"/>
    </row>
    <row r="1111" spans="2:32">
      <c r="B1111" s="2"/>
      <c r="AF1111" s="4"/>
    </row>
    <row r="1112" spans="2:32">
      <c r="B1112" s="2"/>
      <c r="AF1112" s="4"/>
    </row>
    <row r="1113" spans="2:32">
      <c r="B1113" s="2"/>
      <c r="AF1113" s="4"/>
    </row>
    <row r="1114" spans="2:32">
      <c r="B1114" s="2"/>
      <c r="AF1114" s="4"/>
    </row>
    <row r="1115" spans="2:32">
      <c r="B1115" s="2"/>
      <c r="AF1115" s="4"/>
    </row>
    <row r="1116" spans="2:32">
      <c r="B1116" s="2"/>
      <c r="AF1116" s="4"/>
    </row>
    <row r="1117" spans="2:32">
      <c r="B1117" s="2"/>
      <c r="AF1117" s="4"/>
    </row>
    <row r="1118" spans="2:32">
      <c r="B1118" s="2"/>
      <c r="AF1118" s="4"/>
    </row>
    <row r="1119" spans="2:32">
      <c r="B1119" s="2"/>
      <c r="AF1119" s="4"/>
    </row>
    <row r="1120" spans="2:32">
      <c r="B1120" s="2"/>
      <c r="AF1120" s="4"/>
    </row>
    <row r="1121" spans="2:32">
      <c r="B1121" s="2"/>
      <c r="AF1121" s="4"/>
    </row>
    <row r="1122" spans="2:32">
      <c r="B1122" s="2"/>
      <c r="AF1122" s="4"/>
    </row>
    <row r="1123" spans="2:32">
      <c r="B1123" s="2"/>
      <c r="AF1123" s="4"/>
    </row>
    <row r="1124" spans="2:32">
      <c r="B1124" s="2"/>
      <c r="AF1124" s="4"/>
    </row>
    <row r="1125" spans="2:32">
      <c r="B1125" s="2"/>
      <c r="AF1125" s="4"/>
    </row>
    <row r="1126" spans="2:32">
      <c r="B1126" s="2"/>
      <c r="AF1126" s="4"/>
    </row>
    <row r="1127" spans="2:32">
      <c r="B1127" s="2"/>
      <c r="AF1127" s="4"/>
    </row>
    <row r="1128" spans="2:32">
      <c r="B1128" s="2"/>
      <c r="AF1128" s="4"/>
    </row>
    <row r="1129" spans="2:32">
      <c r="B1129" s="2"/>
      <c r="AF1129" s="4"/>
    </row>
    <row r="1130" spans="2:32">
      <c r="B1130" s="2"/>
      <c r="AF1130" s="4"/>
    </row>
    <row r="1131" spans="2:32">
      <c r="B1131" s="2"/>
      <c r="AF1131" s="4"/>
    </row>
    <row r="1132" spans="2:32">
      <c r="B1132" s="2"/>
      <c r="AF1132" s="4"/>
    </row>
    <row r="1133" spans="2:32">
      <c r="B1133" s="2"/>
      <c r="AF1133" s="4"/>
    </row>
    <row r="1134" spans="2:32">
      <c r="B1134" s="2"/>
      <c r="AF1134" s="4"/>
    </row>
    <row r="1135" spans="2:32">
      <c r="B1135" s="2"/>
      <c r="AF1135" s="4"/>
    </row>
    <row r="1136" spans="2:32">
      <c r="B1136" s="2"/>
      <c r="AF1136" s="4"/>
    </row>
    <row r="1137" spans="2:32">
      <c r="B1137" s="2"/>
      <c r="AF1137" s="4"/>
    </row>
    <row r="1138" spans="2:32">
      <c r="B1138" s="2"/>
      <c r="AF1138" s="4"/>
    </row>
    <row r="1139" spans="2:32">
      <c r="B1139" s="2"/>
      <c r="AF1139" s="4"/>
    </row>
    <row r="1140" spans="2:32">
      <c r="B1140" s="2"/>
      <c r="AF1140" s="4"/>
    </row>
    <row r="1141" spans="2:32">
      <c r="B1141" s="2"/>
      <c r="AF1141" s="4"/>
    </row>
    <row r="1142" spans="2:32">
      <c r="B1142" s="2"/>
      <c r="AF1142" s="4"/>
    </row>
    <row r="1143" spans="2:32">
      <c r="B1143" s="2"/>
      <c r="AF1143" s="4"/>
    </row>
    <row r="1144" spans="2:32">
      <c r="B1144" s="2"/>
      <c r="AF1144" s="4"/>
    </row>
    <row r="1145" spans="2:32">
      <c r="B1145" s="2"/>
      <c r="AF1145" s="4"/>
    </row>
    <row r="1146" spans="2:32">
      <c r="B1146" s="2"/>
      <c r="AF1146" s="4"/>
    </row>
    <row r="1147" spans="2:32">
      <c r="B1147" s="2"/>
      <c r="AF1147" s="4"/>
    </row>
    <row r="1148" spans="2:32">
      <c r="B1148" s="2"/>
      <c r="AF1148" s="4"/>
    </row>
    <row r="1149" spans="2:32">
      <c r="B1149" s="2"/>
      <c r="AF1149" s="4"/>
    </row>
    <row r="1150" spans="2:32">
      <c r="B1150" s="2"/>
      <c r="AF1150" s="4"/>
    </row>
    <row r="1151" spans="2:32">
      <c r="B1151" s="2"/>
      <c r="AF1151" s="4"/>
    </row>
    <row r="1152" spans="2:32">
      <c r="B1152" s="2"/>
      <c r="AF1152" s="4"/>
    </row>
    <row r="1153" spans="2:32">
      <c r="B1153" s="2"/>
      <c r="AF1153" s="4"/>
    </row>
    <row r="1154" spans="2:32">
      <c r="B1154" s="2"/>
      <c r="AF1154" s="4"/>
    </row>
    <row r="1155" spans="2:32">
      <c r="B1155" s="2"/>
      <c r="AF1155" s="4"/>
    </row>
    <row r="1156" spans="2:32">
      <c r="B1156" s="2"/>
      <c r="AF1156" s="4"/>
    </row>
    <row r="1157" spans="2:32">
      <c r="B1157" s="2"/>
      <c r="AF1157" s="4"/>
    </row>
    <row r="1158" spans="2:32">
      <c r="B1158" s="2"/>
      <c r="AF1158" s="4"/>
    </row>
    <row r="1159" spans="2:32">
      <c r="B1159" s="2"/>
      <c r="AF1159" s="4"/>
    </row>
    <row r="1160" spans="2:32">
      <c r="B1160" s="2"/>
      <c r="AF1160" s="4"/>
    </row>
    <row r="1161" spans="2:32">
      <c r="B1161" s="2"/>
      <c r="AF1161" s="4"/>
    </row>
    <row r="1162" spans="2:32">
      <c r="B1162" s="2"/>
      <c r="AF1162" s="4"/>
    </row>
    <row r="1163" spans="2:32">
      <c r="B1163" s="2"/>
      <c r="AF1163" s="4"/>
    </row>
    <row r="1164" spans="2:32">
      <c r="B1164" s="2"/>
      <c r="AF1164" s="4"/>
    </row>
    <row r="1165" spans="2:32">
      <c r="B1165" s="2"/>
      <c r="AF1165" s="4"/>
    </row>
    <row r="1166" spans="2:32">
      <c r="B1166" s="2"/>
      <c r="AF1166" s="4"/>
    </row>
    <row r="1167" spans="2:32">
      <c r="B1167" s="2"/>
      <c r="AF1167" s="4"/>
    </row>
    <row r="1168" spans="2:32">
      <c r="B1168" s="2"/>
      <c r="AF1168" s="4"/>
    </row>
    <row r="1169" spans="2:32">
      <c r="B1169" s="2"/>
      <c r="AF1169" s="4"/>
    </row>
    <row r="1170" spans="2:32">
      <c r="B1170" s="2"/>
      <c r="AF1170" s="4"/>
    </row>
    <row r="1171" spans="2:32">
      <c r="B1171" s="2"/>
      <c r="AF1171" s="4"/>
    </row>
    <row r="1172" spans="2:32">
      <c r="B1172" s="2"/>
      <c r="AF1172" s="4"/>
    </row>
    <row r="1173" spans="2:32">
      <c r="B1173" s="2"/>
      <c r="AF1173" s="4"/>
    </row>
    <row r="1174" spans="2:32">
      <c r="B1174" s="2"/>
      <c r="AF1174" s="4"/>
    </row>
    <row r="1175" spans="2:32">
      <c r="B1175" s="2"/>
      <c r="AF1175" s="4"/>
    </row>
    <row r="1176" spans="2:32">
      <c r="B1176" s="2"/>
      <c r="AF1176" s="4"/>
    </row>
    <row r="1177" spans="2:32">
      <c r="B1177" s="2"/>
      <c r="AF1177" s="4"/>
    </row>
    <row r="1178" spans="2:32">
      <c r="B1178" s="2"/>
      <c r="AF1178" s="4"/>
    </row>
    <row r="1179" spans="2:32">
      <c r="B1179" s="2"/>
      <c r="AF1179" s="4"/>
    </row>
    <row r="1180" spans="2:32">
      <c r="B1180" s="2"/>
      <c r="AF1180" s="4"/>
    </row>
    <row r="1181" spans="2:32">
      <c r="B1181" s="2"/>
      <c r="AF1181" s="4"/>
    </row>
    <row r="1182" spans="2:32">
      <c r="B1182" s="2"/>
      <c r="AF1182" s="4"/>
    </row>
    <row r="1183" spans="2:32">
      <c r="B1183" s="2"/>
      <c r="AF1183" s="4"/>
    </row>
    <row r="1184" spans="2:32">
      <c r="B1184" s="2"/>
      <c r="AF1184" s="4"/>
    </row>
    <row r="1185" spans="2:32">
      <c r="B1185" s="2"/>
      <c r="AF1185" s="4"/>
    </row>
    <row r="1186" spans="2:32">
      <c r="B1186" s="2"/>
      <c r="AF1186" s="4"/>
    </row>
    <row r="1187" spans="2:32">
      <c r="B1187" s="2"/>
      <c r="AF1187" s="4"/>
    </row>
    <row r="1188" spans="2:32">
      <c r="B1188" s="2"/>
      <c r="AF1188" s="4"/>
    </row>
    <row r="1189" spans="2:32">
      <c r="B1189" s="2"/>
      <c r="AF1189" s="4"/>
    </row>
    <row r="1190" spans="2:32">
      <c r="B1190" s="2"/>
      <c r="AF1190" s="4"/>
    </row>
    <row r="1191" spans="2:32">
      <c r="B1191" s="2"/>
      <c r="AF1191" s="4"/>
    </row>
    <row r="1192" spans="2:32">
      <c r="B1192" s="2"/>
      <c r="AF1192" s="4"/>
    </row>
    <row r="1193" spans="2:32">
      <c r="B1193" s="2"/>
      <c r="AF1193" s="4"/>
    </row>
    <row r="1194" spans="2:32">
      <c r="B1194" s="2"/>
      <c r="AF1194" s="4"/>
    </row>
    <row r="1195" spans="2:32">
      <c r="B1195" s="2"/>
      <c r="AF1195" s="4"/>
    </row>
    <row r="1196" spans="2:32">
      <c r="B1196" s="2"/>
      <c r="AF1196" s="4"/>
    </row>
    <row r="1197" spans="2:32">
      <c r="B1197" s="2"/>
      <c r="AF1197" s="4"/>
    </row>
    <row r="1198" spans="2:32">
      <c r="B1198" s="2"/>
      <c r="AF1198" s="4"/>
    </row>
    <row r="1199" spans="2:32">
      <c r="B1199" s="2"/>
      <c r="AF1199" s="4"/>
    </row>
    <row r="1200" spans="2:32">
      <c r="B1200" s="2"/>
      <c r="AF1200" s="4"/>
    </row>
    <row r="1201" spans="2:32">
      <c r="B1201" s="2"/>
      <c r="AF1201" s="4"/>
    </row>
    <row r="1202" spans="2:32">
      <c r="B1202" s="2"/>
      <c r="AF1202" s="4"/>
    </row>
    <row r="1203" spans="2:32">
      <c r="B1203" s="2"/>
      <c r="AF1203" s="4"/>
    </row>
    <row r="1204" spans="2:32">
      <c r="B1204" s="2"/>
      <c r="AF1204" s="4"/>
    </row>
    <row r="1205" spans="2:32">
      <c r="B1205" s="2"/>
      <c r="AF1205" s="4"/>
    </row>
    <row r="1206" spans="2:32">
      <c r="B1206" s="2"/>
      <c r="AF1206" s="4"/>
    </row>
    <row r="1207" spans="2:32">
      <c r="B1207" s="2"/>
      <c r="AF1207" s="4"/>
    </row>
    <row r="1208" spans="2:32">
      <c r="B1208" s="2"/>
      <c r="AF1208" s="4"/>
    </row>
    <row r="1209" spans="2:32">
      <c r="B1209" s="2"/>
      <c r="AF1209" s="4"/>
    </row>
    <row r="1210" spans="2:32">
      <c r="B1210" s="2"/>
      <c r="AF1210" s="4"/>
    </row>
    <row r="1211" spans="2:32">
      <c r="B1211" s="2"/>
      <c r="AF1211" s="4"/>
    </row>
    <row r="1212" spans="2:32">
      <c r="B1212" s="2"/>
      <c r="AF1212" s="4"/>
    </row>
    <row r="1213" spans="2:32">
      <c r="B1213" s="2"/>
      <c r="AF1213" s="4"/>
    </row>
    <row r="1214" spans="2:32">
      <c r="B1214" s="2"/>
      <c r="AF1214" s="4"/>
    </row>
    <row r="1215" spans="2:32">
      <c r="B1215" s="2"/>
      <c r="AF1215" s="4"/>
    </row>
    <row r="1216" spans="2:32">
      <c r="B1216" s="2"/>
      <c r="AF1216" s="4"/>
    </row>
    <row r="1217" spans="2:32">
      <c r="B1217" s="2"/>
      <c r="AF1217" s="4"/>
    </row>
    <row r="1218" spans="2:32">
      <c r="B1218" s="2"/>
      <c r="AF1218" s="4"/>
    </row>
    <row r="1219" spans="2:32">
      <c r="B1219" s="2"/>
      <c r="AF1219" s="4"/>
    </row>
    <row r="1220" spans="2:32">
      <c r="B1220" s="2"/>
      <c r="AF1220" s="4"/>
    </row>
    <row r="1221" spans="2:32">
      <c r="B1221" s="2"/>
      <c r="AF1221" s="4"/>
    </row>
    <row r="1222" spans="2:32">
      <c r="B1222" s="2"/>
      <c r="AF1222" s="4"/>
    </row>
    <row r="1223" spans="2:32">
      <c r="B1223" s="2"/>
      <c r="AF1223" s="4"/>
    </row>
    <row r="1224" spans="2:32">
      <c r="B1224" s="2"/>
      <c r="AF1224" s="4"/>
    </row>
    <row r="1225" spans="2:32">
      <c r="B1225" s="2"/>
      <c r="AF1225" s="4"/>
    </row>
    <row r="1226" spans="2:32">
      <c r="B1226" s="2"/>
      <c r="AF1226" s="4"/>
    </row>
    <row r="1227" spans="2:32">
      <c r="B1227" s="2"/>
      <c r="AF1227" s="4"/>
    </row>
    <row r="1228" spans="2:32">
      <c r="B1228" s="2"/>
      <c r="AF1228" s="4"/>
    </row>
    <row r="1229" spans="2:32">
      <c r="B1229" s="2"/>
      <c r="AF1229" s="4"/>
    </row>
    <row r="1230" spans="2:32">
      <c r="B1230" s="2"/>
      <c r="AF1230" s="4"/>
    </row>
    <row r="1231" spans="2:32">
      <c r="B1231" s="2"/>
      <c r="AF1231" s="4"/>
    </row>
    <row r="1232" spans="2:32">
      <c r="B1232" s="2"/>
      <c r="AF1232" s="4"/>
    </row>
    <row r="1233" spans="2:32">
      <c r="B1233" s="2"/>
      <c r="AF1233" s="4"/>
    </row>
    <row r="1234" spans="2:32">
      <c r="B1234" s="2"/>
      <c r="AF1234" s="4"/>
    </row>
    <row r="1235" spans="2:32">
      <c r="B1235" s="2"/>
      <c r="AF1235" s="4"/>
    </row>
    <row r="1236" spans="2:32">
      <c r="B1236" s="2"/>
      <c r="AF1236" s="4"/>
    </row>
    <row r="1237" spans="2:32">
      <c r="B1237" s="2"/>
      <c r="AF1237" s="4"/>
    </row>
    <row r="1238" spans="2:32">
      <c r="B1238" s="2"/>
      <c r="AF1238" s="4"/>
    </row>
    <row r="1239" spans="2:32">
      <c r="B1239" s="2"/>
      <c r="AF1239" s="4"/>
    </row>
    <row r="1240" spans="2:32">
      <c r="B1240" s="2"/>
      <c r="AF1240" s="4"/>
    </row>
    <row r="1241" spans="2:32">
      <c r="B1241" s="2"/>
      <c r="AF1241" s="4"/>
    </row>
    <row r="1242" spans="2:32">
      <c r="B1242" s="2"/>
      <c r="AF1242" s="4"/>
    </row>
    <row r="1243" spans="2:32">
      <c r="B1243" s="2"/>
      <c r="AF1243" s="4"/>
    </row>
    <row r="1244" spans="2:32">
      <c r="B1244" s="2"/>
      <c r="AF1244" s="4"/>
    </row>
    <row r="1245" spans="2:32">
      <c r="B1245" s="2"/>
      <c r="AF1245" s="4"/>
    </row>
    <row r="1246" spans="2:32">
      <c r="B1246" s="2"/>
      <c r="AF1246" s="4"/>
    </row>
    <row r="1247" spans="2:32">
      <c r="B1247" s="2"/>
      <c r="AF1247" s="4"/>
    </row>
    <row r="1248" spans="2:32">
      <c r="B1248" s="2"/>
      <c r="AF1248" s="4"/>
    </row>
    <row r="1249" spans="2:32">
      <c r="B1249" s="2"/>
      <c r="AF1249" s="4"/>
    </row>
    <row r="1250" spans="2:32">
      <c r="B1250" s="2"/>
      <c r="AF1250" s="4"/>
    </row>
    <row r="1251" spans="2:32">
      <c r="B1251" s="2"/>
      <c r="AF1251" s="4"/>
    </row>
    <row r="1252" spans="2:32">
      <c r="B1252" s="2"/>
      <c r="AF1252" s="4"/>
    </row>
    <row r="1253" spans="2:32">
      <c r="B1253" s="2"/>
      <c r="AF1253" s="4"/>
    </row>
    <row r="1254" spans="2:32">
      <c r="B1254" s="2"/>
      <c r="AF1254" s="4"/>
    </row>
    <row r="1255" spans="2:32">
      <c r="B1255" s="2"/>
      <c r="AF1255" s="4"/>
    </row>
    <row r="1256" spans="2:32">
      <c r="B1256" s="2"/>
      <c r="AF1256" s="4"/>
    </row>
    <row r="1257" spans="2:32">
      <c r="B1257" s="2"/>
      <c r="AF1257" s="4"/>
    </row>
    <row r="1258" spans="2:32">
      <c r="B1258" s="2"/>
      <c r="AF1258" s="4"/>
    </row>
    <row r="1259" spans="2:32">
      <c r="B1259" s="2"/>
      <c r="AF1259" s="4"/>
    </row>
    <row r="1260" spans="2:32">
      <c r="B1260" s="2"/>
      <c r="AF1260" s="4"/>
    </row>
    <row r="1261" spans="2:32">
      <c r="B1261" s="2"/>
      <c r="AF1261" s="4"/>
    </row>
    <row r="1262" spans="2:32">
      <c r="B1262" s="2"/>
      <c r="AF1262" s="4"/>
    </row>
    <row r="1263" spans="2:32">
      <c r="B1263" s="2"/>
      <c r="AF1263" s="4"/>
    </row>
    <row r="1264" spans="2:32">
      <c r="B1264" s="2"/>
      <c r="AF1264" s="4"/>
    </row>
    <row r="1265" spans="2:32">
      <c r="B1265" s="2"/>
      <c r="AF1265" s="4"/>
    </row>
    <row r="1266" spans="2:32">
      <c r="B1266" s="2"/>
      <c r="AF1266" s="4"/>
    </row>
    <row r="1267" spans="2:32">
      <c r="B1267" s="2"/>
      <c r="AF1267" s="4"/>
    </row>
    <row r="1268" spans="2:32">
      <c r="B1268" s="2"/>
      <c r="AF1268" s="4"/>
    </row>
    <row r="1269" spans="2:32">
      <c r="B1269" s="2"/>
      <c r="AF1269" s="4"/>
    </row>
    <row r="1270" spans="2:32">
      <c r="B1270" s="2"/>
      <c r="AF1270" s="4"/>
    </row>
    <row r="1271" spans="2:32">
      <c r="B1271" s="2"/>
      <c r="AF1271" s="4"/>
    </row>
    <row r="1272" spans="2:32">
      <c r="B1272" s="2"/>
      <c r="AF1272" s="4"/>
    </row>
    <row r="1273" spans="2:32">
      <c r="B1273" s="2"/>
      <c r="AF1273" s="4"/>
    </row>
    <row r="1274" spans="2:32">
      <c r="B1274" s="2"/>
      <c r="AF1274" s="4"/>
    </row>
    <row r="1275" spans="2:32">
      <c r="B1275" s="2"/>
      <c r="AF1275" s="4"/>
    </row>
    <row r="1276" spans="2:32">
      <c r="B1276" s="2"/>
      <c r="AF1276" s="4"/>
    </row>
    <row r="1277" spans="2:32">
      <c r="B1277" s="2"/>
      <c r="AF1277" s="4"/>
    </row>
    <row r="1278" spans="2:32">
      <c r="B1278" s="2"/>
      <c r="AF1278" s="4"/>
    </row>
    <row r="1279" spans="2:32">
      <c r="B1279" s="2"/>
      <c r="AF1279" s="4"/>
    </row>
    <row r="1280" spans="2:32">
      <c r="B1280" s="2"/>
      <c r="AF1280" s="4"/>
    </row>
    <row r="1281" spans="2:32">
      <c r="B1281" s="2"/>
      <c r="AF1281" s="4"/>
    </row>
    <row r="1282" spans="2:32">
      <c r="B1282" s="2"/>
      <c r="AF1282" s="4"/>
    </row>
    <row r="1283" spans="2:32">
      <c r="B1283" s="2"/>
      <c r="AF1283" s="4"/>
    </row>
    <row r="1284" spans="2:32">
      <c r="B1284" s="2"/>
      <c r="AF1284" s="4"/>
    </row>
    <row r="1285" spans="2:32">
      <c r="B1285" s="2"/>
      <c r="AF1285" s="4"/>
    </row>
    <row r="1286" spans="2:32">
      <c r="B1286" s="2"/>
      <c r="AF1286" s="4"/>
    </row>
    <row r="1287" spans="2:32">
      <c r="B1287" s="2"/>
      <c r="AF1287" s="4"/>
    </row>
    <row r="1288" spans="2:32">
      <c r="B1288" s="2"/>
      <c r="AF1288" s="4"/>
    </row>
    <row r="1289" spans="2:32">
      <c r="B1289" s="2"/>
      <c r="AF1289" s="4"/>
    </row>
    <row r="1290" spans="2:32">
      <c r="B1290" s="2"/>
      <c r="AF1290" s="4"/>
    </row>
    <row r="1291" spans="2:32">
      <c r="B1291" s="2"/>
      <c r="AF1291" s="4"/>
    </row>
    <row r="1292" spans="2:32">
      <c r="B1292" s="2"/>
      <c r="AF1292" s="4"/>
    </row>
    <row r="1293" spans="2:32">
      <c r="B1293" s="2"/>
      <c r="AF1293" s="4"/>
    </row>
    <row r="1294" spans="2:32">
      <c r="B1294" s="2"/>
      <c r="AF1294" s="4"/>
    </row>
    <row r="1295" spans="2:32">
      <c r="B1295" s="2"/>
      <c r="AF1295" s="4"/>
    </row>
    <row r="1296" spans="2:32">
      <c r="B1296" s="2"/>
      <c r="AF1296" s="4"/>
    </row>
    <row r="1297" spans="2:32">
      <c r="B1297" s="2"/>
      <c r="AF1297" s="4"/>
    </row>
    <row r="1298" spans="2:32">
      <c r="B1298" s="2"/>
      <c r="AF1298" s="4"/>
    </row>
    <row r="1299" spans="2:32">
      <c r="B1299" s="2"/>
      <c r="AF1299" s="4"/>
    </row>
    <row r="1300" spans="2:32">
      <c r="B1300" s="2"/>
      <c r="AF1300" s="4"/>
    </row>
    <row r="1301" spans="2:32">
      <c r="B1301" s="2"/>
      <c r="AF1301" s="4"/>
    </row>
    <row r="1302" spans="2:32">
      <c r="B1302" s="2"/>
      <c r="AF1302" s="4"/>
    </row>
    <row r="1303" spans="2:32">
      <c r="B1303" s="2"/>
      <c r="AF1303" s="4"/>
    </row>
    <row r="1304" spans="2:32">
      <c r="B1304" s="2"/>
      <c r="AF1304" s="4"/>
    </row>
    <row r="1305" spans="2:32">
      <c r="B1305" s="2"/>
      <c r="AF1305" s="4"/>
    </row>
    <row r="1306" spans="2:32">
      <c r="B1306" s="2"/>
      <c r="AF1306" s="4"/>
    </row>
    <row r="1307" spans="2:32">
      <c r="B1307" s="2"/>
      <c r="AF1307" s="4"/>
    </row>
    <row r="1308" spans="2:32">
      <c r="B1308" s="2"/>
      <c r="AF1308" s="4"/>
    </row>
    <row r="1309" spans="2:32">
      <c r="B1309" s="2"/>
      <c r="AF1309" s="4"/>
    </row>
    <row r="1310" spans="2:32">
      <c r="B1310" s="2"/>
      <c r="AF1310" s="4"/>
    </row>
    <row r="1311" spans="2:32">
      <c r="B1311" s="2"/>
      <c r="AF1311" s="4"/>
    </row>
    <row r="1312" spans="2:32">
      <c r="B1312" s="2"/>
      <c r="AF1312" s="4"/>
    </row>
    <row r="1313" spans="2:32">
      <c r="B1313" s="2"/>
      <c r="AF1313" s="4"/>
    </row>
    <row r="1314" spans="2:32">
      <c r="B1314" s="2"/>
      <c r="AF1314" s="4"/>
    </row>
    <row r="1315" spans="2:32">
      <c r="B1315" s="2"/>
      <c r="AF1315" s="4"/>
    </row>
    <row r="1316" spans="2:32">
      <c r="B1316" s="2"/>
      <c r="AF1316" s="4"/>
    </row>
    <row r="1317" spans="2:32">
      <c r="B1317" s="2"/>
      <c r="AF1317" s="4"/>
    </row>
    <row r="1318" spans="2:32">
      <c r="B1318" s="2"/>
      <c r="AF1318" s="4"/>
    </row>
    <row r="1319" spans="2:32">
      <c r="B1319" s="2"/>
      <c r="AF1319" s="4"/>
    </row>
    <row r="1320" spans="2:32">
      <c r="B1320" s="2"/>
      <c r="AF1320" s="4"/>
    </row>
    <row r="1321" spans="2:32">
      <c r="B1321" s="2"/>
      <c r="AF1321" s="4"/>
    </row>
    <row r="1322" spans="2:32">
      <c r="B1322" s="2"/>
      <c r="AF1322" s="4"/>
    </row>
    <row r="1323" spans="2:32">
      <c r="B1323" s="2"/>
      <c r="AF1323" s="4"/>
    </row>
    <row r="1324" spans="2:32">
      <c r="B1324" s="2"/>
      <c r="AF1324" s="4"/>
    </row>
    <row r="1325" spans="2:32">
      <c r="B1325" s="2"/>
      <c r="AF1325" s="4"/>
    </row>
    <row r="1326" spans="2:32">
      <c r="B1326" s="2"/>
      <c r="AF1326" s="4"/>
    </row>
    <row r="1327" spans="2:32">
      <c r="B1327" s="2"/>
      <c r="AF1327" s="4"/>
    </row>
    <row r="1328" spans="2:32">
      <c r="B1328" s="2"/>
      <c r="AF1328" s="4"/>
    </row>
    <row r="1329" spans="2:32">
      <c r="B1329" s="2"/>
      <c r="AF1329" s="4"/>
    </row>
    <row r="1330" spans="2:32">
      <c r="B1330" s="2"/>
      <c r="AF1330" s="4"/>
    </row>
    <row r="1331" spans="2:32">
      <c r="B1331" s="2"/>
      <c r="AF1331" s="4"/>
    </row>
    <row r="1332" spans="2:32">
      <c r="B1332" s="2"/>
      <c r="AF1332" s="4"/>
    </row>
    <row r="1333" spans="2:32">
      <c r="B1333" s="2"/>
      <c r="AF1333" s="4"/>
    </row>
    <row r="1334" spans="2:32">
      <c r="B1334" s="2"/>
      <c r="AF1334" s="4"/>
    </row>
    <row r="1335" spans="2:32">
      <c r="B1335" s="2"/>
      <c r="AF1335" s="4"/>
    </row>
    <row r="1336" spans="2:32">
      <c r="B1336" s="2"/>
      <c r="AF1336" s="4"/>
    </row>
    <row r="1337" spans="2:32">
      <c r="B1337" s="2"/>
      <c r="AF1337" s="4"/>
    </row>
    <row r="1338" spans="2:32">
      <c r="B1338" s="2"/>
      <c r="AF1338" s="4"/>
    </row>
    <row r="1339" spans="2:32">
      <c r="B1339" s="2"/>
      <c r="AF1339" s="4"/>
    </row>
    <row r="1340" spans="2:32">
      <c r="B1340" s="2"/>
      <c r="AF1340" s="4"/>
    </row>
    <row r="1341" spans="2:32">
      <c r="B1341" s="2"/>
      <c r="AF1341" s="4"/>
    </row>
    <row r="1342" spans="2:32">
      <c r="B1342" s="2"/>
      <c r="AF1342" s="4"/>
    </row>
    <row r="1343" spans="2:32">
      <c r="B1343" s="2"/>
      <c r="AF1343" s="4"/>
    </row>
    <row r="1344" spans="2:32">
      <c r="B1344" s="2"/>
      <c r="AF1344" s="4"/>
    </row>
    <row r="1345" spans="2:32">
      <c r="B1345" s="2"/>
      <c r="AF1345" s="4"/>
    </row>
    <row r="1346" spans="2:32">
      <c r="B1346" s="2"/>
      <c r="AF1346" s="4"/>
    </row>
    <row r="1347" spans="2:32">
      <c r="B1347" s="2"/>
      <c r="AF1347" s="4"/>
    </row>
    <row r="1348" spans="2:32">
      <c r="B1348" s="2"/>
      <c r="AF1348" s="4"/>
    </row>
    <row r="1349" spans="2:32">
      <c r="B1349" s="2"/>
      <c r="AF1349" s="4"/>
    </row>
    <row r="1350" spans="2:32">
      <c r="B1350" s="2"/>
      <c r="AF1350" s="4"/>
    </row>
    <row r="1351" spans="2:32">
      <c r="B1351" s="2"/>
      <c r="AF1351" s="4"/>
    </row>
    <row r="1352" spans="2:32">
      <c r="B1352" s="2"/>
      <c r="AF1352" s="4"/>
    </row>
    <row r="1353" spans="2:32">
      <c r="B1353" s="2"/>
      <c r="AF1353" s="4"/>
    </row>
    <row r="1354" spans="2:32">
      <c r="B1354" s="2"/>
      <c r="AF1354" s="4"/>
    </row>
    <row r="1355" spans="2:32">
      <c r="B1355" s="2"/>
      <c r="AF1355" s="4"/>
    </row>
    <row r="1356" spans="2:32">
      <c r="B1356" s="2"/>
      <c r="AF1356" s="4"/>
    </row>
    <row r="1357" spans="2:32">
      <c r="B1357" s="2"/>
      <c r="AF1357" s="4"/>
    </row>
    <row r="1358" spans="2:32">
      <c r="B1358" s="2"/>
      <c r="AF1358" s="4"/>
    </row>
    <row r="1359" spans="2:32">
      <c r="B1359" s="2"/>
      <c r="AF1359" s="4"/>
    </row>
    <row r="1360" spans="2:32">
      <c r="B1360" s="2"/>
      <c r="AF1360" s="4"/>
    </row>
    <row r="1361" spans="2:32">
      <c r="B1361" s="2"/>
      <c r="AF1361" s="4"/>
    </row>
    <row r="1362" spans="2:32">
      <c r="B1362" s="2"/>
      <c r="AF1362" s="4"/>
    </row>
    <row r="1363" spans="2:32">
      <c r="B1363" s="2"/>
      <c r="AF1363" s="4"/>
    </row>
    <row r="1364" spans="2:32">
      <c r="B1364" s="2"/>
      <c r="AF1364" s="4"/>
    </row>
    <row r="1365" spans="2:32">
      <c r="B1365" s="2"/>
      <c r="AF1365" s="4"/>
    </row>
    <row r="1366" spans="2:32">
      <c r="B1366" s="2"/>
      <c r="AF1366" s="4"/>
    </row>
    <row r="1367" spans="2:32">
      <c r="B1367" s="2"/>
      <c r="AF1367" s="4"/>
    </row>
    <row r="1368" spans="2:32">
      <c r="B1368" s="2"/>
      <c r="AF1368" s="4"/>
    </row>
    <row r="1369" spans="2:32">
      <c r="B1369" s="2"/>
      <c r="AF1369" s="4"/>
    </row>
    <row r="1370" spans="2:32">
      <c r="B1370" s="2"/>
      <c r="AF1370" s="4"/>
    </row>
    <row r="1371" spans="2:32">
      <c r="B1371" s="2"/>
      <c r="AF1371" s="4"/>
    </row>
    <row r="1372" spans="2:32">
      <c r="B1372" s="2"/>
      <c r="AF1372" s="4"/>
    </row>
    <row r="1373" spans="2:32">
      <c r="B1373" s="2"/>
      <c r="AF1373" s="4"/>
    </row>
    <row r="1374" spans="2:32">
      <c r="B1374" s="2"/>
      <c r="AF1374" s="4"/>
    </row>
    <row r="1375" spans="2:32">
      <c r="B1375" s="2"/>
      <c r="AF1375" s="4"/>
    </row>
    <row r="1376" spans="2:32">
      <c r="B1376" s="2"/>
      <c r="AF1376" s="4"/>
    </row>
    <row r="1377" spans="2:32">
      <c r="B1377" s="2"/>
      <c r="AF1377" s="4"/>
    </row>
    <row r="1378" spans="2:32">
      <c r="B1378" s="2"/>
      <c r="AF1378" s="4"/>
    </row>
    <row r="1379" spans="2:32">
      <c r="B1379" s="2"/>
      <c r="AF1379" s="4"/>
    </row>
    <row r="1380" spans="2:32">
      <c r="B1380" s="2"/>
      <c r="AF1380" s="4"/>
    </row>
    <row r="1381" spans="2:32">
      <c r="B1381" s="2"/>
      <c r="AF1381" s="4"/>
    </row>
    <row r="1382" spans="2:32">
      <c r="B1382" s="2"/>
      <c r="AF1382" s="4"/>
    </row>
    <row r="1383" spans="2:32">
      <c r="B1383" s="2"/>
      <c r="AF1383" s="4"/>
    </row>
    <row r="1384" spans="2:32">
      <c r="B1384" s="2"/>
      <c r="AF1384" s="4"/>
    </row>
    <row r="1385" spans="2:32">
      <c r="B1385" s="2"/>
      <c r="AF1385" s="4"/>
    </row>
    <row r="1386" spans="2:32">
      <c r="B1386" s="2"/>
      <c r="AF1386" s="4"/>
    </row>
    <row r="1387" spans="2:32">
      <c r="B1387" s="2"/>
      <c r="AF1387" s="4"/>
    </row>
    <row r="1388" spans="2:32">
      <c r="B1388" s="2"/>
      <c r="AF1388" s="4"/>
    </row>
    <row r="1389" spans="2:32">
      <c r="B1389" s="2"/>
      <c r="AF1389" s="4"/>
    </row>
    <row r="1390" spans="2:32">
      <c r="B1390" s="2"/>
      <c r="AF1390" s="4"/>
    </row>
    <row r="1391" spans="2:32">
      <c r="B1391" s="2"/>
      <c r="AF1391" s="4"/>
    </row>
    <row r="1392" spans="2:32">
      <c r="B1392" s="2"/>
      <c r="AF1392" s="4"/>
    </row>
    <row r="1393" spans="2:32">
      <c r="B1393" s="2"/>
      <c r="AF1393" s="4"/>
    </row>
    <row r="1394" spans="2:32">
      <c r="B1394" s="2"/>
      <c r="AF1394" s="4"/>
    </row>
    <row r="1395" spans="2:32">
      <c r="B1395" s="2"/>
      <c r="AF1395" s="4"/>
    </row>
    <row r="1396" spans="2:32">
      <c r="B1396" s="2"/>
      <c r="AF1396" s="4"/>
    </row>
    <row r="1397" spans="2:32">
      <c r="B1397" s="2"/>
      <c r="AF1397" s="4"/>
    </row>
    <row r="1398" spans="2:32">
      <c r="B1398" s="2"/>
      <c r="AF1398" s="4"/>
    </row>
    <row r="1399" spans="2:32">
      <c r="B1399" s="2"/>
      <c r="AF1399" s="4"/>
    </row>
    <row r="1400" spans="2:32">
      <c r="B1400" s="2"/>
      <c r="AF1400" s="4"/>
    </row>
    <row r="1401" spans="2:32">
      <c r="B1401" s="2"/>
      <c r="AF1401" s="4"/>
    </row>
    <row r="1402" spans="2:32">
      <c r="B1402" s="2"/>
      <c r="AF1402" s="4"/>
    </row>
    <row r="1403" spans="2:32">
      <c r="B1403" s="2"/>
      <c r="AF1403" s="4"/>
    </row>
    <row r="1404" spans="2:32">
      <c r="B1404" s="2"/>
      <c r="AF1404" s="4"/>
    </row>
    <row r="1405" spans="2:32">
      <c r="B1405" s="2"/>
      <c r="AF1405" s="4"/>
    </row>
    <row r="1406" spans="2:32">
      <c r="B1406" s="2"/>
      <c r="AF1406" s="4"/>
    </row>
    <row r="1407" spans="2:32">
      <c r="B1407" s="2"/>
      <c r="AF1407" s="4"/>
    </row>
    <row r="1408" spans="2:32">
      <c r="B1408" s="2"/>
      <c r="AF1408" s="4"/>
    </row>
    <row r="1409" spans="2:32">
      <c r="B1409" s="2"/>
      <c r="AF1409" s="4"/>
    </row>
    <row r="1410" spans="2:32">
      <c r="B1410" s="2"/>
      <c r="AF1410" s="4"/>
    </row>
    <row r="1411" spans="2:32">
      <c r="B1411" s="2"/>
      <c r="AF1411" s="4"/>
    </row>
    <row r="1412" spans="2:32">
      <c r="B1412" s="2"/>
      <c r="AF1412" s="4"/>
    </row>
    <row r="1413" spans="2:32">
      <c r="B1413" s="2"/>
      <c r="AF1413" s="4"/>
    </row>
    <row r="1414" spans="2:32">
      <c r="B1414" s="2"/>
      <c r="AF1414" s="4"/>
    </row>
    <row r="1415" spans="2:32">
      <c r="B1415" s="2"/>
      <c r="AF1415" s="4"/>
    </row>
    <row r="1416" spans="2:32">
      <c r="B1416" s="2"/>
      <c r="AF1416" s="4"/>
    </row>
    <row r="1417" spans="2:32">
      <c r="B1417" s="2"/>
      <c r="AF1417" s="4"/>
    </row>
    <row r="1418" spans="2:32">
      <c r="B1418" s="2"/>
      <c r="AF1418" s="4"/>
    </row>
    <row r="1419" spans="2:32">
      <c r="B1419" s="2"/>
      <c r="AF1419" s="4"/>
    </row>
    <row r="1420" spans="2:32">
      <c r="B1420" s="2"/>
      <c r="AF1420" s="4"/>
    </row>
    <row r="1421" spans="2:32">
      <c r="B1421" s="2"/>
      <c r="AF1421" s="4"/>
    </row>
    <row r="1422" spans="2:32">
      <c r="B1422" s="2"/>
      <c r="AF1422" s="4"/>
    </row>
    <row r="1423" spans="2:32">
      <c r="B1423" s="2"/>
      <c r="AF1423" s="4"/>
    </row>
    <row r="1424" spans="2:32">
      <c r="B1424" s="2"/>
      <c r="AF1424" s="4"/>
    </row>
    <row r="1425" spans="2:32">
      <c r="B1425" s="2"/>
      <c r="AF1425" s="4"/>
    </row>
    <row r="1426" spans="2:32">
      <c r="B1426" s="2"/>
      <c r="AF1426" s="4"/>
    </row>
    <row r="1427" spans="2:32">
      <c r="B1427" s="2"/>
      <c r="AF1427" s="4"/>
    </row>
    <row r="1428" spans="2:32">
      <c r="B1428" s="2"/>
      <c r="AF1428" s="4"/>
    </row>
    <row r="1429" spans="2:32">
      <c r="B1429" s="2"/>
      <c r="AF1429" s="4"/>
    </row>
    <row r="1430" spans="2:32">
      <c r="B1430" s="2"/>
      <c r="AF1430" s="4"/>
    </row>
    <row r="1431" spans="2:32">
      <c r="B1431" s="2"/>
      <c r="AF1431" s="4"/>
    </row>
    <row r="1432" spans="2:32">
      <c r="B1432" s="2"/>
      <c r="AF1432" s="4"/>
    </row>
    <row r="1433" spans="2:32">
      <c r="B1433" s="2"/>
      <c r="AF1433" s="4"/>
    </row>
    <row r="1434" spans="2:32">
      <c r="B1434" s="2"/>
      <c r="AF1434" s="4"/>
    </row>
    <row r="1435" spans="2:32">
      <c r="B1435" s="2"/>
      <c r="AF1435" s="4"/>
    </row>
    <row r="1436" spans="2:32">
      <c r="B1436" s="2"/>
      <c r="AF1436" s="4"/>
    </row>
    <row r="1437" spans="2:32">
      <c r="B1437" s="2"/>
      <c r="AF1437" s="4"/>
    </row>
    <row r="1438" spans="2:32">
      <c r="B1438" s="2"/>
      <c r="AF1438" s="4"/>
    </row>
    <row r="1439" spans="2:32">
      <c r="B1439" s="2"/>
      <c r="AF1439" s="4"/>
    </row>
    <row r="1440" spans="2:32">
      <c r="B1440" s="2"/>
      <c r="AF1440" s="4"/>
    </row>
    <row r="1441" spans="2:32">
      <c r="B1441" s="2"/>
      <c r="AF1441" s="4"/>
    </row>
    <row r="1442" spans="2:32">
      <c r="B1442" s="2"/>
      <c r="AF1442" s="4"/>
    </row>
    <row r="1443" spans="2:32">
      <c r="B1443" s="2"/>
      <c r="AF1443" s="4"/>
    </row>
    <row r="1444" spans="2:32">
      <c r="B1444" s="2"/>
      <c r="AF1444" s="4"/>
    </row>
    <row r="1445" spans="2:32">
      <c r="B1445" s="2"/>
      <c r="AF1445" s="4"/>
    </row>
    <row r="1446" spans="2:32">
      <c r="B1446" s="2"/>
      <c r="AF1446" s="4"/>
    </row>
    <row r="1447" spans="2:32">
      <c r="B1447" s="2"/>
      <c r="AF1447" s="4"/>
    </row>
    <row r="1448" spans="2:32">
      <c r="B1448" s="2"/>
      <c r="AF1448" s="4"/>
    </row>
    <row r="1449" spans="2:32">
      <c r="B1449" s="2"/>
      <c r="AF1449" s="4"/>
    </row>
    <row r="1450" spans="2:32">
      <c r="B1450" s="2"/>
      <c r="AF1450" s="4"/>
    </row>
    <row r="1451" spans="2:32">
      <c r="B1451" s="2"/>
      <c r="AF1451" s="4"/>
    </row>
    <row r="1452" spans="2:32">
      <c r="B1452" s="2"/>
      <c r="AF1452" s="4"/>
    </row>
    <row r="1453" spans="2:32">
      <c r="B1453" s="2"/>
      <c r="AF1453" s="4"/>
    </row>
    <row r="1454" spans="2:32">
      <c r="B1454" s="2"/>
      <c r="AF1454" s="4"/>
    </row>
    <row r="1455" spans="2:32">
      <c r="B1455" s="2"/>
      <c r="AF1455" s="4"/>
    </row>
    <row r="1456" spans="2:32">
      <c r="B1456" s="2"/>
      <c r="AF1456" s="4"/>
    </row>
    <row r="1457" spans="2:32">
      <c r="B1457" s="2"/>
      <c r="AF1457" s="4"/>
    </row>
    <row r="1458" spans="2:32">
      <c r="B1458" s="2"/>
      <c r="AF1458" s="4"/>
    </row>
    <row r="1459" spans="2:32">
      <c r="B1459" s="2"/>
      <c r="AF1459" s="4"/>
    </row>
    <row r="1460" spans="2:32">
      <c r="B1460" s="2"/>
      <c r="AF1460" s="4"/>
    </row>
    <row r="1461" spans="2:32">
      <c r="B1461" s="2"/>
      <c r="AF1461" s="4"/>
    </row>
    <row r="1462" spans="2:32">
      <c r="B1462" s="2"/>
      <c r="AF1462" s="4"/>
    </row>
    <row r="1463" spans="2:32">
      <c r="B1463" s="2"/>
      <c r="AF1463" s="4"/>
    </row>
    <row r="1464" spans="2:32">
      <c r="B1464" s="2"/>
      <c r="AF1464" s="4"/>
    </row>
    <row r="1465" spans="2:32">
      <c r="B1465" s="2"/>
      <c r="AF1465" s="4"/>
    </row>
    <row r="1466" spans="2:32">
      <c r="B1466" s="2"/>
      <c r="AF1466" s="4"/>
    </row>
    <row r="1467" spans="2:32">
      <c r="B1467" s="2"/>
      <c r="AF1467" s="4"/>
    </row>
    <row r="1468" spans="2:32">
      <c r="B1468" s="2"/>
      <c r="AF1468" s="4"/>
    </row>
    <row r="1469" spans="2:32">
      <c r="B1469" s="2"/>
      <c r="AF1469" s="4"/>
    </row>
    <row r="1470" spans="2:32">
      <c r="B1470" s="2"/>
      <c r="AF1470" s="4"/>
    </row>
    <row r="1471" spans="2:32">
      <c r="B1471" s="2"/>
      <c r="AF1471" s="4"/>
    </row>
    <row r="1472" spans="2:32">
      <c r="B1472" s="2"/>
      <c r="AF1472" s="4"/>
    </row>
    <row r="1473" spans="2:32">
      <c r="B1473" s="2"/>
      <c r="AF1473" s="4"/>
    </row>
    <row r="1474" spans="2:32">
      <c r="B1474" s="2"/>
      <c r="AF1474" s="4"/>
    </row>
    <row r="1475" spans="2:32">
      <c r="B1475" s="2"/>
      <c r="AF1475" s="4"/>
    </row>
    <row r="1476" spans="2:32">
      <c r="B1476" s="2"/>
      <c r="AF1476" s="4"/>
    </row>
    <row r="1477" spans="2:32">
      <c r="B1477" s="2"/>
      <c r="AF1477" s="4"/>
    </row>
    <row r="1478" spans="2:32">
      <c r="B1478" s="2"/>
      <c r="AF1478" s="4"/>
    </row>
    <row r="1479" spans="2:32">
      <c r="B1479" s="2"/>
      <c r="AF1479" s="4"/>
    </row>
    <row r="1480" spans="2:32">
      <c r="B1480" s="2"/>
      <c r="AF1480" s="4"/>
    </row>
    <row r="1481" spans="2:32">
      <c r="B1481" s="2"/>
      <c r="AF1481" s="4"/>
    </row>
    <row r="1482" spans="2:32">
      <c r="B1482" s="2"/>
      <c r="AF1482" s="4"/>
    </row>
    <row r="1483" spans="2:32">
      <c r="B1483" s="2"/>
      <c r="AF1483" s="4"/>
    </row>
    <row r="1484" spans="2:32">
      <c r="B1484" s="2"/>
      <c r="AF1484" s="4"/>
    </row>
    <row r="1485" spans="2:32">
      <c r="B1485" s="2"/>
      <c r="AF1485" s="4"/>
    </row>
    <row r="1486" spans="2:32">
      <c r="B1486" s="2"/>
      <c r="AF1486" s="4"/>
    </row>
    <row r="1487" spans="2:32">
      <c r="B1487" s="2"/>
      <c r="AF1487" s="4"/>
    </row>
    <row r="1488" spans="2:32">
      <c r="B1488" s="2"/>
      <c r="AF1488" s="4"/>
    </row>
    <row r="1489" spans="2:32">
      <c r="B1489" s="2"/>
      <c r="AF1489" s="4"/>
    </row>
    <row r="1490" spans="2:32">
      <c r="B1490" s="2"/>
      <c r="AF1490" s="4"/>
    </row>
    <row r="1491" spans="2:32">
      <c r="B1491" s="2"/>
      <c r="AF1491" s="4"/>
    </row>
    <row r="1492" spans="2:32">
      <c r="B1492" s="2"/>
      <c r="AF1492" s="4"/>
    </row>
    <row r="1493" spans="2:32">
      <c r="B1493" s="2"/>
      <c r="AF1493" s="4"/>
    </row>
    <row r="1494" spans="2:32">
      <c r="B1494" s="2"/>
      <c r="AF1494" s="4"/>
    </row>
    <row r="1495" spans="2:32">
      <c r="B1495" s="2"/>
      <c r="AF1495" s="4"/>
    </row>
    <row r="1496" spans="2:32">
      <c r="B1496" s="2"/>
      <c r="AF1496" s="4"/>
    </row>
    <row r="1497" spans="2:32">
      <c r="B1497" s="2"/>
      <c r="AF1497" s="4"/>
    </row>
    <row r="1498" spans="2:32">
      <c r="B1498" s="2"/>
      <c r="AF1498" s="4"/>
    </row>
    <row r="1499" spans="2:32">
      <c r="B1499" s="2"/>
      <c r="AF1499" s="4"/>
    </row>
    <row r="1500" spans="2:32">
      <c r="B1500" s="2"/>
      <c r="AF1500" s="4"/>
    </row>
    <row r="1501" spans="2:32">
      <c r="B1501" s="2"/>
      <c r="AF1501" s="4"/>
    </row>
    <row r="1502" spans="2:32">
      <c r="B1502" s="2"/>
      <c r="AF1502" s="4"/>
    </row>
    <row r="1503" spans="2:32">
      <c r="B1503" s="2"/>
      <c r="AF1503" s="4"/>
    </row>
    <row r="1504" spans="2:32">
      <c r="B1504" s="2"/>
      <c r="AF1504" s="4"/>
    </row>
    <row r="1505" spans="2:32">
      <c r="B1505" s="2"/>
      <c r="AF1505" s="4"/>
    </row>
    <row r="1506" spans="2:32">
      <c r="B1506" s="2"/>
      <c r="AF1506" s="4"/>
    </row>
    <row r="1507" spans="2:32">
      <c r="B1507" s="2"/>
      <c r="AF1507" s="4"/>
    </row>
    <row r="1508" spans="2:32">
      <c r="B1508" s="2"/>
      <c r="AF1508" s="4"/>
    </row>
    <row r="1509" spans="2:32">
      <c r="B1509" s="2"/>
      <c r="AF1509" s="4"/>
    </row>
    <row r="1510" spans="2:32">
      <c r="B1510" s="2"/>
      <c r="AF1510" s="4"/>
    </row>
    <row r="1511" spans="2:32">
      <c r="B1511" s="2"/>
      <c r="AF1511" s="4"/>
    </row>
    <row r="1512" spans="2:32">
      <c r="B1512" s="2"/>
      <c r="AF1512" s="4"/>
    </row>
    <row r="1513" spans="2:32">
      <c r="B1513" s="2"/>
      <c r="AF1513" s="4"/>
    </row>
    <row r="1514" spans="2:32">
      <c r="B1514" s="2"/>
      <c r="AF1514" s="4"/>
    </row>
    <row r="1515" spans="2:32">
      <c r="B1515" s="2"/>
      <c r="AF1515" s="4"/>
    </row>
    <row r="1516" spans="2:32">
      <c r="B1516" s="2"/>
      <c r="AF1516" s="4"/>
    </row>
    <row r="1517" spans="2:32">
      <c r="B1517" s="2"/>
      <c r="AF1517" s="4"/>
    </row>
    <row r="1518" spans="2:32">
      <c r="B1518" s="2"/>
      <c r="AF1518" s="4"/>
    </row>
    <row r="1519" spans="2:32">
      <c r="B1519" s="2"/>
      <c r="AF1519" s="4"/>
    </row>
    <row r="1520" spans="2:32">
      <c r="B1520" s="2"/>
      <c r="AF1520" s="4"/>
    </row>
    <row r="1521" spans="2:32">
      <c r="B1521" s="2"/>
      <c r="AF1521" s="4"/>
    </row>
    <row r="1522" spans="2:32">
      <c r="B1522" s="2"/>
      <c r="AF1522" s="4"/>
    </row>
    <row r="1523" spans="2:32">
      <c r="B1523" s="2"/>
      <c r="AF1523" s="4"/>
    </row>
    <row r="1524" spans="2:32">
      <c r="B1524" s="2"/>
      <c r="AF1524" s="4"/>
    </row>
    <row r="1525" spans="2:32">
      <c r="B1525" s="2"/>
      <c r="AF1525" s="4"/>
    </row>
    <row r="1526" spans="2:32">
      <c r="B1526" s="2"/>
      <c r="AF1526" s="4"/>
    </row>
    <row r="1527" spans="2:32">
      <c r="B1527" s="2"/>
      <c r="AF1527" s="4"/>
    </row>
    <row r="1528" spans="2:32">
      <c r="B1528" s="2"/>
      <c r="AF1528" s="4"/>
    </row>
    <row r="1529" spans="2:32">
      <c r="B1529" s="2"/>
      <c r="AF1529" s="4"/>
    </row>
    <row r="1530" spans="2:32">
      <c r="B1530" s="2"/>
      <c r="AF1530" s="4"/>
    </row>
    <row r="1531" spans="2:32">
      <c r="B1531" s="2"/>
      <c r="AF1531" s="4"/>
    </row>
    <row r="1532" spans="2:32">
      <c r="B1532" s="2"/>
      <c r="AF1532" s="4"/>
    </row>
    <row r="1533" spans="2:32">
      <c r="B1533" s="2"/>
      <c r="AF1533" s="4"/>
    </row>
    <row r="1534" spans="2:32">
      <c r="B1534" s="2"/>
      <c r="AF1534" s="4"/>
    </row>
    <row r="1535" spans="2:32">
      <c r="B1535" s="2"/>
      <c r="AF1535" s="4"/>
    </row>
    <row r="1536" spans="2:32">
      <c r="B1536" s="2"/>
      <c r="AF1536" s="4"/>
    </row>
    <row r="1537" spans="2:32">
      <c r="B1537" s="2"/>
      <c r="AF1537" s="4"/>
    </row>
    <row r="1538" spans="2:32">
      <c r="B1538" s="2"/>
      <c r="AF1538" s="4"/>
    </row>
    <row r="1539" spans="2:32">
      <c r="B1539" s="2"/>
      <c r="AF1539" s="4"/>
    </row>
    <row r="1540" spans="2:32">
      <c r="B1540" s="2"/>
      <c r="AF1540" s="4"/>
    </row>
    <row r="1541" spans="2:32">
      <c r="B1541" s="2"/>
      <c r="AF1541" s="4"/>
    </row>
    <row r="1542" spans="2:32">
      <c r="B1542" s="2"/>
      <c r="AF1542" s="4"/>
    </row>
    <row r="1543" spans="2:32">
      <c r="B1543" s="2"/>
      <c r="AF1543" s="4"/>
    </row>
    <row r="1544" spans="2:32">
      <c r="B1544" s="2"/>
      <c r="AF1544" s="4"/>
    </row>
    <row r="1545" spans="2:32">
      <c r="B1545" s="2"/>
      <c r="AF1545" s="4"/>
    </row>
    <row r="1546" spans="2:32">
      <c r="B1546" s="2"/>
      <c r="AF1546" s="4"/>
    </row>
    <row r="1547" spans="2:32">
      <c r="B1547" s="2"/>
      <c r="AF1547" s="4"/>
    </row>
    <row r="1548" spans="2:32">
      <c r="B1548" s="2"/>
      <c r="AF1548" s="4"/>
    </row>
    <row r="1549" spans="2:32">
      <c r="B1549" s="2"/>
      <c r="AF1549" s="4"/>
    </row>
    <row r="1550" spans="2:32">
      <c r="B1550" s="2"/>
      <c r="AF1550" s="4"/>
    </row>
    <row r="1551" spans="2:32">
      <c r="B1551" s="2"/>
      <c r="AF1551" s="4"/>
    </row>
    <row r="1552" spans="2:32">
      <c r="B1552" s="2"/>
      <c r="AF1552" s="4"/>
    </row>
    <row r="1553" spans="2:32">
      <c r="B1553" s="2"/>
      <c r="AF1553" s="4"/>
    </row>
    <row r="1554" spans="2:32">
      <c r="B1554" s="2"/>
      <c r="AF1554" s="4"/>
    </row>
    <row r="1555" spans="2:32">
      <c r="B1555" s="2"/>
      <c r="AF1555" s="4"/>
    </row>
    <row r="1556" spans="2:32">
      <c r="B1556" s="2"/>
      <c r="AF1556" s="4"/>
    </row>
    <row r="1557" spans="2:32">
      <c r="B1557" s="2"/>
      <c r="AF1557" s="4"/>
    </row>
    <row r="1558" spans="2:32">
      <c r="B1558" s="2"/>
      <c r="AF1558" s="4"/>
    </row>
    <row r="1559" spans="2:32">
      <c r="B1559" s="2"/>
      <c r="AF1559" s="4"/>
    </row>
    <row r="1560" spans="2:32">
      <c r="B1560" s="2"/>
      <c r="AF1560" s="4"/>
    </row>
    <row r="1561" spans="2:32">
      <c r="B1561" s="2"/>
      <c r="AF1561" s="4"/>
    </row>
    <row r="1562" spans="2:32">
      <c r="B1562" s="2"/>
      <c r="AF1562" s="4"/>
    </row>
    <row r="1563" spans="2:32">
      <c r="B1563" s="2"/>
      <c r="AF1563" s="4"/>
    </row>
    <row r="1564" spans="2:32">
      <c r="B1564" s="2"/>
      <c r="AF1564" s="4"/>
    </row>
    <row r="1565" spans="2:32">
      <c r="B1565" s="2"/>
      <c r="AF1565" s="4"/>
    </row>
    <row r="1566" spans="2:32">
      <c r="B1566" s="2"/>
      <c r="AF1566" s="4"/>
    </row>
    <row r="1567" spans="2:32">
      <c r="B1567" s="2"/>
      <c r="AF1567" s="4"/>
    </row>
    <row r="1568" spans="2:32">
      <c r="B1568" s="2"/>
      <c r="AF1568" s="4"/>
    </row>
    <row r="1569" spans="2:32">
      <c r="B1569" s="2"/>
      <c r="AF1569" s="4"/>
    </row>
    <row r="1570" spans="2:32">
      <c r="B1570" s="2"/>
      <c r="AF1570" s="4"/>
    </row>
    <row r="1571" spans="2:32">
      <c r="B1571" s="2"/>
      <c r="AF1571" s="4"/>
    </row>
    <row r="1572" spans="2:32">
      <c r="B1572" s="2"/>
      <c r="AF1572" s="4"/>
    </row>
    <row r="1573" spans="2:32">
      <c r="B1573" s="2"/>
      <c r="AF1573" s="4"/>
    </row>
    <row r="1574" spans="2:32">
      <c r="B1574" s="2"/>
      <c r="AF1574" s="4"/>
    </row>
    <row r="1575" spans="2:32">
      <c r="B1575" s="2"/>
      <c r="AF1575" s="4"/>
    </row>
    <row r="1576" spans="2:32">
      <c r="B1576" s="2"/>
      <c r="AF1576" s="4"/>
    </row>
    <row r="1577" spans="2:32">
      <c r="B1577" s="2"/>
      <c r="AF1577" s="4"/>
    </row>
    <row r="1578" spans="2:32">
      <c r="B1578" s="2"/>
      <c r="AF1578" s="4"/>
    </row>
    <row r="1579" spans="2:32">
      <c r="B1579" s="2"/>
      <c r="AF1579" s="4"/>
    </row>
    <row r="1580" spans="2:32">
      <c r="B1580" s="2"/>
      <c r="AF1580" s="4"/>
    </row>
    <row r="1581" spans="2:32">
      <c r="B1581" s="2"/>
      <c r="AF1581" s="4"/>
    </row>
    <row r="1582" spans="2:32">
      <c r="B1582" s="2"/>
      <c r="AF1582" s="4"/>
    </row>
    <row r="1583" spans="2:32">
      <c r="B1583" s="2"/>
      <c r="AF1583" s="4"/>
    </row>
    <row r="1584" spans="2:32">
      <c r="B1584" s="2"/>
      <c r="AF1584" s="4"/>
    </row>
    <row r="1585" spans="2:32">
      <c r="B1585" s="2"/>
      <c r="AF1585" s="4"/>
    </row>
    <row r="1586" spans="2:32">
      <c r="B1586" s="2"/>
      <c r="AF1586" s="4"/>
    </row>
    <row r="1587" spans="2:32">
      <c r="B1587" s="2"/>
      <c r="AF1587" s="4"/>
    </row>
    <row r="1588" spans="2:32">
      <c r="B1588" s="2"/>
      <c r="AF1588" s="4"/>
    </row>
    <row r="1589" spans="2:32">
      <c r="B1589" s="2"/>
      <c r="AF1589" s="4"/>
    </row>
    <row r="1590" spans="2:32">
      <c r="B1590" s="2"/>
      <c r="AF1590" s="4"/>
    </row>
    <row r="1591" spans="2:32">
      <c r="B1591" s="2"/>
      <c r="AF1591" s="4"/>
    </row>
    <row r="1592" spans="2:32">
      <c r="B1592" s="2"/>
      <c r="AF1592" s="4"/>
    </row>
    <row r="1593" spans="2:32">
      <c r="B1593" s="2"/>
      <c r="AF1593" s="4"/>
    </row>
    <row r="1594" spans="2:32">
      <c r="B1594" s="2"/>
      <c r="AF1594" s="4"/>
    </row>
    <row r="1595" spans="2:32">
      <c r="B1595" s="2"/>
      <c r="AF1595" s="4"/>
    </row>
    <row r="1596" spans="2:32">
      <c r="B1596" s="2"/>
      <c r="AF1596" s="4"/>
    </row>
    <row r="1597" spans="2:32">
      <c r="B1597" s="2"/>
      <c r="AF1597" s="4"/>
    </row>
    <row r="1598" spans="2:32">
      <c r="B1598" s="2"/>
      <c r="AF1598" s="4"/>
    </row>
    <row r="1599" spans="2:32">
      <c r="B1599" s="2"/>
      <c r="AF1599" s="4"/>
    </row>
    <row r="1600" spans="2:32">
      <c r="B1600" s="2"/>
      <c r="AF1600" s="4"/>
    </row>
    <row r="1601" spans="2:32">
      <c r="B1601" s="2"/>
      <c r="AF1601" s="4"/>
    </row>
    <row r="1602" spans="2:32">
      <c r="B1602" s="2"/>
      <c r="AF1602" s="4"/>
    </row>
    <row r="1603" spans="2:32">
      <c r="B1603" s="2"/>
      <c r="AF1603" s="4"/>
    </row>
    <row r="1604" spans="2:32">
      <c r="B1604" s="2"/>
      <c r="AF1604" s="4"/>
    </row>
    <row r="1605" spans="2:32">
      <c r="B1605" s="2"/>
      <c r="AF1605" s="4"/>
    </row>
    <row r="1606" spans="2:32">
      <c r="B1606" s="2"/>
      <c r="AF1606" s="4"/>
    </row>
    <row r="1607" spans="2:32">
      <c r="B1607" s="2"/>
      <c r="AF1607" s="4"/>
    </row>
    <row r="1608" spans="2:32">
      <c r="B1608" s="2"/>
      <c r="AF1608" s="4"/>
    </row>
    <row r="1609" spans="2:32">
      <c r="B1609" s="2"/>
      <c r="AF1609" s="4"/>
    </row>
    <row r="1610" spans="2:32">
      <c r="B1610" s="2"/>
      <c r="AF1610" s="4"/>
    </row>
    <row r="1611" spans="2:32">
      <c r="B1611" s="2"/>
      <c r="AF1611" s="4"/>
    </row>
    <row r="1612" spans="2:32">
      <c r="B1612" s="2"/>
      <c r="AF1612" s="4"/>
    </row>
    <row r="1613" spans="2:32">
      <c r="B1613" s="2"/>
      <c r="AF1613" s="4"/>
    </row>
    <row r="1614" spans="2:32">
      <c r="B1614" s="2"/>
      <c r="AF1614" s="4"/>
    </row>
    <row r="1615" spans="2:32">
      <c r="B1615" s="2"/>
      <c r="AF1615" s="4"/>
    </row>
    <row r="1616" spans="2:32">
      <c r="B1616" s="2"/>
      <c r="AF1616" s="4"/>
    </row>
    <row r="1617" spans="2:32">
      <c r="B1617" s="2"/>
      <c r="AF1617" s="4"/>
    </row>
    <row r="1618" spans="2:32">
      <c r="B1618" s="2"/>
      <c r="AF1618" s="4"/>
    </row>
    <row r="1619" spans="2:32">
      <c r="B1619" s="2"/>
      <c r="AF1619" s="4"/>
    </row>
    <row r="1620" spans="2:32">
      <c r="B1620" s="2"/>
      <c r="AF1620" s="4"/>
    </row>
    <row r="1621" spans="2:32">
      <c r="B1621" s="2"/>
      <c r="AF1621" s="4"/>
    </row>
    <row r="1622" spans="2:32">
      <c r="B1622" s="2"/>
      <c r="AF1622" s="4"/>
    </row>
    <row r="1623" spans="2:32">
      <c r="B1623" s="2"/>
      <c r="AF1623" s="4"/>
    </row>
    <row r="1624" spans="2:32">
      <c r="B1624" s="2"/>
      <c r="AF1624" s="4"/>
    </row>
    <row r="1625" spans="2:32">
      <c r="B1625" s="2"/>
      <c r="AF1625" s="4"/>
    </row>
    <row r="1626" spans="2:32">
      <c r="B1626" s="2"/>
      <c r="AF1626" s="4"/>
    </row>
    <row r="1627" spans="2:32">
      <c r="B1627" s="2"/>
      <c r="AF1627" s="4"/>
    </row>
    <row r="1628" spans="2:32">
      <c r="B1628" s="2"/>
      <c r="AF1628" s="4"/>
    </row>
    <row r="1629" spans="2:32">
      <c r="B1629" s="2"/>
      <c r="AF1629" s="4"/>
    </row>
    <row r="1630" spans="2:32">
      <c r="B1630" s="2"/>
      <c r="AF1630" s="4"/>
    </row>
    <row r="1631" spans="2:32">
      <c r="B1631" s="2"/>
      <c r="AF1631" s="4"/>
    </row>
    <row r="1632" spans="2:32">
      <c r="B1632" s="2"/>
      <c r="AF1632" s="4"/>
    </row>
    <row r="1633" spans="2:32">
      <c r="B1633" s="2"/>
      <c r="AF1633" s="4"/>
    </row>
    <row r="1634" spans="2:32">
      <c r="B1634" s="2"/>
      <c r="AF1634" s="4"/>
    </row>
    <row r="1635" spans="2:32">
      <c r="B1635" s="2"/>
      <c r="AF1635" s="4"/>
    </row>
    <row r="1636" spans="2:32">
      <c r="B1636" s="2"/>
      <c r="AF1636" s="4"/>
    </row>
    <row r="1637" spans="2:32">
      <c r="B1637" s="2"/>
      <c r="AF1637" s="4"/>
    </row>
    <row r="1638" spans="2:32">
      <c r="B1638" s="2"/>
      <c r="AF1638" s="4"/>
    </row>
    <row r="1639" spans="2:32">
      <c r="B1639" s="2"/>
      <c r="AF1639" s="4"/>
    </row>
    <row r="1640" spans="2:32">
      <c r="B1640" s="2"/>
      <c r="AF1640" s="4"/>
    </row>
    <row r="1641" spans="2:32">
      <c r="B1641" s="2"/>
      <c r="AF1641" s="4"/>
    </row>
    <row r="1642" spans="2:32">
      <c r="B1642" s="2"/>
      <c r="AF1642" s="4"/>
    </row>
    <row r="1643" spans="2:32">
      <c r="B1643" s="2"/>
      <c r="AF1643" s="4"/>
    </row>
    <row r="1644" spans="2:32">
      <c r="B1644" s="2"/>
      <c r="AF1644" s="4"/>
    </row>
    <row r="1645" spans="2:32">
      <c r="B1645" s="2"/>
      <c r="AF1645" s="4"/>
    </row>
    <row r="1646" spans="2:32">
      <c r="B1646" s="2"/>
      <c r="AF1646" s="4"/>
    </row>
    <row r="1647" spans="2:32">
      <c r="B1647" s="2"/>
      <c r="AF1647" s="4"/>
    </row>
    <row r="1648" spans="2:32">
      <c r="B1648" s="2"/>
      <c r="AF1648" s="4"/>
    </row>
    <row r="1649" spans="2:32">
      <c r="B1649" s="2"/>
      <c r="AF1649" s="4"/>
    </row>
    <row r="1650" spans="2:32">
      <c r="B1650" s="2"/>
      <c r="AF1650" s="4"/>
    </row>
    <row r="1651" spans="2:32">
      <c r="B1651" s="2"/>
      <c r="AF1651" s="4"/>
    </row>
    <row r="1652" spans="2:32">
      <c r="B1652" s="2"/>
      <c r="AF1652" s="4"/>
    </row>
    <row r="1653" spans="2:32">
      <c r="B1653" s="2"/>
      <c r="AF1653" s="4"/>
    </row>
    <row r="1654" spans="2:32">
      <c r="B1654" s="2"/>
      <c r="AF1654" s="4"/>
    </row>
    <row r="1655" spans="2:32">
      <c r="B1655" s="2"/>
      <c r="AF1655" s="4"/>
    </row>
    <row r="1656" spans="2:32">
      <c r="B1656" s="2"/>
      <c r="AF1656" s="4"/>
    </row>
    <row r="1657" spans="2:32">
      <c r="B1657" s="2"/>
      <c r="AF1657" s="4"/>
    </row>
    <row r="1658" spans="2:32">
      <c r="B1658" s="2"/>
      <c r="AF1658" s="4"/>
    </row>
    <row r="1659" spans="2:32">
      <c r="B1659" s="2"/>
      <c r="AF1659" s="4"/>
    </row>
    <row r="1660" spans="2:32">
      <c r="B1660" s="2"/>
      <c r="AF1660" s="4"/>
    </row>
    <row r="1661" spans="2:32">
      <c r="B1661" s="2"/>
      <c r="AF1661" s="4"/>
    </row>
    <row r="1662" spans="2:32">
      <c r="B1662" s="2"/>
      <c r="AF1662" s="4"/>
    </row>
    <row r="1663" spans="2:32">
      <c r="B1663" s="2"/>
      <c r="AF1663" s="4"/>
    </row>
    <row r="1664" spans="2:32">
      <c r="B1664" s="2"/>
      <c r="AF1664" s="4"/>
    </row>
    <row r="1665" spans="2:32">
      <c r="B1665" s="2"/>
      <c r="AF1665" s="4"/>
    </row>
    <row r="1666" spans="2:32">
      <c r="B1666" s="2"/>
      <c r="AF1666" s="4"/>
    </row>
    <row r="1667" spans="2:32">
      <c r="B1667" s="2"/>
      <c r="AF1667" s="4"/>
    </row>
    <row r="1668" spans="2:32">
      <c r="B1668" s="2"/>
      <c r="AF1668" s="4"/>
    </row>
    <row r="1669" spans="2:32">
      <c r="B1669" s="2"/>
      <c r="AF1669" s="4"/>
    </row>
    <row r="1670" spans="2:32">
      <c r="B1670" s="2"/>
      <c r="AF1670" s="4"/>
    </row>
    <row r="1671" spans="2:32">
      <c r="B1671" s="2"/>
      <c r="AF1671" s="4"/>
    </row>
    <row r="1672" spans="2:32">
      <c r="B1672" s="2"/>
      <c r="AF1672" s="4"/>
    </row>
    <row r="1673" spans="2:32">
      <c r="B1673" s="2"/>
      <c r="AF1673" s="4"/>
    </row>
    <row r="1674" spans="2:32">
      <c r="B1674" s="2"/>
      <c r="AF1674" s="4"/>
    </row>
    <row r="1675" spans="2:32">
      <c r="B1675" s="2"/>
      <c r="AF1675" s="4"/>
    </row>
    <row r="1676" spans="2:32">
      <c r="B1676" s="2"/>
      <c r="AF1676" s="4"/>
    </row>
    <row r="1677" spans="2:32">
      <c r="B1677" s="2"/>
      <c r="AF1677" s="4"/>
    </row>
    <row r="1678" spans="2:32">
      <c r="B1678" s="2"/>
      <c r="AF1678" s="4"/>
    </row>
    <row r="1679" spans="2:32">
      <c r="B1679" s="2"/>
      <c r="AF1679" s="4"/>
    </row>
    <row r="1680" spans="2:32">
      <c r="B1680" s="2"/>
      <c r="AF1680" s="4"/>
    </row>
    <row r="1681" spans="2:32">
      <c r="B1681" s="2"/>
      <c r="AF1681" s="4"/>
    </row>
    <row r="1682" spans="2:32">
      <c r="B1682" s="2"/>
      <c r="AF1682" s="4"/>
    </row>
    <row r="1683" spans="2:32">
      <c r="B1683" s="2"/>
      <c r="AF1683" s="4"/>
    </row>
    <row r="1684" spans="2:32">
      <c r="B1684" s="2"/>
      <c r="AF1684" s="4"/>
    </row>
    <row r="1685" spans="2:32">
      <c r="B1685" s="2"/>
      <c r="AF1685" s="4"/>
    </row>
    <row r="1686" spans="2:32">
      <c r="B1686" s="2"/>
      <c r="AF1686" s="4"/>
    </row>
    <row r="1687" spans="2:32">
      <c r="B1687" s="2"/>
      <c r="AF1687" s="4"/>
    </row>
    <row r="1688" spans="2:32">
      <c r="B1688" s="2"/>
      <c r="AF1688" s="4"/>
    </row>
    <row r="1689" spans="2:32">
      <c r="B1689" s="2"/>
      <c r="AF1689" s="4"/>
    </row>
    <row r="1690" spans="2:32">
      <c r="B1690" s="2"/>
      <c r="AF1690" s="4"/>
    </row>
    <row r="1691" spans="2:32">
      <c r="B1691" s="2"/>
      <c r="AF1691" s="4"/>
    </row>
    <row r="1692" spans="2:32">
      <c r="B1692" s="2"/>
      <c r="AF1692" s="4"/>
    </row>
    <row r="1693" spans="2:32">
      <c r="B1693" s="2"/>
      <c r="AF1693" s="4"/>
    </row>
    <row r="1694" spans="2:32">
      <c r="B1694" s="2"/>
      <c r="AF1694" s="4"/>
    </row>
    <row r="1695" spans="2:32">
      <c r="B1695" s="2"/>
      <c r="AF1695" s="4"/>
    </row>
    <row r="1696" spans="2:32">
      <c r="B1696" s="2"/>
      <c r="AF1696" s="4"/>
    </row>
    <row r="1697" spans="2:32">
      <c r="B1697" s="2"/>
      <c r="AF1697" s="4"/>
    </row>
    <row r="1698" spans="2:32">
      <c r="B1698" s="2"/>
      <c r="AF1698" s="4"/>
    </row>
    <row r="1699" spans="2:32">
      <c r="B1699" s="2"/>
      <c r="AF1699" s="4"/>
    </row>
    <row r="1700" spans="2:32">
      <c r="B1700" s="2"/>
      <c r="AF1700" s="4"/>
    </row>
    <row r="1701" spans="2:32">
      <c r="B1701" s="2"/>
      <c r="AF1701" s="4"/>
    </row>
    <row r="1702" spans="2:32">
      <c r="B1702" s="2"/>
      <c r="AF1702" s="4"/>
    </row>
    <row r="1703" spans="2:32">
      <c r="B1703" s="2"/>
      <c r="AF1703" s="4"/>
    </row>
    <row r="1704" spans="2:32">
      <c r="B1704" s="2"/>
      <c r="AF1704" s="4"/>
    </row>
    <row r="1705" spans="2:32">
      <c r="B1705" s="2"/>
      <c r="AF1705" s="4"/>
    </row>
    <row r="1706" spans="2:32">
      <c r="B1706" s="2"/>
      <c r="AF1706" s="4"/>
    </row>
    <row r="1707" spans="2:32">
      <c r="B1707" s="2"/>
      <c r="AF1707" s="4"/>
    </row>
    <row r="1708" spans="2:32">
      <c r="B1708" s="2"/>
      <c r="AF1708" s="4"/>
    </row>
    <row r="1709" spans="2:32">
      <c r="B1709" s="2"/>
      <c r="AF1709" s="4"/>
    </row>
    <row r="1710" spans="2:32">
      <c r="B1710" s="2"/>
      <c r="AF1710" s="4"/>
    </row>
    <row r="1711" spans="2:32">
      <c r="B1711" s="2"/>
      <c r="AF1711" s="4"/>
    </row>
    <row r="1712" spans="2:32">
      <c r="B1712" s="2"/>
      <c r="AF1712" s="4"/>
    </row>
    <row r="1713" spans="2:32">
      <c r="B1713" s="2"/>
      <c r="AF1713" s="4"/>
    </row>
    <row r="1714" spans="2:32">
      <c r="B1714" s="2"/>
      <c r="AF1714" s="4"/>
    </row>
    <row r="1715" spans="2:32">
      <c r="B1715" s="2"/>
      <c r="AF1715" s="4"/>
    </row>
    <row r="1716" spans="2:32">
      <c r="B1716" s="2"/>
      <c r="AF1716" s="4"/>
    </row>
    <row r="1717" spans="2:32">
      <c r="B1717" s="2"/>
      <c r="AF1717" s="4"/>
    </row>
    <row r="1718" spans="2:32">
      <c r="B1718" s="2"/>
      <c r="AF1718" s="4"/>
    </row>
    <row r="1719" spans="2:32">
      <c r="B1719" s="2"/>
      <c r="AF1719" s="4"/>
    </row>
    <row r="1720" spans="2:32">
      <c r="B1720" s="2"/>
      <c r="AF1720" s="4"/>
    </row>
    <row r="1721" spans="2:32">
      <c r="B1721" s="2"/>
      <c r="AF1721" s="4"/>
    </row>
    <row r="1722" spans="2:32">
      <c r="B1722" s="2"/>
      <c r="AF1722" s="4"/>
    </row>
    <row r="1723" spans="2:32">
      <c r="B1723" s="2"/>
      <c r="AF1723" s="4"/>
    </row>
    <row r="1724" spans="2:32">
      <c r="B1724" s="2"/>
      <c r="AF1724" s="4"/>
    </row>
    <row r="1725" spans="2:32">
      <c r="B1725" s="2"/>
      <c r="AF1725" s="4"/>
    </row>
    <row r="1726" spans="2:32">
      <c r="B1726" s="2"/>
      <c r="AF1726" s="4"/>
    </row>
    <row r="1727" spans="2:32">
      <c r="B1727" s="2"/>
      <c r="AF1727" s="4"/>
    </row>
    <row r="1728" spans="2:32">
      <c r="B1728" s="2"/>
      <c r="AF1728" s="4"/>
    </row>
    <row r="1729" spans="2:32">
      <c r="B1729" s="2"/>
      <c r="AF1729" s="4"/>
    </row>
    <row r="1730" spans="2:32">
      <c r="B1730" s="2"/>
      <c r="AF1730" s="4"/>
    </row>
    <row r="1731" spans="2:32">
      <c r="B1731" s="2"/>
      <c r="AF1731" s="4"/>
    </row>
    <row r="1732" spans="2:32">
      <c r="B1732" s="2"/>
      <c r="AF1732" s="4"/>
    </row>
    <row r="1733" spans="2:32">
      <c r="B1733" s="2"/>
      <c r="AF1733" s="4"/>
    </row>
    <row r="1734" spans="2:32">
      <c r="B1734" s="2"/>
      <c r="AF1734" s="4"/>
    </row>
    <row r="1735" spans="2:32">
      <c r="B1735" s="2"/>
      <c r="AF1735" s="4"/>
    </row>
    <row r="1736" spans="2:32">
      <c r="B1736" s="2"/>
      <c r="AF1736" s="4"/>
    </row>
    <row r="1737" spans="2:32">
      <c r="B1737" s="2"/>
      <c r="AF1737" s="4"/>
    </row>
    <row r="1738" spans="2:32">
      <c r="B1738" s="2"/>
      <c r="AF1738" s="4"/>
    </row>
    <row r="1739" spans="2:32">
      <c r="B1739" s="2"/>
      <c r="AF1739" s="4"/>
    </row>
    <row r="1740" spans="2:32">
      <c r="B1740" s="2"/>
      <c r="AF1740" s="4"/>
    </row>
    <row r="1741" spans="2:32">
      <c r="B1741" s="2"/>
      <c r="AF1741" s="4"/>
    </row>
    <row r="1742" spans="2:32">
      <c r="B1742" s="2"/>
      <c r="AF1742" s="4"/>
    </row>
    <row r="1743" spans="2:32">
      <c r="B1743" s="2"/>
      <c r="AF1743" s="4"/>
    </row>
    <row r="1744" spans="2:32">
      <c r="B1744" s="2"/>
      <c r="AF1744" s="4"/>
    </row>
    <row r="1745" spans="2:32">
      <c r="B1745" s="2"/>
      <c r="AF1745" s="4"/>
    </row>
    <row r="1746" spans="2:32">
      <c r="B1746" s="2"/>
      <c r="AF1746" s="4"/>
    </row>
    <row r="1747" spans="2:32">
      <c r="B1747" s="2"/>
      <c r="AF1747" s="4"/>
    </row>
    <row r="1748" spans="2:32">
      <c r="B1748" s="2"/>
      <c r="AF1748" s="4"/>
    </row>
    <row r="1749" spans="2:32">
      <c r="B1749" s="2"/>
      <c r="AF1749" s="4"/>
    </row>
    <row r="1750" spans="2:32">
      <c r="B1750" s="2"/>
      <c r="AF1750" s="4"/>
    </row>
    <row r="1751" spans="2:32">
      <c r="B1751" s="2"/>
      <c r="AF1751" s="4"/>
    </row>
    <row r="1752" spans="2:32">
      <c r="B1752" s="2"/>
      <c r="AF1752" s="4"/>
    </row>
    <row r="1753" spans="2:32">
      <c r="B1753" s="2"/>
      <c r="AF1753" s="4"/>
    </row>
    <row r="1754" spans="2:32">
      <c r="B1754" s="2"/>
      <c r="AF1754" s="4"/>
    </row>
    <row r="1755" spans="2:32">
      <c r="B1755" s="2"/>
      <c r="AF1755" s="4"/>
    </row>
    <row r="1756" spans="2:32">
      <c r="B1756" s="2"/>
      <c r="AF1756" s="4"/>
    </row>
    <row r="1757" spans="2:32">
      <c r="B1757" s="2"/>
      <c r="AF1757" s="4"/>
    </row>
    <row r="1758" spans="2:32">
      <c r="B1758" s="2"/>
      <c r="AF1758" s="4"/>
    </row>
    <row r="1759" spans="2:32">
      <c r="B1759" s="2"/>
      <c r="AF1759" s="4"/>
    </row>
    <row r="1760" spans="2:32">
      <c r="B1760" s="2"/>
      <c r="AF1760" s="4"/>
    </row>
    <row r="1761" spans="2:32">
      <c r="B1761" s="2"/>
      <c r="AF1761" s="4"/>
    </row>
    <row r="1762" spans="2:32">
      <c r="B1762" s="2"/>
      <c r="AF1762" s="4"/>
    </row>
    <row r="1763" spans="2:32">
      <c r="B1763" s="2"/>
      <c r="AF1763" s="4"/>
    </row>
    <row r="1764" spans="2:32">
      <c r="B1764" s="2"/>
      <c r="AF1764" s="4"/>
    </row>
    <row r="1765" spans="2:32">
      <c r="B1765" s="2"/>
      <c r="AF1765" s="4"/>
    </row>
    <row r="1766" spans="2:32">
      <c r="B1766" s="2"/>
      <c r="AF1766" s="4"/>
    </row>
    <row r="1767" spans="2:32">
      <c r="B1767" s="2"/>
      <c r="AF1767" s="4"/>
    </row>
    <row r="1768" spans="2:32">
      <c r="B1768" s="2"/>
      <c r="AF1768" s="4"/>
    </row>
    <row r="1769" spans="2:32">
      <c r="B1769" s="2"/>
      <c r="AF1769" s="4"/>
    </row>
    <row r="1770" spans="2:32">
      <c r="B1770" s="2"/>
      <c r="AF1770" s="4"/>
    </row>
    <row r="1771" spans="2:32">
      <c r="B1771" s="2"/>
      <c r="AF1771" s="4"/>
    </row>
    <row r="1772" spans="2:32">
      <c r="B1772" s="2"/>
      <c r="AF1772" s="4"/>
    </row>
    <row r="1773" spans="2:32">
      <c r="B1773" s="2"/>
      <c r="AF1773" s="4"/>
    </row>
    <row r="1774" spans="2:32">
      <c r="B1774" s="2"/>
      <c r="AF1774" s="4"/>
    </row>
    <row r="1775" spans="2:32">
      <c r="B1775" s="2"/>
      <c r="AF1775" s="4"/>
    </row>
    <row r="1776" spans="2:32">
      <c r="B1776" s="2"/>
      <c r="AF1776" s="4"/>
    </row>
    <row r="1777" spans="2:32">
      <c r="B1777" s="2"/>
      <c r="AF1777" s="4"/>
    </row>
    <row r="1778" spans="2:32">
      <c r="B1778" s="2"/>
      <c r="AF1778" s="4"/>
    </row>
    <row r="1779" spans="2:32">
      <c r="B1779" s="2"/>
      <c r="AF1779" s="4"/>
    </row>
    <row r="1780" spans="2:32">
      <c r="B1780" s="2"/>
      <c r="AF1780" s="4"/>
    </row>
    <row r="1781" spans="2:32">
      <c r="B1781" s="2"/>
      <c r="AF1781" s="4"/>
    </row>
    <row r="1782" spans="2:32">
      <c r="B1782" s="2"/>
      <c r="AF1782" s="4"/>
    </row>
    <row r="1783" spans="2:32">
      <c r="B1783" s="2"/>
      <c r="AF1783" s="4"/>
    </row>
    <row r="1784" spans="2:32">
      <c r="B1784" s="2"/>
      <c r="AF1784" s="4"/>
    </row>
    <row r="1785" spans="2:32">
      <c r="B1785" s="2"/>
      <c r="AF1785" s="4"/>
    </row>
    <row r="1786" spans="2:32">
      <c r="B1786" s="2"/>
      <c r="AF1786" s="4"/>
    </row>
    <row r="1787" spans="2:32">
      <c r="B1787" s="2"/>
      <c r="AF1787" s="4"/>
    </row>
    <row r="1788" spans="2:32">
      <c r="B1788" s="2"/>
      <c r="AF1788" s="4"/>
    </row>
    <row r="1789" spans="2:32">
      <c r="B1789" s="2"/>
      <c r="AF1789" s="4"/>
    </row>
    <row r="1790" spans="2:32">
      <c r="B1790" s="2"/>
      <c r="AF1790" s="4"/>
    </row>
    <row r="1791" spans="2:32">
      <c r="B1791" s="2"/>
      <c r="AF1791" s="4"/>
    </row>
    <row r="1792" spans="2:32">
      <c r="B1792" s="2"/>
      <c r="AF1792" s="4"/>
    </row>
    <row r="1793" spans="2:32">
      <c r="B1793" s="2"/>
      <c r="AF1793" s="4"/>
    </row>
    <row r="1794" spans="2:32">
      <c r="B1794" s="2"/>
      <c r="AF1794" s="4"/>
    </row>
    <row r="1795" spans="2:32">
      <c r="B1795" s="2"/>
      <c r="AF1795" s="4"/>
    </row>
    <row r="1796" spans="2:32">
      <c r="B1796" s="2"/>
      <c r="AF1796" s="4"/>
    </row>
    <row r="1797" spans="2:32">
      <c r="B1797" s="2"/>
      <c r="AF1797" s="4"/>
    </row>
    <row r="1798" spans="2:32">
      <c r="B1798" s="2"/>
      <c r="AF1798" s="4"/>
    </row>
    <row r="1799" spans="2:32">
      <c r="B1799" s="2"/>
      <c r="AF1799" s="4"/>
    </row>
    <row r="1800" spans="2:32">
      <c r="B1800" s="2"/>
      <c r="AF1800" s="4"/>
    </row>
    <row r="1801" spans="2:32">
      <c r="B1801" s="2"/>
      <c r="AF1801" s="4"/>
    </row>
    <row r="1802" spans="2:32">
      <c r="B1802" s="2"/>
      <c r="AF1802" s="4"/>
    </row>
    <row r="1803" spans="2:32">
      <c r="B1803" s="2"/>
      <c r="AF1803" s="4"/>
    </row>
    <row r="1804" spans="2:32">
      <c r="B1804" s="2"/>
      <c r="AF1804" s="4"/>
    </row>
    <row r="1805" spans="2:32">
      <c r="B1805" s="2"/>
      <c r="AF1805" s="4"/>
    </row>
    <row r="1806" spans="2:32">
      <c r="B1806" s="2"/>
      <c r="AF1806" s="4"/>
    </row>
    <row r="1807" spans="2:32">
      <c r="B1807" s="2"/>
      <c r="AF1807" s="4"/>
    </row>
    <row r="1808" spans="2:32">
      <c r="B1808" s="2"/>
      <c r="AF1808" s="4"/>
    </row>
    <row r="1809" spans="2:32">
      <c r="B1809" s="2"/>
      <c r="AF1809" s="4"/>
    </row>
    <row r="1810" spans="2:32">
      <c r="B1810" s="2"/>
      <c r="AF1810" s="4"/>
    </row>
    <row r="1811" spans="2:32">
      <c r="B1811" s="2"/>
      <c r="AF1811" s="4"/>
    </row>
    <row r="1812" spans="2:32">
      <c r="B1812" s="2"/>
      <c r="AF1812" s="4"/>
    </row>
    <row r="1813" spans="2:32">
      <c r="B1813" s="2"/>
      <c r="AF1813" s="4"/>
    </row>
    <row r="1814" spans="2:32">
      <c r="B1814" s="2"/>
      <c r="AF1814" s="4"/>
    </row>
    <row r="1815" spans="2:32">
      <c r="B1815" s="2"/>
      <c r="AF1815" s="4"/>
    </row>
    <row r="1816" spans="2:32">
      <c r="B1816" s="2"/>
      <c r="AF1816" s="4"/>
    </row>
    <row r="1817" spans="2:32">
      <c r="B1817" s="2"/>
      <c r="AF1817" s="4"/>
    </row>
    <row r="1818" spans="2:32">
      <c r="B1818" s="2"/>
      <c r="AF1818" s="4"/>
    </row>
    <row r="1819" spans="2:32">
      <c r="B1819" s="2"/>
      <c r="AF1819" s="4"/>
    </row>
    <row r="1820" spans="2:32">
      <c r="B1820" s="2"/>
      <c r="AF1820" s="4"/>
    </row>
    <row r="1821" spans="2:32">
      <c r="B1821" s="2"/>
      <c r="AF1821" s="4"/>
    </row>
    <row r="1822" spans="2:32">
      <c r="B1822" s="2"/>
      <c r="AF1822" s="4"/>
    </row>
    <row r="1823" spans="2:32">
      <c r="B1823" s="2"/>
      <c r="AF1823" s="4"/>
    </row>
    <row r="1824" spans="2:32">
      <c r="B1824" s="2"/>
      <c r="AF1824" s="4"/>
    </row>
    <row r="1825" spans="2:32">
      <c r="B1825" s="2"/>
      <c r="AF1825" s="4"/>
    </row>
    <row r="1826" spans="2:32">
      <c r="B1826" s="2"/>
      <c r="AF1826" s="4"/>
    </row>
    <row r="1827" spans="2:32">
      <c r="B1827" s="2"/>
      <c r="AF1827" s="4"/>
    </row>
    <row r="1828" spans="2:32">
      <c r="B1828" s="2"/>
      <c r="AF1828" s="4"/>
    </row>
    <row r="1829" spans="2:32">
      <c r="B1829" s="2"/>
      <c r="AF1829" s="4"/>
    </row>
    <row r="1830" spans="2:32">
      <c r="B1830" s="2"/>
      <c r="AF1830" s="4"/>
    </row>
    <row r="1831" spans="2:32">
      <c r="B1831" s="2"/>
      <c r="AF1831" s="4"/>
    </row>
    <row r="1832" spans="2:32">
      <c r="B1832" s="2"/>
      <c r="AF1832" s="4"/>
    </row>
    <row r="1833" spans="2:32">
      <c r="B1833" s="2"/>
      <c r="AF1833" s="4"/>
    </row>
    <row r="1834" spans="2:32">
      <c r="B1834" s="2"/>
      <c r="AF1834" s="4"/>
    </row>
    <row r="1835" spans="2:32">
      <c r="B1835" s="2"/>
      <c r="AF1835" s="4"/>
    </row>
    <row r="1836" spans="2:32">
      <c r="B1836" s="2"/>
      <c r="AF1836" s="4"/>
    </row>
    <row r="1837" spans="2:32">
      <c r="B1837" s="2"/>
      <c r="AF1837" s="4"/>
    </row>
    <row r="1838" spans="2:32">
      <c r="B1838" s="2"/>
      <c r="AF1838" s="4"/>
    </row>
    <row r="1839" spans="2:32">
      <c r="B1839" s="2"/>
      <c r="AF1839" s="4"/>
    </row>
    <row r="1840" spans="2:32">
      <c r="B1840" s="2"/>
      <c r="AF1840" s="4"/>
    </row>
    <row r="1841" spans="2:32">
      <c r="B1841" s="2"/>
      <c r="AF1841" s="4"/>
    </row>
    <row r="1842" spans="2:32">
      <c r="B1842" s="2"/>
      <c r="AF1842" s="4"/>
    </row>
    <row r="1843" spans="2:32">
      <c r="B1843" s="2"/>
      <c r="AF1843" s="4"/>
    </row>
    <row r="1844" spans="2:32">
      <c r="B1844" s="2"/>
      <c r="AF1844" s="4"/>
    </row>
    <row r="1845" spans="2:32">
      <c r="B1845" s="2"/>
      <c r="AF1845" s="4"/>
    </row>
    <row r="1846" spans="2:32">
      <c r="B1846" s="2"/>
      <c r="AF1846" s="4"/>
    </row>
    <row r="1847" spans="2:32">
      <c r="B1847" s="2"/>
      <c r="AF1847" s="4"/>
    </row>
    <row r="1848" spans="2:32">
      <c r="B1848" s="2"/>
      <c r="AF1848" s="4"/>
    </row>
    <row r="1849" spans="2:32">
      <c r="B1849" s="2"/>
      <c r="AF1849" s="4"/>
    </row>
    <row r="1850" spans="2:32">
      <c r="B1850" s="2"/>
      <c r="AF1850" s="4"/>
    </row>
    <row r="1851" spans="2:32">
      <c r="B1851" s="2"/>
      <c r="AF1851" s="4"/>
    </row>
    <row r="1852" spans="2:32">
      <c r="B1852" s="2"/>
      <c r="AF1852" s="4"/>
    </row>
    <row r="1853" spans="2:32">
      <c r="B1853" s="2"/>
      <c r="AF1853" s="4"/>
    </row>
    <row r="1854" spans="2:32">
      <c r="B1854" s="2"/>
      <c r="AF1854" s="4"/>
    </row>
    <row r="1855" spans="2:32">
      <c r="B1855" s="2"/>
      <c r="AF1855" s="4"/>
    </row>
    <row r="1856" spans="2:32">
      <c r="B1856" s="2"/>
      <c r="AF1856" s="4"/>
    </row>
    <row r="1857" spans="2:32">
      <c r="B1857" s="2"/>
      <c r="AF1857" s="4"/>
    </row>
    <row r="1858" spans="2:32">
      <c r="B1858" s="2"/>
      <c r="AF1858" s="4"/>
    </row>
    <row r="1859" spans="2:32">
      <c r="B1859" s="2"/>
      <c r="AF1859" s="4"/>
    </row>
    <row r="1860" spans="2:32">
      <c r="B1860" s="2"/>
      <c r="AF1860" s="4"/>
    </row>
    <row r="1861" spans="2:32">
      <c r="B1861" s="2"/>
      <c r="AF1861" s="4"/>
    </row>
    <row r="1862" spans="2:32">
      <c r="B1862" s="2"/>
      <c r="AF1862" s="4"/>
    </row>
    <row r="1863" spans="2:32">
      <c r="B1863" s="2"/>
      <c r="AF1863" s="4"/>
    </row>
    <row r="1864" spans="2:32">
      <c r="B1864" s="2"/>
      <c r="AF1864" s="4"/>
    </row>
    <row r="1865" spans="2:32">
      <c r="B1865" s="2"/>
      <c r="AF1865" s="4"/>
    </row>
    <row r="1866" spans="2:32">
      <c r="B1866" s="2"/>
      <c r="AF1866" s="4"/>
    </row>
    <row r="1867" spans="2:32">
      <c r="B1867" s="2"/>
      <c r="AF1867" s="4"/>
    </row>
    <row r="1868" spans="2:32">
      <c r="B1868" s="2"/>
      <c r="AF1868" s="4"/>
    </row>
    <row r="1869" spans="2:32">
      <c r="B1869" s="2"/>
      <c r="AF1869" s="4"/>
    </row>
    <row r="1870" spans="2:32">
      <c r="B1870" s="2"/>
      <c r="AF1870" s="4"/>
    </row>
    <row r="1871" spans="2:32">
      <c r="B1871" s="2"/>
      <c r="AF1871" s="4"/>
    </row>
    <row r="1872" spans="2:32">
      <c r="B1872" s="2"/>
      <c r="AF1872" s="4"/>
    </row>
    <row r="1873" spans="2:32">
      <c r="B1873" s="2"/>
      <c r="AF1873" s="4"/>
    </row>
    <row r="1874" spans="2:32">
      <c r="B1874" s="2"/>
      <c r="AF1874" s="4"/>
    </row>
    <row r="1875" spans="2:32">
      <c r="B1875" s="2"/>
      <c r="AF1875" s="4"/>
    </row>
    <row r="1876" spans="2:32">
      <c r="B1876" s="2"/>
      <c r="AF1876" s="4"/>
    </row>
    <row r="1877" spans="2:32">
      <c r="B1877" s="2"/>
      <c r="AF1877" s="4"/>
    </row>
    <row r="1878" spans="2:32">
      <c r="B1878" s="2"/>
      <c r="AF1878" s="4"/>
    </row>
    <row r="1879" spans="2:32">
      <c r="B1879" s="2"/>
      <c r="AF1879" s="4"/>
    </row>
    <row r="1880" spans="2:32">
      <c r="B1880" s="2"/>
      <c r="AF1880" s="4"/>
    </row>
    <row r="1881" spans="2:32">
      <c r="B1881" s="2"/>
      <c r="AF1881" s="4"/>
    </row>
    <row r="1882" spans="2:32">
      <c r="B1882" s="2"/>
      <c r="AF1882" s="4"/>
    </row>
    <row r="1883" spans="2:32">
      <c r="B1883" s="2"/>
      <c r="AF1883" s="4"/>
    </row>
    <row r="1884" spans="2:32">
      <c r="B1884" s="2"/>
      <c r="AF1884" s="4"/>
    </row>
    <row r="1885" spans="2:32">
      <c r="B1885" s="2"/>
      <c r="AF1885" s="4"/>
    </row>
    <row r="1886" spans="2:32">
      <c r="B1886" s="2"/>
      <c r="AF1886" s="4"/>
    </row>
    <row r="1887" spans="2:32">
      <c r="B1887" s="2"/>
      <c r="AF1887" s="4"/>
    </row>
    <row r="1888" spans="2:32">
      <c r="B1888" s="2"/>
      <c r="AF1888" s="4"/>
    </row>
    <row r="1889" spans="2:32">
      <c r="B1889" s="2"/>
      <c r="AF1889" s="4"/>
    </row>
    <row r="1890" spans="2:32">
      <c r="B1890" s="2"/>
      <c r="AF1890" s="4"/>
    </row>
    <row r="1891" spans="2:32">
      <c r="B1891" s="2"/>
      <c r="AF1891" s="4"/>
    </row>
    <row r="1892" spans="2:32">
      <c r="B1892" s="2"/>
      <c r="AF1892" s="4"/>
    </row>
    <row r="1893" spans="2:32">
      <c r="B1893" s="2"/>
      <c r="AF1893" s="4"/>
    </row>
    <row r="1894" spans="2:32">
      <c r="B1894" s="2"/>
      <c r="AF1894" s="4"/>
    </row>
    <row r="1895" spans="2:32">
      <c r="B1895" s="2"/>
      <c r="AF1895" s="4"/>
    </row>
    <row r="1896" spans="2:32">
      <c r="B1896" s="2"/>
      <c r="AF1896" s="4"/>
    </row>
    <row r="1897" spans="2:32">
      <c r="B1897" s="2"/>
      <c r="AF1897" s="4"/>
    </row>
    <row r="1898" spans="2:32">
      <c r="B1898" s="2"/>
      <c r="AF1898" s="4"/>
    </row>
    <row r="1899" spans="2:32">
      <c r="B1899" s="2"/>
      <c r="AF1899" s="4"/>
    </row>
    <row r="1900" spans="2:32">
      <c r="B1900" s="2"/>
      <c r="AF1900" s="4"/>
    </row>
    <row r="1901" spans="2:32">
      <c r="B1901" s="2"/>
      <c r="AF1901" s="4"/>
    </row>
    <row r="1902" spans="2:32">
      <c r="B1902" s="2"/>
      <c r="AF1902" s="4"/>
    </row>
    <row r="1903" spans="2:32">
      <c r="B1903" s="2"/>
      <c r="AF1903" s="4"/>
    </row>
    <row r="1904" spans="2:32">
      <c r="B1904" s="2"/>
      <c r="AF1904" s="4"/>
    </row>
    <row r="1905" spans="2:32">
      <c r="B1905" s="2"/>
      <c r="AF1905" s="4"/>
    </row>
    <row r="1906" spans="2:32">
      <c r="B1906" s="2"/>
      <c r="AF1906" s="4"/>
    </row>
    <row r="1907" spans="2:32">
      <c r="B1907" s="2"/>
      <c r="AF1907" s="4"/>
    </row>
    <row r="1908" spans="2:32">
      <c r="B1908" s="2"/>
      <c r="AF1908" s="4"/>
    </row>
    <row r="1909" spans="2:32">
      <c r="B1909" s="2"/>
      <c r="AF1909" s="4"/>
    </row>
    <row r="1910" spans="2:32">
      <c r="B1910" s="2"/>
      <c r="AF1910" s="4"/>
    </row>
    <row r="1911" spans="2:32">
      <c r="B1911" s="2"/>
      <c r="AF1911" s="4"/>
    </row>
    <row r="1912" spans="2:32">
      <c r="B1912" s="2"/>
      <c r="AF1912" s="4"/>
    </row>
    <row r="1913" spans="2:32">
      <c r="B1913" s="2"/>
      <c r="AF1913" s="4"/>
    </row>
    <row r="1914" spans="2:32">
      <c r="B1914" s="2"/>
      <c r="AF1914" s="4"/>
    </row>
    <row r="1915" spans="2:32">
      <c r="B1915" s="2"/>
      <c r="AF1915" s="4"/>
    </row>
    <row r="1916" spans="2:32">
      <c r="B1916" s="2"/>
      <c r="AF1916" s="4"/>
    </row>
    <row r="1917" spans="2:32">
      <c r="B1917" s="2"/>
      <c r="AF1917" s="4"/>
    </row>
    <row r="1918" spans="2:32">
      <c r="B1918" s="2"/>
      <c r="AF1918" s="4"/>
    </row>
    <row r="1919" spans="2:32">
      <c r="B1919" s="2"/>
      <c r="AF1919" s="4"/>
    </row>
    <row r="1920" spans="2:32">
      <c r="B1920" s="2"/>
      <c r="AF1920" s="4"/>
    </row>
    <row r="1921" spans="2:32">
      <c r="B1921" s="2"/>
      <c r="AF1921" s="4"/>
    </row>
    <row r="1922" spans="2:32">
      <c r="B1922" s="2"/>
      <c r="AF1922" s="4"/>
    </row>
    <row r="1923" spans="2:32">
      <c r="B1923" s="2"/>
      <c r="AF1923" s="4"/>
    </row>
    <row r="1924" spans="2:32">
      <c r="B1924" s="2"/>
      <c r="AF1924" s="4"/>
    </row>
    <row r="1925" spans="2:32">
      <c r="B1925" s="2"/>
      <c r="AF1925" s="4"/>
    </row>
    <row r="1926" spans="2:32">
      <c r="B1926" s="2"/>
      <c r="AF1926" s="4"/>
    </row>
    <row r="1927" spans="2:32">
      <c r="B1927" s="2"/>
      <c r="AF1927" s="4"/>
    </row>
    <row r="1928" spans="2:32">
      <c r="B1928" s="2"/>
      <c r="AF1928" s="4"/>
    </row>
    <row r="1929" spans="2:32">
      <c r="B1929" s="2"/>
      <c r="AF1929" s="4"/>
    </row>
    <row r="1930" spans="2:32">
      <c r="B1930" s="2"/>
      <c r="AF1930" s="4"/>
    </row>
    <row r="1931" spans="2:32">
      <c r="B1931" s="2"/>
      <c r="AF1931" s="4"/>
    </row>
    <row r="1932" spans="2:32">
      <c r="B1932" s="2"/>
      <c r="AF1932" s="4"/>
    </row>
    <row r="1933" spans="2:32">
      <c r="B1933" s="2"/>
      <c r="AF1933" s="4"/>
    </row>
    <row r="1934" spans="2:32">
      <c r="B1934" s="2"/>
      <c r="AF1934" s="4"/>
    </row>
    <row r="1935" spans="2:32">
      <c r="B1935" s="2"/>
      <c r="AF1935" s="4"/>
    </row>
    <row r="1936" spans="2:32">
      <c r="B1936" s="2"/>
      <c r="AF1936" s="4"/>
    </row>
    <row r="1937" spans="2:32">
      <c r="B1937" s="2"/>
      <c r="AF1937" s="4"/>
    </row>
    <row r="1938" spans="2:32">
      <c r="B1938" s="2"/>
      <c r="AF1938" s="4"/>
    </row>
    <row r="1939" spans="2:32">
      <c r="B1939" s="2"/>
      <c r="AF1939" s="4"/>
    </row>
    <row r="1940" spans="2:32">
      <c r="B1940" s="2"/>
      <c r="AF1940" s="4"/>
    </row>
    <row r="1941" spans="2:32">
      <c r="B1941" s="2"/>
      <c r="AF1941" s="4"/>
    </row>
    <row r="1942" spans="2:32">
      <c r="B1942" s="2"/>
      <c r="AF1942" s="4"/>
    </row>
    <row r="1943" spans="2:32">
      <c r="B1943" s="2"/>
      <c r="AF1943" s="4"/>
    </row>
    <row r="1944" spans="2:32">
      <c r="B1944" s="2"/>
      <c r="AF1944" s="4"/>
    </row>
    <row r="1945" spans="2:32">
      <c r="B1945" s="2"/>
      <c r="AF1945" s="4"/>
    </row>
    <row r="1946" spans="2:32">
      <c r="B1946" s="2"/>
      <c r="AF1946" s="4"/>
    </row>
    <row r="1947" spans="2:32">
      <c r="B1947" s="2"/>
      <c r="AF1947" s="4"/>
    </row>
    <row r="1948" spans="2:32">
      <c r="B1948" s="2"/>
      <c r="AF1948" s="4"/>
    </row>
    <row r="1949" spans="2:32">
      <c r="B1949" s="2"/>
      <c r="AF1949" s="4"/>
    </row>
    <row r="1950" spans="2:32">
      <c r="B1950" s="2"/>
      <c r="AF1950" s="4"/>
    </row>
    <row r="1951" spans="2:32">
      <c r="B1951" s="2"/>
      <c r="AF1951" s="4"/>
    </row>
    <row r="1952" spans="2:32">
      <c r="B1952" s="2"/>
      <c r="AF1952" s="4"/>
    </row>
    <row r="1953" spans="2:32">
      <c r="B1953" s="2"/>
      <c r="AF1953" s="4"/>
    </row>
    <row r="1954" spans="2:32">
      <c r="B1954" s="2"/>
      <c r="AF1954" s="4"/>
    </row>
    <row r="1955" spans="2:32">
      <c r="B1955" s="2"/>
      <c r="AF1955" s="4"/>
    </row>
    <row r="1956" spans="2:32">
      <c r="B1956" s="2"/>
      <c r="AF1956" s="4"/>
    </row>
    <row r="1957" spans="2:32">
      <c r="B1957" s="2"/>
      <c r="AF1957" s="4"/>
    </row>
    <row r="1958" spans="2:32">
      <c r="B1958" s="2"/>
      <c r="AF1958" s="4"/>
    </row>
    <row r="1959" spans="2:32">
      <c r="B1959" s="2"/>
      <c r="AF1959" s="4"/>
    </row>
    <row r="1960" spans="2:32">
      <c r="B1960" s="2"/>
      <c r="AF1960" s="4"/>
    </row>
    <row r="1961" spans="2:32">
      <c r="B1961" s="2"/>
      <c r="AF1961" s="4"/>
    </row>
    <row r="1962" spans="2:32">
      <c r="B1962" s="2"/>
      <c r="AF1962" s="4"/>
    </row>
    <row r="1963" spans="2:32">
      <c r="B1963" s="2"/>
      <c r="AF1963" s="4"/>
    </row>
    <row r="1964" spans="2:32">
      <c r="B1964" s="2"/>
      <c r="AF1964" s="4"/>
    </row>
    <row r="1965" spans="2:32">
      <c r="B1965" s="2"/>
      <c r="AF1965" s="4"/>
    </row>
    <row r="1966" spans="2:32">
      <c r="B1966" s="2"/>
      <c r="AF1966" s="4"/>
    </row>
    <row r="1967" spans="2:32">
      <c r="B1967" s="2"/>
      <c r="AF1967" s="4"/>
    </row>
    <row r="1968" spans="2:32">
      <c r="B1968" s="2"/>
      <c r="AF1968" s="4"/>
    </row>
    <row r="1969" spans="2:32">
      <c r="B1969" s="2"/>
      <c r="AF1969" s="4"/>
    </row>
    <row r="1970" spans="2:32">
      <c r="B1970" s="2"/>
      <c r="AF1970" s="4"/>
    </row>
    <row r="1971" spans="2:32">
      <c r="B1971" s="2"/>
      <c r="AF1971" s="4"/>
    </row>
    <row r="1972" spans="2:32">
      <c r="B1972" s="2"/>
      <c r="AF1972" s="4"/>
    </row>
    <row r="1973" spans="2:32">
      <c r="B1973" s="2"/>
      <c r="AF1973" s="4"/>
    </row>
    <row r="1974" spans="2:32">
      <c r="B1974" s="2"/>
      <c r="AF1974" s="4"/>
    </row>
    <row r="1975" spans="2:32">
      <c r="B1975" s="2"/>
      <c r="AF1975" s="4"/>
    </row>
    <row r="1976" spans="2:32">
      <c r="B1976" s="2"/>
      <c r="AF1976" s="4"/>
    </row>
    <row r="1977" spans="2:32">
      <c r="B1977" s="2"/>
      <c r="AF1977" s="4"/>
    </row>
    <row r="1978" spans="2:32">
      <c r="B1978" s="2"/>
      <c r="AF1978" s="4"/>
    </row>
    <row r="1979" spans="2:32">
      <c r="B1979" s="2"/>
      <c r="AF1979" s="4"/>
    </row>
    <row r="1980" spans="2:32">
      <c r="B1980" s="2"/>
      <c r="AF1980" s="4"/>
    </row>
    <row r="1981" spans="2:32">
      <c r="B1981" s="2"/>
      <c r="AF1981" s="4"/>
    </row>
    <row r="1982" spans="2:32">
      <c r="B1982" s="2"/>
      <c r="AF1982" s="4"/>
    </row>
    <row r="1983" spans="2:32">
      <c r="B1983" s="2"/>
      <c r="AF1983" s="4"/>
    </row>
    <row r="1984" spans="2:32">
      <c r="B1984" s="2"/>
      <c r="AF1984" s="4"/>
    </row>
    <row r="1985" spans="2:32">
      <c r="B1985" s="2"/>
      <c r="AF1985" s="4"/>
    </row>
    <row r="1986" spans="2:32">
      <c r="B1986" s="2"/>
      <c r="AF1986" s="4"/>
    </row>
    <row r="1987" spans="2:32">
      <c r="B1987" s="2"/>
      <c r="AF1987" s="4"/>
    </row>
    <row r="1988" spans="2:32">
      <c r="B1988" s="2"/>
      <c r="AF1988" s="4"/>
    </row>
    <row r="1989" spans="2:32">
      <c r="B1989" s="2"/>
      <c r="AF1989" s="4"/>
    </row>
    <row r="1990" spans="2:32">
      <c r="B1990" s="2"/>
      <c r="AF1990" s="4"/>
    </row>
    <row r="1991" spans="2:32">
      <c r="B1991" s="2"/>
      <c r="AF1991" s="4"/>
    </row>
    <row r="1992" spans="2:32">
      <c r="B1992" s="2"/>
      <c r="AF1992" s="4"/>
    </row>
    <row r="1993" spans="2:32">
      <c r="B1993" s="2"/>
      <c r="AF1993" s="4"/>
    </row>
    <row r="1994" spans="2:32">
      <c r="B1994" s="2"/>
      <c r="AF1994" s="4"/>
    </row>
    <row r="1995" spans="2:32">
      <c r="B1995" s="2"/>
      <c r="AF1995" s="4"/>
    </row>
    <row r="1996" spans="2:32">
      <c r="B1996" s="2"/>
      <c r="AF1996" s="4"/>
    </row>
    <row r="1997" spans="2:32">
      <c r="B1997" s="2"/>
      <c r="AF1997" s="4"/>
    </row>
    <row r="1998" spans="2:32">
      <c r="B1998" s="2"/>
      <c r="AF1998" s="4"/>
    </row>
    <row r="1999" spans="2:32">
      <c r="B1999" s="2"/>
      <c r="AF1999" s="4"/>
    </row>
    <row r="2000" spans="2:32">
      <c r="B2000" s="2"/>
      <c r="AF2000" s="4"/>
    </row>
    <row r="2001" spans="2:32">
      <c r="B2001" s="2"/>
      <c r="AF2001" s="4"/>
    </row>
    <row r="2002" spans="2:32">
      <c r="B2002" s="2"/>
      <c r="AF2002" s="4"/>
    </row>
    <row r="2003" spans="2:32">
      <c r="B2003" s="2"/>
      <c r="AF2003" s="4"/>
    </row>
    <row r="2004" spans="2:32">
      <c r="B2004" s="2"/>
      <c r="AF2004" s="4"/>
    </row>
    <row r="2005" spans="2:32">
      <c r="B2005" s="2"/>
      <c r="AF2005" s="4"/>
    </row>
    <row r="2006" spans="2:32">
      <c r="B2006" s="2"/>
      <c r="AF2006" s="4"/>
    </row>
    <row r="2007" spans="2:32">
      <c r="B2007" s="2"/>
      <c r="AF2007" s="4"/>
    </row>
    <row r="2008" spans="2:32">
      <c r="B2008" s="2"/>
      <c r="AF2008" s="4"/>
    </row>
    <row r="2009" spans="2:32">
      <c r="B2009" s="2"/>
      <c r="AF2009" s="4"/>
    </row>
    <row r="2010" spans="2:32">
      <c r="B2010" s="2"/>
      <c r="AF2010" s="4"/>
    </row>
    <row r="2011" spans="2:32">
      <c r="B2011" s="2"/>
      <c r="AF2011" s="4"/>
    </row>
    <row r="2012" spans="2:32">
      <c r="B2012" s="2"/>
      <c r="AF2012" s="4"/>
    </row>
    <row r="2013" spans="2:32">
      <c r="B2013" s="2"/>
      <c r="AF2013" s="4"/>
    </row>
    <row r="2014" spans="2:32">
      <c r="B2014" s="2"/>
      <c r="AF2014" s="4"/>
    </row>
    <row r="2015" spans="2:32">
      <c r="B2015" s="2"/>
      <c r="AF2015" s="4"/>
    </row>
    <row r="2016" spans="2:32">
      <c r="B2016" s="2"/>
      <c r="AF2016" s="4"/>
    </row>
    <row r="2017" spans="2:32">
      <c r="B2017" s="2"/>
      <c r="AF2017" s="4"/>
    </row>
    <row r="2018" spans="2:32">
      <c r="B2018" s="2"/>
      <c r="AF2018" s="4"/>
    </row>
    <row r="2019" spans="2:32">
      <c r="B2019" s="2"/>
      <c r="AF2019" s="4"/>
    </row>
    <row r="2020" spans="2:32">
      <c r="B2020" s="2"/>
      <c r="AF2020" s="4"/>
    </row>
    <row r="2021" spans="2:32">
      <c r="B2021" s="2"/>
      <c r="AF2021" s="4"/>
    </row>
    <row r="2022" spans="2:32">
      <c r="B2022" s="2"/>
      <c r="AF2022" s="4"/>
    </row>
    <row r="2023" spans="2:32">
      <c r="B2023" s="2"/>
      <c r="AF2023" s="4"/>
    </row>
    <row r="2024" spans="2:32">
      <c r="B2024" s="2"/>
      <c r="AF2024" s="4"/>
    </row>
    <row r="2025" spans="2:32">
      <c r="B2025" s="2"/>
      <c r="AF2025" s="4"/>
    </row>
    <row r="2026" spans="2:32">
      <c r="B2026" s="2"/>
      <c r="AF2026" s="4"/>
    </row>
    <row r="2027" spans="2:32">
      <c r="B2027" s="2"/>
      <c r="AF2027" s="4"/>
    </row>
    <row r="2028" spans="2:32">
      <c r="B2028" s="2"/>
      <c r="AF2028" s="4"/>
    </row>
    <row r="2029" spans="2:32">
      <c r="B2029" s="2"/>
      <c r="AF2029" s="4"/>
    </row>
    <row r="2030" spans="2:32">
      <c r="B2030" s="2"/>
      <c r="AF2030" s="4"/>
    </row>
    <row r="2031" spans="2:32">
      <c r="B2031" s="2"/>
      <c r="AF2031" s="4"/>
    </row>
    <row r="2032" spans="2:32">
      <c r="B2032" s="2"/>
      <c r="AF2032" s="4"/>
    </row>
    <row r="2033" spans="2:32">
      <c r="B2033" s="2"/>
      <c r="AF2033" s="4"/>
    </row>
    <row r="2034" spans="2:32">
      <c r="B2034" s="2"/>
      <c r="AF2034" s="4"/>
    </row>
    <row r="2035" spans="2:32">
      <c r="B2035" s="2"/>
      <c r="AF2035" s="4"/>
    </row>
    <row r="2036" spans="2:32">
      <c r="B2036" s="2"/>
      <c r="AF2036" s="4"/>
    </row>
    <row r="2037" spans="2:32">
      <c r="B2037" s="2"/>
      <c r="AF2037" s="4"/>
    </row>
    <row r="2038" spans="2:32">
      <c r="B2038" s="2"/>
      <c r="AF2038" s="4"/>
    </row>
    <row r="2039" spans="2:32">
      <c r="B2039" s="2"/>
      <c r="AF2039" s="4"/>
    </row>
    <row r="2040" spans="2:32">
      <c r="B2040" s="2"/>
      <c r="AF2040" s="4"/>
    </row>
    <row r="2041" spans="2:32">
      <c r="B2041" s="2"/>
      <c r="AF2041" s="4"/>
    </row>
    <row r="2042" spans="2:32">
      <c r="B2042" s="2"/>
      <c r="AF2042" s="4"/>
    </row>
    <row r="2043" spans="2:32">
      <c r="B2043" s="2"/>
      <c r="AF2043" s="4"/>
    </row>
    <row r="2044" spans="2:32">
      <c r="B2044" s="2"/>
      <c r="AF2044" s="4"/>
    </row>
    <row r="2045" spans="2:32">
      <c r="B2045" s="2"/>
      <c r="AF2045" s="4"/>
    </row>
    <row r="2046" spans="2:32">
      <c r="B2046" s="2"/>
      <c r="AF2046" s="4"/>
    </row>
    <row r="2047" spans="2:32">
      <c r="B2047" s="2"/>
      <c r="AF2047" s="4"/>
    </row>
    <row r="2048" spans="2:32">
      <c r="B2048" s="2"/>
      <c r="AF2048" s="4"/>
    </row>
    <row r="2049" spans="2:32">
      <c r="B2049" s="2"/>
      <c r="AF2049" s="4"/>
    </row>
    <row r="2050" spans="2:32">
      <c r="B2050" s="2"/>
      <c r="AF2050" s="4"/>
    </row>
    <row r="2051" spans="2:32">
      <c r="B2051" s="2"/>
      <c r="AF2051" s="4"/>
    </row>
    <row r="2052" spans="2:32">
      <c r="B2052" s="2"/>
      <c r="AF2052" s="4"/>
    </row>
    <row r="2053" spans="2:32">
      <c r="B2053" s="2"/>
      <c r="AF2053" s="4"/>
    </row>
    <row r="2054" spans="2:32">
      <c r="B2054" s="2"/>
      <c r="AF2054" s="4"/>
    </row>
    <row r="2055" spans="2:32">
      <c r="B2055" s="2"/>
      <c r="AF2055" s="4"/>
    </row>
    <row r="2056" spans="2:32">
      <c r="B2056" s="2"/>
      <c r="AF2056" s="4"/>
    </row>
    <row r="2057" spans="2:32">
      <c r="B2057" s="2"/>
      <c r="AF2057" s="4"/>
    </row>
    <row r="2058" spans="2:32">
      <c r="B2058" s="2"/>
      <c r="AF2058" s="4"/>
    </row>
    <row r="2059" spans="2:32">
      <c r="B2059" s="2"/>
      <c r="AF2059" s="4"/>
    </row>
    <row r="2060" spans="2:32">
      <c r="B2060" s="2"/>
      <c r="AF2060" s="4"/>
    </row>
    <row r="2061" spans="2:32">
      <c r="B2061" s="2"/>
      <c r="AF2061" s="4"/>
    </row>
    <row r="2062" spans="2:32">
      <c r="B2062" s="2"/>
      <c r="AF2062" s="4"/>
    </row>
    <row r="2063" spans="2:32">
      <c r="B2063" s="2"/>
      <c r="AF2063" s="4"/>
    </row>
    <row r="2064" spans="2:32">
      <c r="B2064" s="2"/>
      <c r="AF2064" s="4"/>
    </row>
    <row r="2065" spans="2:32">
      <c r="B2065" s="2"/>
      <c r="AF2065" s="4"/>
    </row>
    <row r="2066" spans="2:32">
      <c r="B2066" s="2"/>
      <c r="AF2066" s="4"/>
    </row>
    <row r="2067" spans="2:32">
      <c r="B2067" s="2"/>
      <c r="AF2067" s="4"/>
    </row>
    <row r="2068" spans="2:32">
      <c r="B2068" s="2"/>
      <c r="AF2068" s="4"/>
    </row>
    <row r="2069" spans="2:32">
      <c r="B2069" s="2"/>
      <c r="AF2069" s="4"/>
    </row>
    <row r="2070" spans="2:32">
      <c r="B2070" s="2"/>
      <c r="AF2070" s="4"/>
    </row>
    <row r="2071" spans="2:32">
      <c r="B2071" s="2"/>
      <c r="AF2071" s="4"/>
    </row>
    <row r="2072" spans="2:32">
      <c r="B2072" s="2"/>
      <c r="AF2072" s="4"/>
    </row>
    <row r="2073" spans="2:32">
      <c r="B2073" s="2"/>
      <c r="AF2073" s="4"/>
    </row>
    <row r="2074" spans="2:32">
      <c r="B2074" s="2"/>
      <c r="AF2074" s="4"/>
    </row>
    <row r="2075" spans="2:32">
      <c r="B2075" s="2"/>
      <c r="AF2075" s="4"/>
    </row>
    <row r="2076" spans="2:32">
      <c r="B2076" s="2"/>
      <c r="AF2076" s="4"/>
    </row>
    <row r="2077" spans="2:32">
      <c r="B2077" s="2"/>
      <c r="AF2077" s="4"/>
    </row>
    <row r="2078" spans="2:32">
      <c r="B2078" s="2"/>
      <c r="AF2078" s="4"/>
    </row>
    <row r="2079" spans="2:32">
      <c r="B2079" s="2"/>
      <c r="AF2079" s="4"/>
    </row>
    <row r="2080" spans="2:32">
      <c r="B2080" s="2"/>
      <c r="AF2080" s="4"/>
    </row>
    <row r="2081" spans="2:32">
      <c r="B2081" s="2"/>
      <c r="AF2081" s="4"/>
    </row>
    <row r="2082" spans="2:32">
      <c r="B2082" s="2"/>
      <c r="AF2082" s="4"/>
    </row>
    <row r="2083" spans="2:32">
      <c r="B2083" s="2"/>
      <c r="AF2083" s="4"/>
    </row>
    <row r="2084" spans="2:32">
      <c r="B2084" s="2"/>
      <c r="AF2084" s="4"/>
    </row>
    <row r="2085" spans="2:32">
      <c r="B2085" s="2"/>
      <c r="AF2085" s="4"/>
    </row>
    <row r="2086" spans="2:32">
      <c r="B2086" s="2"/>
      <c r="AF2086" s="4"/>
    </row>
    <row r="2087" spans="2:32">
      <c r="B2087" s="2"/>
      <c r="AF2087" s="4"/>
    </row>
    <row r="2088" spans="2:32">
      <c r="B2088" s="2"/>
      <c r="AF2088" s="4"/>
    </row>
    <row r="2089" spans="2:32">
      <c r="B2089" s="2"/>
      <c r="AF2089" s="4"/>
    </row>
    <row r="2090" spans="2:32">
      <c r="B2090" s="2"/>
      <c r="AF2090" s="4"/>
    </row>
    <row r="2091" spans="2:32">
      <c r="B2091" s="2"/>
      <c r="AF2091" s="4"/>
    </row>
    <row r="2092" spans="2:32">
      <c r="B2092" s="2"/>
      <c r="AF2092" s="4"/>
    </row>
    <row r="2093" spans="2:32">
      <c r="B2093" s="2"/>
      <c r="AF2093" s="4"/>
    </row>
    <row r="2094" spans="2:32">
      <c r="B2094" s="2"/>
      <c r="AF2094" s="4"/>
    </row>
    <row r="2095" spans="2:32">
      <c r="B2095" s="2"/>
      <c r="AF2095" s="4"/>
    </row>
    <row r="2096" spans="2:32">
      <c r="B2096" s="2"/>
      <c r="AF2096" s="4"/>
    </row>
    <row r="2097" spans="2:32">
      <c r="B2097" s="2"/>
      <c r="AF2097" s="4"/>
    </row>
    <row r="2098" spans="2:32">
      <c r="B2098" s="2"/>
      <c r="AF2098" s="4"/>
    </row>
    <row r="2099" spans="2:32">
      <c r="B2099" s="2"/>
      <c r="AF2099" s="4"/>
    </row>
    <row r="2100" spans="2:32">
      <c r="B2100" s="2"/>
      <c r="AF2100" s="4"/>
    </row>
    <row r="2101" spans="2:32">
      <c r="B2101" s="2"/>
      <c r="AF2101" s="4"/>
    </row>
    <row r="2102" spans="2:32">
      <c r="B2102" s="2"/>
      <c r="AF2102" s="4"/>
    </row>
    <row r="2103" spans="2:32">
      <c r="B2103" s="2"/>
      <c r="AF2103" s="4"/>
    </row>
    <row r="2104" spans="2:32">
      <c r="B2104" s="2"/>
      <c r="AF2104" s="4"/>
    </row>
    <row r="2105" spans="2:32">
      <c r="B2105" s="2"/>
      <c r="AF2105" s="4"/>
    </row>
    <row r="2106" spans="2:32">
      <c r="B2106" s="2"/>
      <c r="AF2106" s="4"/>
    </row>
    <row r="2107" spans="2:32">
      <c r="B2107" s="2"/>
      <c r="AF2107" s="4"/>
    </row>
    <row r="2108" spans="2:32">
      <c r="B2108" s="2"/>
      <c r="AF2108" s="4"/>
    </row>
    <row r="2109" spans="2:32">
      <c r="B2109" s="2"/>
      <c r="AF2109" s="4"/>
    </row>
    <row r="2110" spans="2:32">
      <c r="B2110" s="2"/>
      <c r="AF2110" s="4"/>
    </row>
    <row r="2111" spans="2:32">
      <c r="B2111" s="2"/>
      <c r="AF2111" s="4"/>
    </row>
    <row r="2112" spans="2:32">
      <c r="B2112" s="2"/>
      <c r="AF2112" s="4"/>
    </row>
    <row r="2113" spans="2:32">
      <c r="B2113" s="2"/>
      <c r="AF2113" s="4"/>
    </row>
    <row r="2114" spans="2:32">
      <c r="B2114" s="2"/>
      <c r="AF2114" s="4"/>
    </row>
    <row r="2115" spans="2:32">
      <c r="B2115" s="2"/>
      <c r="AF2115" s="4"/>
    </row>
    <row r="2116" spans="2:32">
      <c r="B2116" s="2"/>
      <c r="AF2116" s="4"/>
    </row>
    <row r="2117" spans="2:32">
      <c r="B2117" s="2"/>
      <c r="AF2117" s="4"/>
    </row>
    <row r="2118" spans="2:32">
      <c r="B2118" s="2"/>
      <c r="AF2118" s="4"/>
    </row>
    <row r="2119" spans="2:32">
      <c r="B2119" s="2"/>
      <c r="AF2119" s="4"/>
    </row>
    <row r="2120" spans="2:32">
      <c r="B2120" s="2"/>
      <c r="AF2120" s="4"/>
    </row>
    <row r="2121" spans="2:32">
      <c r="B2121" s="2"/>
      <c r="AF2121" s="4"/>
    </row>
    <row r="2122" spans="2:32">
      <c r="B2122" s="2"/>
      <c r="AF2122" s="4"/>
    </row>
    <row r="2123" spans="2:32">
      <c r="B2123" s="2"/>
      <c r="AF2123" s="4"/>
    </row>
    <row r="2124" spans="2:32">
      <c r="B2124" s="2"/>
      <c r="AF2124" s="4"/>
    </row>
    <row r="2125" spans="2:32">
      <c r="B2125" s="2"/>
      <c r="AF2125" s="4"/>
    </row>
    <row r="2126" spans="2:32">
      <c r="B2126" s="2"/>
      <c r="AF2126" s="4"/>
    </row>
    <row r="2127" spans="2:32">
      <c r="B2127" s="2"/>
      <c r="AF2127" s="4"/>
    </row>
    <row r="2128" spans="2:32">
      <c r="B2128" s="2"/>
      <c r="AF2128" s="4"/>
    </row>
    <row r="2129" spans="2:32">
      <c r="B2129" s="2"/>
      <c r="AF2129" s="4"/>
    </row>
    <row r="2130" spans="2:32">
      <c r="B2130" s="2"/>
      <c r="AF2130" s="4"/>
    </row>
    <row r="2131" spans="2:32">
      <c r="B2131" s="2"/>
      <c r="AF2131" s="4"/>
    </row>
    <row r="2132" spans="2:32">
      <c r="B2132" s="2"/>
      <c r="AF2132" s="4"/>
    </row>
    <row r="2133" spans="2:32">
      <c r="B2133" s="2"/>
      <c r="AF2133" s="4"/>
    </row>
    <row r="2134" spans="2:32">
      <c r="B2134" s="2"/>
      <c r="AF2134" s="4"/>
    </row>
    <row r="2135" spans="2:32">
      <c r="B2135" s="2"/>
      <c r="AF2135" s="4"/>
    </row>
    <row r="2136" spans="2:32">
      <c r="B2136" s="2"/>
      <c r="AF2136" s="4"/>
    </row>
    <row r="2137" spans="2:32">
      <c r="B2137" s="2"/>
      <c r="AF2137" s="4"/>
    </row>
    <row r="2138" spans="2:32">
      <c r="B2138" s="2"/>
      <c r="AF2138" s="4"/>
    </row>
    <row r="2139" spans="2:32">
      <c r="B2139" s="2"/>
      <c r="AF2139" s="4"/>
    </row>
    <row r="2140" spans="2:32">
      <c r="B2140" s="2"/>
      <c r="AF2140" s="4"/>
    </row>
    <row r="2141" spans="2:32">
      <c r="B2141" s="2"/>
      <c r="AF2141" s="4"/>
    </row>
    <row r="2142" spans="2:32">
      <c r="B2142" s="2"/>
      <c r="AF2142" s="4"/>
    </row>
    <row r="2143" spans="2:32">
      <c r="B2143" s="2"/>
      <c r="AF2143" s="4"/>
    </row>
    <row r="2144" spans="2:32">
      <c r="B2144" s="2"/>
      <c r="AF2144" s="4"/>
    </row>
    <row r="2145" spans="2:32">
      <c r="B2145" s="2"/>
      <c r="AF2145" s="4"/>
    </row>
    <row r="2146" spans="2:32">
      <c r="B2146" s="2"/>
      <c r="AF2146" s="4"/>
    </row>
    <row r="2147" spans="2:32">
      <c r="B2147" s="2"/>
      <c r="AF2147" s="4"/>
    </row>
    <row r="2148" spans="2:32">
      <c r="B2148" s="2"/>
      <c r="AF2148" s="4"/>
    </row>
    <row r="2149" spans="2:32">
      <c r="B2149" s="2"/>
      <c r="AF2149" s="4"/>
    </row>
    <row r="2150" spans="2:32">
      <c r="B2150" s="2"/>
      <c r="AF2150" s="4"/>
    </row>
    <row r="2151" spans="2:32">
      <c r="B2151" s="2"/>
      <c r="AF2151" s="4"/>
    </row>
    <row r="2152" spans="2:32">
      <c r="B2152" s="2"/>
      <c r="AF2152" s="4"/>
    </row>
    <row r="2153" spans="2:32">
      <c r="B2153" s="2"/>
      <c r="AF2153" s="4"/>
    </row>
    <row r="2154" spans="2:32">
      <c r="B2154" s="2"/>
      <c r="AF2154" s="4"/>
    </row>
    <row r="2155" spans="2:32">
      <c r="B2155" s="2"/>
      <c r="AF2155" s="4"/>
    </row>
    <row r="2156" spans="2:32">
      <c r="B2156" s="2"/>
      <c r="AF2156" s="4"/>
    </row>
    <row r="2157" spans="2:32">
      <c r="B2157" s="2"/>
      <c r="AF2157" s="4"/>
    </row>
    <row r="2158" spans="2:32">
      <c r="B2158" s="2"/>
      <c r="AF2158" s="4"/>
    </row>
    <row r="2159" spans="2:32">
      <c r="B2159" s="2"/>
      <c r="AF2159" s="4"/>
    </row>
    <row r="2160" spans="2:32">
      <c r="B2160" s="2"/>
      <c r="AF2160" s="4"/>
    </row>
    <row r="2161" spans="2:32">
      <c r="B2161" s="2"/>
      <c r="AF2161" s="4"/>
    </row>
    <row r="2162" spans="2:32">
      <c r="B2162" s="2"/>
      <c r="AF2162" s="4"/>
    </row>
    <row r="2163" spans="2:32">
      <c r="B2163" s="2"/>
      <c r="AF2163" s="4"/>
    </row>
    <row r="2164" spans="2:32">
      <c r="B2164" s="2"/>
      <c r="AF2164" s="4"/>
    </row>
    <row r="2165" spans="2:32">
      <c r="B2165" s="2"/>
      <c r="AF2165" s="4"/>
    </row>
    <row r="2166" spans="2:32">
      <c r="B2166" s="2"/>
      <c r="AF2166" s="4"/>
    </row>
    <row r="2167" spans="2:32">
      <c r="B2167" s="2"/>
      <c r="AF2167" s="4"/>
    </row>
    <row r="2168" spans="2:32">
      <c r="B2168" s="2"/>
      <c r="AF2168" s="4"/>
    </row>
    <row r="2169" spans="2:32">
      <c r="B2169" s="2"/>
      <c r="AF2169" s="4"/>
    </row>
    <row r="2170" spans="2:32">
      <c r="B2170" s="2"/>
      <c r="AF2170" s="4"/>
    </row>
    <row r="2171" spans="2:32">
      <c r="B2171" s="2"/>
      <c r="AF2171" s="4"/>
    </row>
    <row r="2172" spans="2:32">
      <c r="B2172" s="2"/>
      <c r="AF2172" s="4"/>
    </row>
    <row r="2173" spans="2:32">
      <c r="B2173" s="2"/>
      <c r="AF2173" s="4"/>
    </row>
    <row r="2174" spans="2:32">
      <c r="B2174" s="2"/>
      <c r="AF2174" s="4"/>
    </row>
    <row r="2175" spans="2:32">
      <c r="B2175" s="2"/>
      <c r="AF2175" s="4"/>
    </row>
    <row r="2176" spans="2:32">
      <c r="B2176" s="2"/>
      <c r="AF2176" s="4"/>
    </row>
    <row r="2177" spans="2:32">
      <c r="B2177" s="2"/>
      <c r="AF2177" s="4"/>
    </row>
    <row r="2178" spans="2:32">
      <c r="B2178" s="2"/>
      <c r="AF2178" s="4"/>
    </row>
    <row r="2179" spans="2:32">
      <c r="B2179" s="2"/>
      <c r="AF2179" s="4"/>
    </row>
    <row r="2180" spans="2:32">
      <c r="B2180" s="2"/>
      <c r="AF2180" s="4"/>
    </row>
    <row r="2181" spans="2:32">
      <c r="B2181" s="2"/>
      <c r="AF2181" s="4"/>
    </row>
    <row r="2182" spans="2:32">
      <c r="B2182" s="2"/>
      <c r="AF2182" s="4"/>
    </row>
    <row r="2183" spans="2:32">
      <c r="B2183" s="2"/>
      <c r="AF2183" s="4"/>
    </row>
    <row r="2184" spans="2:32">
      <c r="B2184" s="2"/>
      <c r="AF2184" s="4"/>
    </row>
    <row r="2185" spans="2:32">
      <c r="B2185" s="2"/>
      <c r="AF2185" s="4"/>
    </row>
    <row r="2186" spans="2:32">
      <c r="B2186" s="2"/>
      <c r="AF2186" s="4"/>
    </row>
    <row r="2187" spans="2:32">
      <c r="B2187" s="2"/>
      <c r="AF2187" s="4"/>
    </row>
    <row r="2188" spans="2:32">
      <c r="B2188" s="2"/>
      <c r="AF2188" s="4"/>
    </row>
    <row r="2189" spans="2:32">
      <c r="B2189" s="2"/>
      <c r="AF2189" s="4"/>
    </row>
    <row r="2190" spans="2:32">
      <c r="B2190" s="2"/>
      <c r="AF2190" s="4"/>
    </row>
    <row r="2191" spans="2:32">
      <c r="B2191" s="2"/>
      <c r="AF2191" s="4"/>
    </row>
    <row r="2192" spans="2:32">
      <c r="B2192" s="2"/>
      <c r="AF2192" s="4"/>
    </row>
    <row r="2193" spans="2:32">
      <c r="B2193" s="2"/>
      <c r="AF2193" s="4"/>
    </row>
    <row r="2194" spans="2:32">
      <c r="B2194" s="2"/>
      <c r="AF2194" s="4"/>
    </row>
    <row r="2195" spans="2:32">
      <c r="B2195" s="2"/>
      <c r="AF2195" s="4"/>
    </row>
    <row r="2196" spans="2:32">
      <c r="B2196" s="2"/>
      <c r="AF2196" s="4"/>
    </row>
    <row r="2197" spans="2:32">
      <c r="B2197" s="2"/>
      <c r="AF2197" s="4"/>
    </row>
    <row r="2198" spans="2:32">
      <c r="B2198" s="2"/>
      <c r="AF2198" s="4"/>
    </row>
    <row r="2199" spans="2:32">
      <c r="B2199" s="2"/>
      <c r="AF2199" s="4"/>
    </row>
    <row r="2200" spans="2:32">
      <c r="B2200" s="2"/>
      <c r="AF2200" s="4"/>
    </row>
    <row r="2201" spans="2:32">
      <c r="B2201" s="2"/>
      <c r="AF2201" s="4"/>
    </row>
    <row r="2202" spans="2:32">
      <c r="B2202" s="2"/>
      <c r="AF2202" s="4"/>
    </row>
    <row r="2203" spans="2:32">
      <c r="B2203" s="2"/>
      <c r="AF2203" s="4"/>
    </row>
    <row r="2204" spans="2:32">
      <c r="B2204" s="2"/>
      <c r="AF2204" s="4"/>
    </row>
    <row r="2205" spans="2:32">
      <c r="B2205" s="2"/>
      <c r="AF2205" s="4"/>
    </row>
    <row r="2206" spans="2:32">
      <c r="B2206" s="2"/>
      <c r="AF2206" s="4"/>
    </row>
    <row r="2207" spans="2:32">
      <c r="B2207" s="2"/>
      <c r="AF2207" s="4"/>
    </row>
    <row r="2208" spans="2:32">
      <c r="B2208" s="2"/>
      <c r="AF2208" s="4"/>
    </row>
    <row r="2209" spans="2:32">
      <c r="B2209" s="2"/>
      <c r="AF2209" s="4"/>
    </row>
    <row r="2210" spans="2:32">
      <c r="B2210" s="2"/>
      <c r="AF2210" s="4"/>
    </row>
    <row r="2211" spans="2:32">
      <c r="B2211" s="2"/>
      <c r="AF2211" s="4"/>
    </row>
    <row r="2212" spans="2:32">
      <c r="B2212" s="2"/>
      <c r="AF2212" s="4"/>
    </row>
    <row r="2213" spans="2:32">
      <c r="B2213" s="2"/>
      <c r="AF2213" s="4"/>
    </row>
    <row r="2214" spans="2:32">
      <c r="B2214" s="2"/>
      <c r="AF2214" s="4"/>
    </row>
    <row r="2215" spans="2:32">
      <c r="B2215" s="2"/>
      <c r="AF2215" s="4"/>
    </row>
    <row r="2216" spans="2:32">
      <c r="B2216" s="2"/>
      <c r="AF2216" s="4"/>
    </row>
    <row r="2217" spans="2:32">
      <c r="B2217" s="2"/>
      <c r="AF2217" s="4"/>
    </row>
    <row r="2218" spans="2:32">
      <c r="B2218" s="2"/>
      <c r="AF2218" s="4"/>
    </row>
    <row r="2219" spans="2:32">
      <c r="B2219" s="2"/>
      <c r="AF2219" s="4"/>
    </row>
    <row r="2220" spans="2:32">
      <c r="B2220" s="2"/>
      <c r="AF2220" s="4"/>
    </row>
    <row r="2221" spans="2:32">
      <c r="B2221" s="2"/>
      <c r="AF2221" s="4"/>
    </row>
    <row r="2222" spans="2:32">
      <c r="B2222" s="2"/>
      <c r="AF2222" s="4"/>
    </row>
    <row r="2223" spans="2:32">
      <c r="B2223" s="2"/>
      <c r="AF2223" s="4"/>
    </row>
    <row r="2224" spans="2:32">
      <c r="B2224" s="2"/>
      <c r="AF2224" s="4"/>
    </row>
    <row r="2225" spans="2:32">
      <c r="B2225" s="2"/>
      <c r="AF2225" s="4"/>
    </row>
    <row r="2226" spans="2:32">
      <c r="B2226" s="2"/>
      <c r="AF2226" s="4"/>
    </row>
    <row r="2227" spans="2:32">
      <c r="B2227" s="2"/>
      <c r="AF2227" s="4"/>
    </row>
    <row r="2228" spans="2:32">
      <c r="B2228" s="2"/>
      <c r="AF2228" s="4"/>
    </row>
    <row r="2229" spans="2:32">
      <c r="B2229" s="2"/>
      <c r="AF2229" s="4"/>
    </row>
    <row r="2230" spans="2:32">
      <c r="B2230" s="2"/>
      <c r="AF2230" s="4"/>
    </row>
    <row r="2231" spans="2:32">
      <c r="B2231" s="2"/>
      <c r="AF2231" s="4"/>
    </row>
    <row r="2232" spans="2:32">
      <c r="B2232" s="2"/>
      <c r="AF2232" s="4"/>
    </row>
    <row r="2233" spans="2:32">
      <c r="B2233" s="2"/>
      <c r="AF2233" s="4"/>
    </row>
    <row r="2234" spans="2:32">
      <c r="B2234" s="2"/>
      <c r="AF2234" s="4"/>
    </row>
    <row r="2235" spans="2:32">
      <c r="B2235" s="2"/>
      <c r="AF2235" s="4"/>
    </row>
    <row r="2236" spans="2:32">
      <c r="B2236" s="2"/>
      <c r="AF2236" s="4"/>
    </row>
    <row r="2237" spans="2:32">
      <c r="B2237" s="2"/>
      <c r="AF2237" s="4"/>
    </row>
    <row r="2238" spans="2:32">
      <c r="B2238" s="2"/>
      <c r="AF2238" s="4"/>
    </row>
    <row r="2239" spans="2:32">
      <c r="B2239" s="2"/>
      <c r="AF2239" s="4"/>
    </row>
    <row r="2240" spans="2:32">
      <c r="B2240" s="2"/>
      <c r="AF2240" s="4"/>
    </row>
    <row r="2241" spans="2:32">
      <c r="B2241" s="2"/>
      <c r="AF2241" s="4"/>
    </row>
    <row r="2242" spans="2:32">
      <c r="B2242" s="2"/>
      <c r="AF2242" s="4"/>
    </row>
    <row r="2243" spans="2:32">
      <c r="B2243" s="2"/>
      <c r="AF2243" s="4"/>
    </row>
    <row r="2244" spans="2:32">
      <c r="B2244" s="2"/>
      <c r="AF2244" s="4"/>
    </row>
    <row r="2245" spans="2:32">
      <c r="B2245" s="2"/>
      <c r="AF2245" s="4"/>
    </row>
    <row r="2246" spans="2:32">
      <c r="B2246" s="2"/>
      <c r="AF2246" s="4"/>
    </row>
    <row r="2247" spans="2:32">
      <c r="B2247" s="2"/>
      <c r="AF2247" s="4"/>
    </row>
    <row r="2248" spans="2:32">
      <c r="B2248" s="2"/>
      <c r="AF2248" s="4"/>
    </row>
    <row r="2249" spans="2:32">
      <c r="B2249" s="2"/>
      <c r="AF2249" s="4"/>
    </row>
    <row r="2250" spans="2:32">
      <c r="B2250" s="2"/>
      <c r="AF2250" s="4"/>
    </row>
    <row r="2251" spans="2:32">
      <c r="B2251" s="2"/>
      <c r="AF2251" s="4"/>
    </row>
    <row r="2252" spans="2:32">
      <c r="B2252" s="2"/>
      <c r="AF2252" s="4"/>
    </row>
    <row r="2253" spans="2:32">
      <c r="B2253" s="2"/>
      <c r="AF2253" s="4"/>
    </row>
    <row r="2254" spans="2:32">
      <c r="B2254" s="2"/>
      <c r="AF2254" s="4"/>
    </row>
    <row r="2255" spans="2:32">
      <c r="B2255" s="2"/>
      <c r="AF2255" s="4"/>
    </row>
    <row r="2256" spans="2:32">
      <c r="B2256" s="2"/>
      <c r="AF2256" s="4"/>
    </row>
    <row r="2257" spans="2:32">
      <c r="B2257" s="2"/>
      <c r="AF2257" s="4"/>
    </row>
    <row r="2258" spans="2:32">
      <c r="B2258" s="2"/>
      <c r="AF2258" s="4"/>
    </row>
    <row r="2259" spans="2:32">
      <c r="B2259" s="2"/>
      <c r="AF2259" s="4"/>
    </row>
    <row r="2260" spans="2:32">
      <c r="B2260" s="2"/>
      <c r="AF2260" s="4"/>
    </row>
    <row r="2261" spans="2:32">
      <c r="B2261" s="2"/>
      <c r="AF2261" s="4"/>
    </row>
    <row r="2262" spans="2:32">
      <c r="B2262" s="2"/>
      <c r="AF2262" s="4"/>
    </row>
    <row r="2263" spans="2:32">
      <c r="B2263" s="2"/>
      <c r="AF2263" s="4"/>
    </row>
    <row r="2264" spans="2:32">
      <c r="B2264" s="2"/>
      <c r="AF2264" s="4"/>
    </row>
    <row r="2265" spans="2:32">
      <c r="B2265" s="2"/>
      <c r="AF2265" s="4"/>
    </row>
    <row r="2266" spans="2:32">
      <c r="B2266" s="2"/>
      <c r="AF2266" s="4"/>
    </row>
    <row r="2267" spans="2:32">
      <c r="B2267" s="2"/>
      <c r="AF2267" s="4"/>
    </row>
    <row r="2268" spans="2:32">
      <c r="B2268" s="2"/>
      <c r="AF2268" s="4"/>
    </row>
    <row r="2269" spans="2:32">
      <c r="B2269" s="2"/>
      <c r="AF2269" s="4"/>
    </row>
    <row r="2270" spans="2:32">
      <c r="B2270" s="2"/>
      <c r="AF2270" s="4"/>
    </row>
    <row r="2271" spans="2:32">
      <c r="B2271" s="2"/>
      <c r="AF2271" s="4"/>
    </row>
    <row r="2272" spans="2:32">
      <c r="B2272" s="2"/>
      <c r="AF2272" s="4"/>
    </row>
    <row r="2273" spans="2:32">
      <c r="B2273" s="2"/>
      <c r="AF2273" s="4"/>
    </row>
    <row r="2274" spans="2:32">
      <c r="B2274" s="2"/>
      <c r="AF2274" s="4"/>
    </row>
    <row r="2275" spans="2:32">
      <c r="B2275" s="2"/>
      <c r="AF2275" s="4"/>
    </row>
    <row r="2276" spans="2:32">
      <c r="B2276" s="2"/>
      <c r="AF2276" s="4"/>
    </row>
    <row r="2277" spans="2:32">
      <c r="B2277" s="2"/>
      <c r="AF2277" s="4"/>
    </row>
    <row r="2278" spans="2:32">
      <c r="B2278" s="2"/>
      <c r="AF2278" s="4"/>
    </row>
    <row r="2279" spans="2:32">
      <c r="B2279" s="2"/>
      <c r="AF2279" s="4"/>
    </row>
    <row r="2280" spans="2:32">
      <c r="B2280" s="2"/>
      <c r="AF2280" s="4"/>
    </row>
    <row r="2281" spans="2:32">
      <c r="B2281" s="2"/>
      <c r="AF2281" s="4"/>
    </row>
    <row r="2282" spans="2:32">
      <c r="B2282" s="2"/>
      <c r="AF2282" s="4"/>
    </row>
    <row r="2283" spans="2:32">
      <c r="B2283" s="2"/>
      <c r="AF2283" s="4"/>
    </row>
    <row r="2284" spans="2:32">
      <c r="B2284" s="2"/>
      <c r="AF2284" s="4"/>
    </row>
    <row r="2285" spans="2:32">
      <c r="B2285" s="2"/>
      <c r="AF2285" s="4"/>
    </row>
    <row r="2286" spans="2:32">
      <c r="B2286" s="2"/>
      <c r="AF2286" s="4"/>
    </row>
    <row r="2287" spans="2:32">
      <c r="B2287" s="2"/>
      <c r="AF2287" s="4"/>
    </row>
    <row r="2288" spans="2:32">
      <c r="B2288" s="2"/>
      <c r="AF2288" s="4"/>
    </row>
    <row r="2289" spans="2:32">
      <c r="B2289" s="2"/>
      <c r="AF2289" s="4"/>
    </row>
    <row r="2290" spans="2:32">
      <c r="B2290" s="2"/>
      <c r="AF2290" s="4"/>
    </row>
    <row r="2291" spans="2:32">
      <c r="B2291" s="2"/>
      <c r="AF2291" s="4"/>
    </row>
    <row r="2292" spans="2:32">
      <c r="B2292" s="2"/>
      <c r="AF2292" s="4"/>
    </row>
    <row r="2293" spans="2:32">
      <c r="B2293" s="2"/>
      <c r="AF2293" s="4"/>
    </row>
    <row r="2294" spans="2:32">
      <c r="B2294" s="2"/>
      <c r="AF2294" s="4"/>
    </row>
    <row r="2295" spans="2:32">
      <c r="B2295" s="2"/>
      <c r="AF2295" s="4"/>
    </row>
    <row r="2296" spans="2:32">
      <c r="B2296" s="2"/>
      <c r="AF2296" s="4"/>
    </row>
    <row r="2297" spans="2:32">
      <c r="B2297" s="2"/>
      <c r="AF2297" s="4"/>
    </row>
    <row r="2298" spans="2:32">
      <c r="B2298" s="2"/>
      <c r="AF2298" s="4"/>
    </row>
    <row r="2299" spans="2:32">
      <c r="B2299" s="2"/>
      <c r="AF2299" s="4"/>
    </row>
    <row r="2300" spans="2:32">
      <c r="B2300" s="2"/>
      <c r="AF2300" s="4"/>
    </row>
    <row r="2301" spans="2:32">
      <c r="B2301" s="2"/>
      <c r="AF2301" s="4"/>
    </row>
    <row r="2302" spans="2:32">
      <c r="B2302" s="2"/>
      <c r="AF2302" s="4"/>
    </row>
    <row r="2303" spans="2:32">
      <c r="B2303" s="2"/>
      <c r="AF2303" s="4"/>
    </row>
    <row r="2304" spans="2:32">
      <c r="B2304" s="2"/>
      <c r="AF2304" s="4"/>
    </row>
    <row r="2305" spans="2:32">
      <c r="B2305" s="2"/>
      <c r="AF2305" s="4"/>
    </row>
    <row r="2306" spans="2:32">
      <c r="B2306" s="2"/>
      <c r="AF2306" s="4"/>
    </row>
    <row r="2307" spans="2:32">
      <c r="B2307" s="2"/>
      <c r="AF2307" s="4"/>
    </row>
    <row r="2308" spans="2:32">
      <c r="B2308" s="2"/>
      <c r="AF2308" s="4"/>
    </row>
    <row r="2309" spans="2:32">
      <c r="B2309" s="2"/>
      <c r="AF2309" s="4"/>
    </row>
    <row r="2310" spans="2:32">
      <c r="B2310" s="2"/>
      <c r="AF2310" s="4"/>
    </row>
    <row r="2311" spans="2:32">
      <c r="B2311" s="2"/>
      <c r="AF2311" s="4"/>
    </row>
    <row r="2312" spans="2:32">
      <c r="B2312" s="2"/>
      <c r="AF2312" s="4"/>
    </row>
    <row r="2313" spans="2:32">
      <c r="B2313" s="2"/>
      <c r="AF2313" s="4"/>
    </row>
    <row r="2314" spans="2:32">
      <c r="B2314" s="2"/>
      <c r="AF2314" s="4"/>
    </row>
    <row r="2315" spans="2:32">
      <c r="B2315" s="2"/>
      <c r="AF2315" s="4"/>
    </row>
    <row r="2316" spans="2:32">
      <c r="B2316" s="2"/>
      <c r="AF2316" s="4"/>
    </row>
    <row r="2317" spans="2:32">
      <c r="B2317" s="2"/>
      <c r="AF2317" s="4"/>
    </row>
    <row r="2318" spans="2:32">
      <c r="B2318" s="2"/>
      <c r="AF2318" s="4"/>
    </row>
    <row r="2319" spans="2:32">
      <c r="B2319" s="2"/>
      <c r="AF2319" s="4"/>
    </row>
    <row r="2320" spans="2:32">
      <c r="B2320" s="2"/>
      <c r="AF2320" s="4"/>
    </row>
    <row r="2321" spans="2:32">
      <c r="B2321" s="2"/>
      <c r="AF2321" s="4"/>
    </row>
    <row r="2322" spans="2:32">
      <c r="B2322" s="2"/>
      <c r="AF2322" s="4"/>
    </row>
    <row r="2323" spans="2:32">
      <c r="B2323" s="2"/>
      <c r="AF2323" s="4"/>
    </row>
    <row r="2324" spans="2:32">
      <c r="B2324" s="2"/>
      <c r="AF2324" s="4"/>
    </row>
    <row r="2325" spans="2:32">
      <c r="B2325" s="2"/>
      <c r="AF2325" s="4"/>
    </row>
    <row r="2326" spans="2:32">
      <c r="B2326" s="2"/>
      <c r="AF2326" s="4"/>
    </row>
    <row r="2327" spans="2:32">
      <c r="B2327" s="2"/>
      <c r="AF2327" s="4"/>
    </row>
    <row r="2328" spans="2:32">
      <c r="B2328" s="2"/>
      <c r="AF2328" s="4"/>
    </row>
    <row r="2329" spans="2:32">
      <c r="B2329" s="2"/>
      <c r="AF2329" s="4"/>
    </row>
    <row r="2330" spans="2:32">
      <c r="B2330" s="2"/>
      <c r="AF2330" s="4"/>
    </row>
    <row r="2331" spans="2:32">
      <c r="B2331" s="2"/>
      <c r="AF2331" s="4"/>
    </row>
    <row r="2332" spans="2:32">
      <c r="B2332" s="2"/>
      <c r="AF2332" s="4"/>
    </row>
    <row r="2333" spans="2:32">
      <c r="B2333" s="2"/>
      <c r="AF2333" s="4"/>
    </row>
    <row r="2334" spans="2:32">
      <c r="B2334" s="2"/>
      <c r="AF2334" s="4"/>
    </row>
    <row r="2335" spans="2:32">
      <c r="B2335" s="2"/>
      <c r="AF2335" s="4"/>
    </row>
    <row r="2336" spans="2:32">
      <c r="B2336" s="2"/>
      <c r="AF2336" s="4"/>
    </row>
    <row r="2337" spans="2:32">
      <c r="B2337" s="2"/>
      <c r="AF2337" s="4"/>
    </row>
    <row r="2338" spans="2:32">
      <c r="B2338" s="2"/>
      <c r="AF2338" s="4"/>
    </row>
    <row r="2339" spans="2:32">
      <c r="B2339" s="2"/>
      <c r="AF2339" s="4"/>
    </row>
    <row r="2340" spans="2:32">
      <c r="B2340" s="2"/>
      <c r="AF2340" s="4"/>
    </row>
    <row r="2341" spans="2:32">
      <c r="B2341" s="2"/>
      <c r="AF2341" s="4"/>
    </row>
    <row r="2342" spans="2:32">
      <c r="B2342" s="2"/>
      <c r="AF2342" s="4"/>
    </row>
    <row r="2343" spans="2:32">
      <c r="B2343" s="2"/>
      <c r="AF2343" s="4"/>
    </row>
    <row r="2344" spans="2:32">
      <c r="B2344" s="2"/>
      <c r="AF2344" s="4"/>
    </row>
    <row r="2345" spans="2:32">
      <c r="B2345" s="2"/>
      <c r="AF2345" s="4"/>
    </row>
    <row r="2346" spans="2:32">
      <c r="B2346" s="2"/>
      <c r="AF2346" s="4"/>
    </row>
    <row r="2347" spans="2:32">
      <c r="B2347" s="2"/>
      <c r="AF2347" s="4"/>
    </row>
    <row r="2348" spans="2:32">
      <c r="B2348" s="2"/>
      <c r="AF2348" s="4"/>
    </row>
    <row r="2349" spans="2:32">
      <c r="B2349" s="2"/>
      <c r="AF2349" s="4"/>
    </row>
    <row r="2350" spans="2:32">
      <c r="B2350" s="2"/>
      <c r="AF2350" s="4"/>
    </row>
    <row r="2351" spans="2:32">
      <c r="B2351" s="2"/>
      <c r="AF2351" s="4"/>
    </row>
    <row r="2352" spans="2:32">
      <c r="B2352" s="2"/>
      <c r="AF2352" s="4"/>
    </row>
    <row r="2353" spans="2:32">
      <c r="B2353" s="2"/>
      <c r="AF2353" s="4"/>
    </row>
    <row r="2354" spans="2:32">
      <c r="B2354" s="2"/>
      <c r="AF2354" s="4"/>
    </row>
    <row r="2355" spans="2:32">
      <c r="B2355" s="2"/>
      <c r="AF2355" s="4"/>
    </row>
    <row r="2356" spans="2:32">
      <c r="B2356" s="2"/>
      <c r="AF2356" s="4"/>
    </row>
    <row r="2357" spans="2:32">
      <c r="B2357" s="2"/>
      <c r="AF2357" s="4"/>
    </row>
    <row r="2358" spans="2:32">
      <c r="B2358" s="2"/>
      <c r="AF2358" s="4"/>
    </row>
    <row r="2359" spans="2:32">
      <c r="B2359" s="2"/>
      <c r="AF2359" s="4"/>
    </row>
    <row r="2360" spans="2:32">
      <c r="B2360" s="2"/>
      <c r="AF2360" s="4"/>
    </row>
    <row r="2361" spans="2:32">
      <c r="B2361" s="2"/>
      <c r="AF2361" s="4"/>
    </row>
    <row r="2362" spans="2:32">
      <c r="B2362" s="2"/>
      <c r="AF2362" s="4"/>
    </row>
    <row r="2363" spans="2:32">
      <c r="B2363" s="2"/>
      <c r="AF2363" s="4"/>
    </row>
    <row r="2364" spans="2:32">
      <c r="B2364" s="2"/>
      <c r="AF2364" s="4"/>
    </row>
    <row r="2365" spans="2:32">
      <c r="B2365" s="2"/>
      <c r="AF2365" s="4"/>
    </row>
    <row r="2366" spans="2:32">
      <c r="B2366" s="2"/>
      <c r="AF2366" s="4"/>
    </row>
    <row r="2367" spans="2:32">
      <c r="B2367" s="2"/>
      <c r="AF2367" s="4"/>
    </row>
    <row r="2368" spans="2:32">
      <c r="B2368" s="2"/>
      <c r="AF2368" s="4"/>
    </row>
    <row r="2369" spans="2:32">
      <c r="B2369" s="2"/>
      <c r="AF2369" s="4"/>
    </row>
    <row r="2370" spans="2:32">
      <c r="B2370" s="2"/>
      <c r="AF2370" s="4"/>
    </row>
    <row r="2371" spans="2:32">
      <c r="B2371" s="2"/>
      <c r="AF2371" s="4"/>
    </row>
    <row r="2372" spans="2:32">
      <c r="B2372" s="2"/>
      <c r="AF2372" s="4"/>
    </row>
    <row r="2373" spans="2:32">
      <c r="B2373" s="2"/>
      <c r="AF2373" s="4"/>
    </row>
    <row r="2374" spans="2:32">
      <c r="B2374" s="2"/>
      <c r="AF2374" s="4"/>
    </row>
    <row r="2375" spans="2:32">
      <c r="B2375" s="2"/>
      <c r="AF2375" s="4"/>
    </row>
    <row r="2376" spans="2:32">
      <c r="B2376" s="2"/>
      <c r="AF2376" s="4"/>
    </row>
    <row r="2377" spans="2:32">
      <c r="B2377" s="2"/>
      <c r="AF2377" s="4"/>
    </row>
    <row r="2378" spans="2:32">
      <c r="B2378" s="2"/>
      <c r="AF2378" s="4"/>
    </row>
    <row r="2379" spans="2:32">
      <c r="B2379" s="2"/>
      <c r="AF2379" s="4"/>
    </row>
    <row r="2380" spans="2:32">
      <c r="B2380" s="2"/>
      <c r="AF2380" s="4"/>
    </row>
    <row r="2381" spans="2:32">
      <c r="B2381" s="2"/>
      <c r="AF2381" s="4"/>
    </row>
    <row r="2382" spans="2:32">
      <c r="B2382" s="2"/>
      <c r="AF2382" s="4"/>
    </row>
    <row r="2383" spans="2:32">
      <c r="B2383" s="2"/>
      <c r="AF2383" s="4"/>
    </row>
    <row r="2384" spans="2:32">
      <c r="B2384" s="2"/>
      <c r="AF2384" s="4"/>
    </row>
    <row r="2385" spans="2:32">
      <c r="B2385" s="2"/>
      <c r="AF2385" s="4"/>
    </row>
    <row r="2386" spans="2:32">
      <c r="B2386" s="2"/>
      <c r="AF2386" s="4"/>
    </row>
    <row r="2387" spans="2:32">
      <c r="B2387" s="2"/>
      <c r="AF2387" s="4"/>
    </row>
    <row r="2388" spans="2:32">
      <c r="B2388" s="2"/>
      <c r="AF2388" s="4"/>
    </row>
    <row r="2389" spans="2:32">
      <c r="B2389" s="2"/>
      <c r="AF2389" s="4"/>
    </row>
    <row r="2390" spans="2:32">
      <c r="B2390" s="2"/>
      <c r="AF2390" s="4"/>
    </row>
    <row r="2391" spans="2:32">
      <c r="B2391" s="2"/>
      <c r="AF2391" s="4"/>
    </row>
    <row r="2392" spans="2:32">
      <c r="B2392" s="2"/>
      <c r="AF2392" s="4"/>
    </row>
    <row r="2393" spans="2:32">
      <c r="B2393" s="2"/>
      <c r="AF2393" s="4"/>
    </row>
    <row r="2394" spans="2:32">
      <c r="B2394" s="2"/>
      <c r="AF2394" s="4"/>
    </row>
    <row r="2395" spans="2:32">
      <c r="B2395" s="2"/>
      <c r="AF2395" s="4"/>
    </row>
    <row r="2396" spans="2:32">
      <c r="B2396" s="2"/>
      <c r="AF2396" s="4"/>
    </row>
    <row r="2397" spans="2:32">
      <c r="B2397" s="2"/>
      <c r="AF2397" s="4"/>
    </row>
    <row r="2398" spans="2:32">
      <c r="B2398" s="2"/>
      <c r="AF2398" s="4"/>
    </row>
    <row r="2399" spans="2:32">
      <c r="B2399" s="2"/>
      <c r="AF2399" s="4"/>
    </row>
    <row r="2400" spans="2:32">
      <c r="B2400" s="2"/>
      <c r="AF2400" s="4"/>
    </row>
    <row r="2401" spans="2:32">
      <c r="B2401" s="2"/>
      <c r="AF2401" s="4"/>
    </row>
    <row r="2402" spans="2:32">
      <c r="B2402" s="2"/>
      <c r="AF2402" s="4"/>
    </row>
    <row r="2403" spans="2:32">
      <c r="B2403" s="2"/>
      <c r="AF2403" s="4"/>
    </row>
    <row r="2404" spans="2:32">
      <c r="B2404" s="2"/>
      <c r="AF2404" s="4"/>
    </row>
    <row r="2405" spans="2:32">
      <c r="B2405" s="2"/>
      <c r="AF2405" s="4"/>
    </row>
    <row r="2406" spans="2:32">
      <c r="B2406" s="2"/>
      <c r="AF2406" s="4"/>
    </row>
    <row r="2407" spans="2:32">
      <c r="B2407" s="2"/>
      <c r="AF2407" s="4"/>
    </row>
    <row r="2408" spans="2:32">
      <c r="B2408" s="2"/>
      <c r="AF2408" s="4"/>
    </row>
    <row r="2409" spans="2:32">
      <c r="B2409" s="2"/>
      <c r="AF2409" s="4"/>
    </row>
    <row r="2410" spans="2:32">
      <c r="B2410" s="2"/>
      <c r="AF2410" s="4"/>
    </row>
    <row r="2411" spans="2:32">
      <c r="B2411" s="2"/>
      <c r="AF2411" s="4"/>
    </row>
    <row r="2412" spans="2:32">
      <c r="B2412" s="2"/>
      <c r="AF2412" s="4"/>
    </row>
    <row r="2413" spans="2:32">
      <c r="B2413" s="2"/>
      <c r="AF2413" s="4"/>
    </row>
    <row r="2414" spans="2:32">
      <c r="B2414" s="2"/>
      <c r="AF2414" s="4"/>
    </row>
    <row r="2415" spans="2:32">
      <c r="B2415" s="2"/>
      <c r="AF2415" s="4"/>
    </row>
    <row r="2416" spans="2:32">
      <c r="B2416" s="2"/>
      <c r="AF2416" s="4"/>
    </row>
    <row r="2417" spans="2:32">
      <c r="B2417" s="2"/>
      <c r="AF2417" s="4"/>
    </row>
    <row r="2418" spans="2:32">
      <c r="B2418" s="2"/>
      <c r="AF2418" s="4"/>
    </row>
    <row r="2419" spans="2:32">
      <c r="B2419" s="2"/>
      <c r="AF2419" s="4"/>
    </row>
    <row r="2420" spans="2:32">
      <c r="B2420" s="2"/>
      <c r="AF2420" s="4"/>
    </row>
    <row r="2421" spans="2:32">
      <c r="B2421" s="2"/>
      <c r="AF2421" s="4"/>
    </row>
    <row r="2422" spans="2:32">
      <c r="B2422" s="2"/>
      <c r="AF2422" s="4"/>
    </row>
    <row r="2423" spans="2:32">
      <c r="B2423" s="2"/>
      <c r="AF2423" s="4"/>
    </row>
    <row r="2424" spans="2:32">
      <c r="B2424" s="2"/>
      <c r="AF2424" s="4"/>
    </row>
    <row r="2425" spans="2:32">
      <c r="B2425" s="2"/>
      <c r="AF2425" s="4"/>
    </row>
    <row r="2426" spans="2:32">
      <c r="B2426" s="2"/>
      <c r="AF2426" s="4"/>
    </row>
    <row r="2427" spans="2:32">
      <c r="B2427" s="2"/>
      <c r="AF2427" s="4"/>
    </row>
    <row r="2428" spans="2:32">
      <c r="B2428" s="2"/>
      <c r="AF2428" s="4"/>
    </row>
    <row r="2429" spans="2:32">
      <c r="B2429" s="2"/>
      <c r="AF2429" s="4"/>
    </row>
    <row r="2430" spans="2:32">
      <c r="B2430" s="2"/>
      <c r="AF2430" s="4"/>
    </row>
    <row r="2431" spans="2:32">
      <c r="B2431" s="2"/>
      <c r="AF2431" s="4"/>
    </row>
    <row r="2432" spans="2:32">
      <c r="B2432" s="2"/>
      <c r="AF2432" s="4"/>
    </row>
    <row r="2433" spans="2:32">
      <c r="B2433" s="2"/>
      <c r="AF2433" s="4"/>
    </row>
    <row r="2434" spans="2:32">
      <c r="B2434" s="2"/>
      <c r="AF2434" s="4"/>
    </row>
    <row r="2435" spans="2:32">
      <c r="B2435" s="2"/>
      <c r="AF2435" s="4"/>
    </row>
    <row r="2436" spans="2:32">
      <c r="B2436" s="2"/>
      <c r="AF2436" s="4"/>
    </row>
    <row r="2437" spans="2:32">
      <c r="B2437" s="2"/>
      <c r="AF2437" s="4"/>
    </row>
    <row r="2438" spans="2:32">
      <c r="B2438" s="2"/>
      <c r="AF2438" s="4"/>
    </row>
    <row r="2439" spans="2:32">
      <c r="B2439" s="2"/>
      <c r="AF2439" s="4"/>
    </row>
    <row r="2440" spans="2:32">
      <c r="B2440" s="2"/>
      <c r="AF2440" s="4"/>
    </row>
    <row r="2441" spans="2:32">
      <c r="B2441" s="2"/>
      <c r="AF2441" s="4"/>
    </row>
    <row r="2442" spans="2:32">
      <c r="B2442" s="2"/>
      <c r="AF2442" s="4"/>
    </row>
    <row r="2443" spans="2:32">
      <c r="B2443" s="2"/>
      <c r="AF2443" s="4"/>
    </row>
    <row r="2444" spans="2:32">
      <c r="B2444" s="2"/>
      <c r="AF2444" s="4"/>
    </row>
    <row r="2445" spans="2:32">
      <c r="B2445" s="2"/>
      <c r="AF2445" s="4"/>
    </row>
    <row r="2446" spans="2:32">
      <c r="B2446" s="2"/>
      <c r="AF2446" s="4"/>
    </row>
    <row r="2447" spans="2:32">
      <c r="B2447" s="2"/>
      <c r="AF2447" s="4"/>
    </row>
    <row r="2448" spans="2:32">
      <c r="B2448" s="2"/>
      <c r="AF2448" s="4"/>
    </row>
    <row r="2449" spans="2:32">
      <c r="B2449" s="2"/>
      <c r="AF2449" s="4"/>
    </row>
    <row r="2450" spans="2:32">
      <c r="B2450" s="2"/>
      <c r="AF2450" s="4"/>
    </row>
    <row r="2451" spans="2:32">
      <c r="B2451" s="2"/>
      <c r="AF2451" s="4"/>
    </row>
    <row r="2452" spans="2:32">
      <c r="B2452" s="2"/>
      <c r="AF2452" s="4"/>
    </row>
    <row r="2453" spans="2:32">
      <c r="B2453" s="2"/>
      <c r="AF2453" s="4"/>
    </row>
    <row r="2454" spans="2:32">
      <c r="B2454" s="2"/>
      <c r="AF2454" s="4"/>
    </row>
    <row r="2455" spans="2:32">
      <c r="B2455" s="2"/>
      <c r="AF2455" s="4"/>
    </row>
    <row r="2456" spans="2:32">
      <c r="B2456" s="2"/>
      <c r="AF2456" s="4"/>
    </row>
    <row r="2457" spans="2:32">
      <c r="B2457" s="2"/>
      <c r="AF2457" s="4"/>
    </row>
    <row r="2458" spans="2:32">
      <c r="B2458" s="2"/>
      <c r="AF2458" s="4"/>
    </row>
    <row r="2459" spans="2:32">
      <c r="B2459" s="2"/>
      <c r="AF2459" s="4"/>
    </row>
    <row r="2460" spans="2:32">
      <c r="B2460" s="2"/>
      <c r="AF2460" s="4"/>
    </row>
    <row r="2461" spans="2:32">
      <c r="B2461" s="2"/>
      <c r="AF2461" s="4"/>
    </row>
    <row r="2462" spans="2:32">
      <c r="B2462" s="2"/>
      <c r="AF2462" s="4"/>
    </row>
    <row r="2463" spans="2:32">
      <c r="B2463" s="2"/>
      <c r="AF2463" s="4"/>
    </row>
    <row r="2464" spans="2:32">
      <c r="B2464" s="2"/>
      <c r="AF2464" s="4"/>
    </row>
    <row r="2465" spans="2:32">
      <c r="B2465" s="2"/>
      <c r="AF2465" s="4"/>
    </row>
    <row r="2466" spans="2:32">
      <c r="B2466" s="2"/>
      <c r="AF2466" s="4"/>
    </row>
    <row r="2467" spans="2:32">
      <c r="B2467" s="2"/>
      <c r="AF2467" s="4"/>
    </row>
    <row r="2468" spans="2:32">
      <c r="B2468" s="2"/>
      <c r="AF2468" s="4"/>
    </row>
    <row r="2469" spans="2:32">
      <c r="B2469" s="2"/>
      <c r="AF2469" s="4"/>
    </row>
    <row r="2470" spans="2:32">
      <c r="B2470" s="2"/>
      <c r="AF2470" s="4"/>
    </row>
    <row r="2471" spans="2:32">
      <c r="B2471" s="2"/>
      <c r="AF2471" s="4"/>
    </row>
    <row r="2472" spans="2:32">
      <c r="B2472" s="2"/>
      <c r="AF2472" s="4"/>
    </row>
    <row r="2473" spans="2:32">
      <c r="B2473" s="2"/>
      <c r="AF2473" s="4"/>
    </row>
    <row r="2474" spans="2:32">
      <c r="B2474" s="2"/>
      <c r="AF2474" s="4"/>
    </row>
    <row r="2475" spans="2:32">
      <c r="B2475" s="2"/>
      <c r="AF2475" s="4"/>
    </row>
    <row r="2476" spans="2:32">
      <c r="B2476" s="2"/>
      <c r="AF2476" s="4"/>
    </row>
    <row r="2477" spans="2:32">
      <c r="B2477" s="2"/>
      <c r="AF2477" s="4"/>
    </row>
    <row r="2478" spans="2:32">
      <c r="B2478" s="2"/>
      <c r="AF2478" s="4"/>
    </row>
    <row r="2479" spans="2:32">
      <c r="B2479" s="2"/>
      <c r="AF2479" s="4"/>
    </row>
    <row r="2480" spans="2:32">
      <c r="B2480" s="2"/>
      <c r="AF2480" s="4"/>
    </row>
    <row r="2481" spans="2:32">
      <c r="B2481" s="2"/>
      <c r="AF2481" s="4"/>
    </row>
    <row r="2482" spans="2:32">
      <c r="B2482" s="2"/>
      <c r="AF2482" s="4"/>
    </row>
    <row r="2483" spans="2:32">
      <c r="B2483" s="2"/>
      <c r="AF2483" s="4"/>
    </row>
    <row r="2484" spans="2:32">
      <c r="B2484" s="2"/>
      <c r="AF2484" s="4"/>
    </row>
    <row r="2485" spans="2:32">
      <c r="B2485" s="2"/>
      <c r="AF2485" s="4"/>
    </row>
    <row r="2486" spans="2:32">
      <c r="B2486" s="2"/>
      <c r="AF2486" s="4"/>
    </row>
    <row r="2487" spans="2:32">
      <c r="B2487" s="2"/>
      <c r="AF2487" s="4"/>
    </row>
    <row r="2488" spans="2:32">
      <c r="B2488" s="2"/>
      <c r="AF2488" s="4"/>
    </row>
    <row r="2489" spans="2:32">
      <c r="B2489" s="2"/>
      <c r="AF2489" s="4"/>
    </row>
    <row r="2490" spans="2:32">
      <c r="B2490" s="2"/>
      <c r="AF2490" s="4"/>
    </row>
    <row r="2491" spans="2:32">
      <c r="B2491" s="2"/>
      <c r="AF2491" s="4"/>
    </row>
    <row r="2492" spans="2:32">
      <c r="B2492" s="2"/>
      <c r="AF2492" s="4"/>
    </row>
    <row r="2493" spans="2:32">
      <c r="B2493" s="2"/>
      <c r="AF2493" s="4"/>
    </row>
    <row r="2494" spans="2:32">
      <c r="B2494" s="2"/>
      <c r="AF2494" s="4"/>
    </row>
    <row r="2495" spans="2:32">
      <c r="B2495" s="2"/>
      <c r="AF2495" s="4"/>
    </row>
    <row r="2496" spans="2:32">
      <c r="B2496" s="2"/>
      <c r="AF2496" s="4"/>
    </row>
    <row r="2497" spans="2:32">
      <c r="B2497" s="2"/>
      <c r="AF2497" s="4"/>
    </row>
    <row r="2498" spans="2:32">
      <c r="B2498" s="2"/>
      <c r="AF2498" s="4"/>
    </row>
    <row r="2499" spans="2:32">
      <c r="B2499" s="2"/>
      <c r="AF2499" s="4"/>
    </row>
    <row r="2500" spans="2:32">
      <c r="B2500" s="2"/>
      <c r="AF2500" s="4"/>
    </row>
    <row r="2501" spans="2:32">
      <c r="B2501" s="2"/>
      <c r="AF2501" s="4"/>
    </row>
    <row r="2502" spans="2:32">
      <c r="B2502" s="2"/>
      <c r="AF2502" s="4"/>
    </row>
    <row r="2503" spans="2:32">
      <c r="B2503" s="2"/>
      <c r="AF2503" s="4"/>
    </row>
    <row r="2504" spans="2:32">
      <c r="B2504" s="2"/>
      <c r="AF2504" s="4"/>
    </row>
    <row r="2505" spans="2:32">
      <c r="B2505" s="2"/>
      <c r="AF2505" s="4"/>
    </row>
    <row r="2506" spans="2:32">
      <c r="B2506" s="2"/>
      <c r="AF2506" s="4"/>
    </row>
    <row r="2507" spans="2:32">
      <c r="B2507" s="2"/>
      <c r="AF2507" s="4"/>
    </row>
    <row r="2508" spans="2:32">
      <c r="B2508" s="2"/>
      <c r="AF2508" s="4"/>
    </row>
    <row r="2509" spans="2:32">
      <c r="B2509" s="2"/>
      <c r="AF2509" s="4"/>
    </row>
    <row r="2510" spans="2:32">
      <c r="B2510" s="2"/>
      <c r="AF2510" s="4"/>
    </row>
    <row r="2511" spans="2:32">
      <c r="B2511" s="2"/>
      <c r="AF2511" s="4"/>
    </row>
    <row r="2512" spans="2:32">
      <c r="B2512" s="2"/>
      <c r="AF2512" s="4"/>
    </row>
    <row r="2513" spans="2:32">
      <c r="B2513" s="2"/>
      <c r="AF2513" s="4"/>
    </row>
    <row r="2514" spans="2:32">
      <c r="B2514" s="2"/>
      <c r="AF2514" s="4"/>
    </row>
    <row r="2515" spans="2:32">
      <c r="B2515" s="2"/>
      <c r="AF2515" s="4"/>
    </row>
    <row r="2516" spans="2:32">
      <c r="B2516" s="2"/>
      <c r="AF2516" s="4"/>
    </row>
    <row r="2517" spans="2:32">
      <c r="B2517" s="2"/>
      <c r="AF2517" s="4"/>
    </row>
    <row r="2518" spans="2:32">
      <c r="B2518" s="2"/>
      <c r="AF2518" s="4"/>
    </row>
    <row r="2519" spans="2:32">
      <c r="B2519" s="2"/>
      <c r="AF2519" s="4"/>
    </row>
    <row r="2520" spans="2:32">
      <c r="B2520" s="2"/>
      <c r="AF2520" s="4"/>
    </row>
    <row r="2521" spans="2:32">
      <c r="B2521" s="2"/>
      <c r="AF2521" s="4"/>
    </row>
    <row r="2522" spans="2:32">
      <c r="B2522" s="2"/>
      <c r="AF2522" s="4"/>
    </row>
    <row r="2523" spans="2:32">
      <c r="B2523" s="2"/>
      <c r="AF2523" s="4"/>
    </row>
    <row r="2524" spans="2:32">
      <c r="B2524" s="2"/>
      <c r="AF2524" s="4"/>
    </row>
    <row r="2525" spans="2:32">
      <c r="B2525" s="2"/>
      <c r="AF2525" s="4"/>
    </row>
    <row r="2526" spans="2:32">
      <c r="B2526" s="2"/>
      <c r="AF2526" s="4"/>
    </row>
    <row r="2527" spans="2:32">
      <c r="B2527" s="2"/>
      <c r="AF2527" s="4"/>
    </row>
    <row r="2528" spans="2:32">
      <c r="B2528" s="2"/>
      <c r="AF2528" s="4"/>
    </row>
    <row r="2529" spans="2:32">
      <c r="B2529" s="2"/>
      <c r="AF2529" s="4"/>
    </row>
    <row r="2530" spans="2:32">
      <c r="B2530" s="2"/>
      <c r="AF2530" s="4"/>
    </row>
    <row r="2531" spans="2:32">
      <c r="B2531" s="2"/>
      <c r="AF2531" s="4"/>
    </row>
    <row r="2532" spans="2:32">
      <c r="B2532" s="2"/>
      <c r="AF2532" s="4"/>
    </row>
    <row r="2533" spans="2:32">
      <c r="B2533" s="2"/>
      <c r="AF2533" s="4"/>
    </row>
    <row r="2534" spans="2:32">
      <c r="B2534" s="2"/>
      <c r="AF2534" s="4"/>
    </row>
    <row r="2535" spans="2:32">
      <c r="B2535" s="2"/>
      <c r="AF2535" s="4"/>
    </row>
    <row r="2536" spans="2:32">
      <c r="B2536" s="2"/>
      <c r="AF2536" s="4"/>
    </row>
    <row r="2537" spans="2:32">
      <c r="B2537" s="2"/>
      <c r="AF2537" s="4"/>
    </row>
    <row r="2538" spans="2:32">
      <c r="B2538" s="2"/>
      <c r="AF2538" s="4"/>
    </row>
    <row r="2539" spans="2:32">
      <c r="B2539" s="2"/>
      <c r="AF2539" s="4"/>
    </row>
    <row r="2540" spans="2:32">
      <c r="B2540" s="2"/>
      <c r="AF2540" s="4"/>
    </row>
    <row r="2541" spans="2:32">
      <c r="B2541" s="2"/>
      <c r="AF2541" s="4"/>
    </row>
    <row r="2542" spans="2:32">
      <c r="B2542" s="2"/>
      <c r="AF2542" s="4"/>
    </row>
    <row r="2543" spans="2:32">
      <c r="B2543" s="2"/>
      <c r="AF2543" s="4"/>
    </row>
    <row r="2544" spans="2:32">
      <c r="B2544" s="2"/>
      <c r="AF2544" s="4"/>
    </row>
    <row r="2545" spans="2:32">
      <c r="B2545" s="2"/>
      <c r="AF2545" s="4"/>
    </row>
    <row r="2546" spans="2:32">
      <c r="B2546" s="2"/>
      <c r="AF2546" s="4"/>
    </row>
    <row r="2547" spans="2:32">
      <c r="B2547" s="2"/>
      <c r="AF2547" s="4"/>
    </row>
    <row r="2548" spans="2:32">
      <c r="B2548" s="2"/>
      <c r="AF2548" s="4"/>
    </row>
    <row r="2549" spans="2:32">
      <c r="B2549" s="2"/>
      <c r="AF2549" s="4"/>
    </row>
    <row r="2550" spans="2:32">
      <c r="B2550" s="2"/>
      <c r="AF2550" s="4"/>
    </row>
    <row r="2551" spans="2:32">
      <c r="B2551" s="2"/>
      <c r="AF2551" s="4"/>
    </row>
    <row r="2552" spans="2:32">
      <c r="B2552" s="2"/>
      <c r="AF2552" s="4"/>
    </row>
    <row r="2553" spans="2:32">
      <c r="B2553" s="2"/>
      <c r="AF2553" s="4"/>
    </row>
    <row r="2554" spans="2:32">
      <c r="B2554" s="2"/>
      <c r="AF2554" s="4"/>
    </row>
    <row r="2555" spans="2:32">
      <c r="B2555" s="2"/>
      <c r="AF2555" s="4"/>
    </row>
    <row r="2556" spans="2:32">
      <c r="B2556" s="2"/>
      <c r="AF2556" s="4"/>
    </row>
    <row r="2557" spans="2:32">
      <c r="B2557" s="2"/>
      <c r="AF2557" s="4"/>
    </row>
    <row r="2558" spans="2:32">
      <c r="B2558" s="2"/>
      <c r="AF2558" s="4"/>
    </row>
    <row r="2559" spans="2:32">
      <c r="B2559" s="2"/>
      <c r="AF2559" s="4"/>
    </row>
    <row r="2560" spans="2:32">
      <c r="B2560" s="2"/>
      <c r="AF2560" s="4"/>
    </row>
    <row r="2561" spans="2:32">
      <c r="B2561" s="2"/>
      <c r="AF2561" s="4"/>
    </row>
    <row r="2562" spans="2:32">
      <c r="B2562" s="2"/>
      <c r="AF2562" s="4"/>
    </row>
    <row r="2563" spans="2:32">
      <c r="B2563" s="2"/>
      <c r="AF2563" s="4"/>
    </row>
    <row r="2564" spans="2:32">
      <c r="B2564" s="2"/>
      <c r="AF2564" s="4"/>
    </row>
    <row r="2565" spans="2:32">
      <c r="B2565" s="2"/>
      <c r="AF2565" s="4"/>
    </row>
    <row r="2566" spans="2:32">
      <c r="B2566" s="2"/>
      <c r="AF2566" s="4"/>
    </row>
    <row r="2567" spans="2:32">
      <c r="B2567" s="2"/>
      <c r="AF2567" s="4"/>
    </row>
    <row r="2568" spans="2:32">
      <c r="B2568" s="2"/>
      <c r="AF2568" s="4"/>
    </row>
    <row r="2569" spans="2:32">
      <c r="B2569" s="2"/>
      <c r="AF2569" s="4"/>
    </row>
    <row r="2570" spans="2:32">
      <c r="B2570" s="2"/>
      <c r="AF2570" s="4"/>
    </row>
    <row r="2571" spans="2:32">
      <c r="B2571" s="2"/>
      <c r="AF2571" s="4"/>
    </row>
    <row r="2572" spans="2:32">
      <c r="B2572" s="2"/>
      <c r="AF2572" s="4"/>
    </row>
    <row r="2573" spans="2:32">
      <c r="B2573" s="2"/>
      <c r="AF2573" s="4"/>
    </row>
    <row r="2574" spans="2:32">
      <c r="B2574" s="2"/>
      <c r="AF2574" s="4"/>
    </row>
    <row r="2575" spans="2:32">
      <c r="B2575" s="2"/>
      <c r="AF2575" s="4"/>
    </row>
    <row r="2576" spans="2:32">
      <c r="B2576" s="2"/>
      <c r="AF2576" s="4"/>
    </row>
    <row r="2577" spans="2:32">
      <c r="B2577" s="2"/>
      <c r="AF2577" s="4"/>
    </row>
    <row r="2578" spans="2:32">
      <c r="B2578" s="2"/>
      <c r="AF2578" s="4"/>
    </row>
    <row r="2579" spans="2:32">
      <c r="B2579" s="2"/>
      <c r="AF2579" s="4"/>
    </row>
    <row r="2580" spans="2:32">
      <c r="B2580" s="2"/>
      <c r="AF2580" s="4"/>
    </row>
    <row r="2581" spans="2:32">
      <c r="B2581" s="2"/>
      <c r="AF2581" s="4"/>
    </row>
    <row r="2582" spans="2:32">
      <c r="B2582" s="2"/>
      <c r="AF2582" s="4"/>
    </row>
    <row r="2583" spans="2:32">
      <c r="B2583" s="2"/>
      <c r="AF2583" s="4"/>
    </row>
    <row r="2584" spans="2:32">
      <c r="B2584" s="2"/>
      <c r="AF2584" s="4"/>
    </row>
    <row r="2585" spans="2:32">
      <c r="B2585" s="2"/>
      <c r="AF2585" s="4"/>
    </row>
    <row r="2586" spans="2:32">
      <c r="B2586" s="2"/>
      <c r="AF2586" s="4"/>
    </row>
    <row r="2587" spans="2:32">
      <c r="B2587" s="2"/>
      <c r="AF2587" s="4"/>
    </row>
    <row r="2588" spans="2:32">
      <c r="B2588" s="2"/>
      <c r="AF2588" s="4"/>
    </row>
    <row r="2589" spans="2:32">
      <c r="B2589" s="2"/>
      <c r="AF2589" s="4"/>
    </row>
    <row r="2590" spans="2:32">
      <c r="B2590" s="2"/>
      <c r="AF2590" s="4"/>
    </row>
    <row r="2591" spans="2:32">
      <c r="B2591" s="2"/>
      <c r="AF2591" s="4"/>
    </row>
    <row r="2592" spans="2:32">
      <c r="B2592" s="2"/>
      <c r="AF2592" s="4"/>
    </row>
    <row r="2593" spans="2:32">
      <c r="B2593" s="2"/>
      <c r="AF2593" s="4"/>
    </row>
    <row r="2594" spans="2:32">
      <c r="B2594" s="2"/>
      <c r="AF2594" s="4"/>
    </row>
    <row r="2595" spans="2:32">
      <c r="B2595" s="2"/>
      <c r="AF2595" s="4"/>
    </row>
    <row r="2596" spans="2:32">
      <c r="B2596" s="2"/>
      <c r="AF2596" s="4"/>
    </row>
    <row r="2597" spans="2:32">
      <c r="B2597" s="2"/>
      <c r="AF2597" s="4"/>
    </row>
    <row r="2598" spans="2:32">
      <c r="B2598" s="2"/>
      <c r="AF2598" s="4"/>
    </row>
    <row r="2599" spans="2:32">
      <c r="B2599" s="2"/>
      <c r="AF2599" s="4"/>
    </row>
    <row r="2600" spans="2:32">
      <c r="B2600" s="2"/>
      <c r="AF2600" s="4"/>
    </row>
    <row r="2601" spans="2:32">
      <c r="B2601" s="2"/>
      <c r="AF2601" s="4"/>
    </row>
    <row r="2602" spans="2:32">
      <c r="B2602" s="2"/>
      <c r="AF2602" s="4"/>
    </row>
    <row r="2603" spans="2:32">
      <c r="B2603" s="2"/>
      <c r="AF2603" s="4"/>
    </row>
    <row r="2604" spans="2:32">
      <c r="B2604" s="2"/>
      <c r="AF2604" s="4"/>
    </row>
    <row r="2605" spans="2:32">
      <c r="B2605" s="2"/>
      <c r="AF2605" s="4"/>
    </row>
    <row r="2606" spans="2:32">
      <c r="B2606" s="2"/>
      <c r="AF2606" s="4"/>
    </row>
    <row r="2607" spans="2:32">
      <c r="B2607" s="2"/>
      <c r="AF2607" s="4"/>
    </row>
    <row r="2608" spans="2:32">
      <c r="B2608" s="2"/>
      <c r="AF2608" s="4"/>
    </row>
    <row r="2609" spans="2:32">
      <c r="B2609" s="2"/>
      <c r="AF2609" s="4"/>
    </row>
    <row r="2610" spans="2:32">
      <c r="B2610" s="2"/>
      <c r="AF2610" s="4"/>
    </row>
    <row r="2611" spans="2:32">
      <c r="B2611" s="2"/>
      <c r="AF2611" s="4"/>
    </row>
    <row r="2612" spans="2:32">
      <c r="B2612" s="2"/>
      <c r="AF2612" s="4"/>
    </row>
    <row r="2613" spans="2:32">
      <c r="B2613" s="2"/>
      <c r="AF2613" s="4"/>
    </row>
    <row r="2614" spans="2:32">
      <c r="B2614" s="2"/>
      <c r="AF2614" s="4"/>
    </row>
    <row r="2615" spans="2:32">
      <c r="B2615" s="2"/>
      <c r="AF2615" s="4"/>
    </row>
    <row r="2616" spans="2:32">
      <c r="B2616" s="2"/>
      <c r="AF2616" s="4"/>
    </row>
    <row r="2617" spans="2:32">
      <c r="B2617" s="2"/>
      <c r="AF2617" s="4"/>
    </row>
    <row r="2618" spans="2:32">
      <c r="B2618" s="2"/>
      <c r="AF2618" s="4"/>
    </row>
    <row r="2619" spans="2:32">
      <c r="B2619" s="2"/>
      <c r="AF2619" s="4"/>
    </row>
    <row r="2620" spans="2:32">
      <c r="B2620" s="2"/>
      <c r="AF2620" s="4"/>
    </row>
    <row r="2621" spans="2:32">
      <c r="B2621" s="2"/>
      <c r="AF2621" s="4"/>
    </row>
    <row r="2622" spans="2:32">
      <c r="B2622" s="2"/>
      <c r="AF2622" s="4"/>
    </row>
    <row r="2623" spans="2:32">
      <c r="B2623" s="2"/>
      <c r="AF2623" s="4"/>
    </row>
    <row r="2624" spans="2:32">
      <c r="B2624" s="2"/>
      <c r="AF2624" s="4"/>
    </row>
    <row r="2625" spans="2:32">
      <c r="B2625" s="2"/>
      <c r="AF2625" s="4"/>
    </row>
    <row r="2626" spans="2:32">
      <c r="B2626" s="2"/>
      <c r="AF2626" s="4"/>
    </row>
    <row r="2627" spans="2:32">
      <c r="B2627" s="2"/>
      <c r="AF2627" s="4"/>
    </row>
    <row r="2628" spans="2:32">
      <c r="B2628" s="2"/>
      <c r="AF2628" s="4"/>
    </row>
    <row r="2629" spans="2:32">
      <c r="B2629" s="2"/>
      <c r="AF2629" s="4"/>
    </row>
    <row r="2630" spans="2:32">
      <c r="B2630" s="2"/>
      <c r="AF2630" s="4"/>
    </row>
    <row r="2631" spans="2:32">
      <c r="B2631" s="2"/>
      <c r="AF2631" s="4"/>
    </row>
    <row r="2632" spans="2:32">
      <c r="B2632" s="2"/>
      <c r="AF2632" s="4"/>
    </row>
    <row r="2633" spans="2:32">
      <c r="B2633" s="2"/>
      <c r="AF2633" s="4"/>
    </row>
    <row r="2634" spans="2:32">
      <c r="B2634" s="2"/>
      <c r="AF2634" s="4"/>
    </row>
    <row r="2635" spans="2:32">
      <c r="B2635" s="2"/>
      <c r="AF2635" s="4"/>
    </row>
    <row r="2636" spans="2:32">
      <c r="B2636" s="2"/>
      <c r="AF2636" s="4"/>
    </row>
    <row r="2637" spans="2:32">
      <c r="B2637" s="2"/>
      <c r="AF2637" s="4"/>
    </row>
    <row r="2638" spans="2:32">
      <c r="B2638" s="2"/>
      <c r="AF2638" s="4"/>
    </row>
    <row r="2639" spans="2:32">
      <c r="B2639" s="2"/>
      <c r="AF2639" s="4"/>
    </row>
    <row r="2640" spans="2:32">
      <c r="B2640" s="2"/>
      <c r="AF2640" s="4"/>
    </row>
    <row r="2641" spans="2:32">
      <c r="B2641" s="2"/>
      <c r="AF2641" s="4"/>
    </row>
    <row r="2642" spans="2:32">
      <c r="B2642" s="2"/>
      <c r="AF2642" s="4"/>
    </row>
    <row r="2643" spans="2:32">
      <c r="B2643" s="2"/>
      <c r="AF2643" s="4"/>
    </row>
    <row r="2644" spans="2:32">
      <c r="B2644" s="2"/>
      <c r="AF2644" s="4"/>
    </row>
    <row r="2645" spans="2:32">
      <c r="B2645" s="2"/>
      <c r="AF2645" s="4"/>
    </row>
    <row r="2646" spans="2:32">
      <c r="B2646" s="2"/>
      <c r="AF2646" s="4"/>
    </row>
    <row r="2647" spans="2:32">
      <c r="B2647" s="2"/>
      <c r="AF2647" s="4"/>
    </row>
    <row r="2648" spans="2:32">
      <c r="B2648" s="2"/>
      <c r="AF2648" s="4"/>
    </row>
    <row r="2649" spans="2:32">
      <c r="B2649" s="2"/>
      <c r="AF2649" s="4"/>
    </row>
    <row r="2650" spans="2:32">
      <c r="B2650" s="2"/>
      <c r="AF2650" s="4"/>
    </row>
    <row r="2651" spans="2:32">
      <c r="B2651" s="2"/>
      <c r="AF2651" s="4"/>
    </row>
    <row r="2652" spans="2:32">
      <c r="B2652" s="2"/>
      <c r="AF2652" s="4"/>
    </row>
    <row r="2653" spans="2:32">
      <c r="B2653" s="2"/>
      <c r="AF2653" s="4"/>
    </row>
    <row r="2654" spans="2:32">
      <c r="B2654" s="2"/>
      <c r="AF2654" s="4"/>
    </row>
    <row r="2655" spans="2:32">
      <c r="B2655" s="2"/>
      <c r="AF2655" s="4"/>
    </row>
    <row r="2656" spans="2:32">
      <c r="B2656" s="2"/>
      <c r="AF2656" s="4"/>
    </row>
    <row r="2657" spans="2:32">
      <c r="B2657" s="2"/>
      <c r="AF2657" s="4"/>
    </row>
    <row r="2658" spans="2:32">
      <c r="B2658" s="2"/>
      <c r="AF2658" s="4"/>
    </row>
    <row r="2659" spans="2:32">
      <c r="B2659" s="2"/>
      <c r="AF2659" s="4"/>
    </row>
    <row r="2660" spans="2:32">
      <c r="B2660" s="2"/>
      <c r="AF2660" s="4"/>
    </row>
    <row r="2661" spans="2:32">
      <c r="B2661" s="2"/>
      <c r="AF2661" s="4"/>
    </row>
    <row r="2662" spans="2:32">
      <c r="B2662" s="2"/>
      <c r="AF2662" s="4"/>
    </row>
    <row r="2663" spans="2:32">
      <c r="B2663" s="2"/>
      <c r="AF2663" s="4"/>
    </row>
    <row r="2664" spans="2:32">
      <c r="B2664" s="2"/>
      <c r="AF2664" s="4"/>
    </row>
    <row r="2665" spans="2:32">
      <c r="B2665" s="2"/>
      <c r="AF2665" s="4"/>
    </row>
    <row r="2666" spans="2:32">
      <c r="B2666" s="2"/>
      <c r="AF2666" s="4"/>
    </row>
    <row r="2667" spans="2:32">
      <c r="B2667" s="2"/>
      <c r="AF2667" s="4"/>
    </row>
    <row r="2668" spans="2:32">
      <c r="B2668" s="2"/>
      <c r="AF2668" s="4"/>
    </row>
    <row r="2669" spans="2:32">
      <c r="B2669" s="2"/>
      <c r="AF2669" s="4"/>
    </row>
    <row r="2670" spans="2:32">
      <c r="B2670" s="2"/>
      <c r="AF2670" s="4"/>
    </row>
    <row r="2671" spans="2:32">
      <c r="B2671" s="2"/>
      <c r="AF2671" s="4"/>
    </row>
    <row r="2672" spans="2:32">
      <c r="B2672" s="2"/>
      <c r="AF2672" s="4"/>
    </row>
    <row r="2673" spans="2:32">
      <c r="B2673" s="2"/>
      <c r="AF2673" s="4"/>
    </row>
    <row r="2674" spans="2:32">
      <c r="B2674" s="2"/>
      <c r="AF2674" s="4"/>
    </row>
    <row r="2675" spans="2:32">
      <c r="B2675" s="2"/>
      <c r="AF2675" s="4"/>
    </row>
    <row r="2676" spans="2:32">
      <c r="B2676" s="2"/>
      <c r="AF2676" s="4"/>
    </row>
    <row r="2677" spans="2:32">
      <c r="B2677" s="2"/>
      <c r="AF2677" s="4"/>
    </row>
    <row r="2678" spans="2:32">
      <c r="B2678" s="2"/>
      <c r="AF2678" s="4"/>
    </row>
    <row r="2679" spans="2:32">
      <c r="B2679" s="2"/>
      <c r="AF2679" s="4"/>
    </row>
    <row r="2680" spans="2:32">
      <c r="B2680" s="2"/>
      <c r="AF2680" s="4"/>
    </row>
    <row r="2681" spans="2:32">
      <c r="B2681" s="2"/>
      <c r="AF2681" s="4"/>
    </row>
    <row r="2682" spans="2:32">
      <c r="B2682" s="2"/>
      <c r="AF2682" s="4"/>
    </row>
    <row r="2683" spans="2:32">
      <c r="B2683" s="2"/>
      <c r="AF2683" s="4"/>
    </row>
    <row r="2684" spans="2:32">
      <c r="B2684" s="2"/>
      <c r="AF2684" s="4"/>
    </row>
    <row r="2685" spans="2:32">
      <c r="B2685" s="2"/>
      <c r="AF2685" s="4"/>
    </row>
    <row r="2686" spans="2:32">
      <c r="B2686" s="2"/>
      <c r="AF2686" s="4"/>
    </row>
    <row r="2687" spans="2:32">
      <c r="B2687" s="2"/>
      <c r="AF2687" s="4"/>
    </row>
    <row r="2688" spans="2:32">
      <c r="B2688" s="2"/>
      <c r="AF2688" s="4"/>
    </row>
    <row r="2689" spans="2:32">
      <c r="B2689" s="2"/>
      <c r="AF2689" s="4"/>
    </row>
    <row r="2690" spans="2:32">
      <c r="B2690" s="2"/>
      <c r="AF2690" s="4"/>
    </row>
    <row r="2691" spans="2:32">
      <c r="B2691" s="2"/>
      <c r="AF2691" s="4"/>
    </row>
    <row r="2692" spans="2:32">
      <c r="B2692" s="2"/>
      <c r="AF2692" s="4"/>
    </row>
    <row r="2693" spans="2:32">
      <c r="B2693" s="2"/>
      <c r="AF2693" s="4"/>
    </row>
    <row r="2694" spans="2:32">
      <c r="B2694" s="2"/>
      <c r="AF2694" s="4"/>
    </row>
    <row r="2695" spans="2:32">
      <c r="B2695" s="2"/>
      <c r="AF2695" s="4"/>
    </row>
    <row r="2696" spans="2:32">
      <c r="B2696" s="2"/>
      <c r="AF2696" s="4"/>
    </row>
    <row r="2697" spans="2:32">
      <c r="B2697" s="2"/>
      <c r="AF2697" s="4"/>
    </row>
    <row r="2698" spans="2:32">
      <c r="B2698" s="2"/>
      <c r="AF2698" s="4"/>
    </row>
    <row r="2699" spans="2:32">
      <c r="B2699" s="2"/>
      <c r="AF2699" s="4"/>
    </row>
    <row r="2700" spans="2:32">
      <c r="B2700" s="2"/>
      <c r="AF2700" s="4"/>
    </row>
    <row r="2701" spans="2:32">
      <c r="B2701" s="2"/>
      <c r="AF2701" s="4"/>
    </row>
    <row r="2702" spans="2:32">
      <c r="B2702" s="2"/>
      <c r="AF2702" s="4"/>
    </row>
    <row r="2703" spans="2:32">
      <c r="B2703" s="2"/>
      <c r="AF2703" s="4"/>
    </row>
    <row r="2704" spans="2:32">
      <c r="B2704" s="2"/>
      <c r="AF2704" s="4"/>
    </row>
    <row r="2705" spans="2:32">
      <c r="B2705" s="2"/>
      <c r="AF2705" s="4"/>
    </row>
    <row r="2706" spans="2:32">
      <c r="B2706" s="2"/>
      <c r="AF2706" s="4"/>
    </row>
    <row r="2707" spans="2:32">
      <c r="B2707" s="2"/>
      <c r="AF2707" s="4"/>
    </row>
    <row r="2708" spans="2:32">
      <c r="B2708" s="2"/>
      <c r="AF2708" s="4"/>
    </row>
    <row r="2709" spans="2:32">
      <c r="B2709" s="2"/>
      <c r="AF2709" s="4"/>
    </row>
    <row r="2710" spans="2:32">
      <c r="B2710" s="2"/>
      <c r="AF2710" s="4"/>
    </row>
    <row r="2711" spans="2:32">
      <c r="B2711" s="2"/>
      <c r="AF2711" s="4"/>
    </row>
    <row r="2712" spans="2:32">
      <c r="B2712" s="2"/>
      <c r="AF2712" s="4"/>
    </row>
    <row r="2713" spans="2:32">
      <c r="B2713" s="2"/>
      <c r="AF2713" s="4"/>
    </row>
    <row r="2714" spans="2:32">
      <c r="B2714" s="2"/>
      <c r="AF2714" s="4"/>
    </row>
    <row r="2715" spans="2:32">
      <c r="B2715" s="2"/>
      <c r="AF2715" s="4"/>
    </row>
    <row r="2716" spans="2:32">
      <c r="B2716" s="2"/>
      <c r="AF2716" s="4"/>
    </row>
    <row r="2717" spans="2:32">
      <c r="B2717" s="2"/>
      <c r="AF2717" s="4"/>
    </row>
    <row r="2718" spans="2:32">
      <c r="B2718" s="2"/>
      <c r="AF2718" s="4"/>
    </row>
    <row r="2719" spans="2:32">
      <c r="B2719" s="2"/>
      <c r="AF2719" s="4"/>
    </row>
    <row r="2720" spans="2:32">
      <c r="B2720" s="2"/>
      <c r="AF2720" s="4"/>
    </row>
    <row r="2721" spans="2:32">
      <c r="B2721" s="2"/>
      <c r="AF2721" s="4"/>
    </row>
    <row r="2722" spans="2:32">
      <c r="B2722" s="2"/>
      <c r="AF2722" s="4"/>
    </row>
    <row r="2723" spans="2:32">
      <c r="B2723" s="2"/>
      <c r="AF2723" s="4"/>
    </row>
    <row r="2724" spans="2:32">
      <c r="B2724" s="2"/>
      <c r="AF2724" s="4"/>
    </row>
    <row r="2725" spans="2:32">
      <c r="B2725" s="2"/>
      <c r="AF2725" s="4"/>
    </row>
    <row r="2726" spans="2:32">
      <c r="B2726" s="2"/>
      <c r="AF2726" s="4"/>
    </row>
    <row r="2727" spans="2:32">
      <c r="B2727" s="2"/>
      <c r="AF2727" s="4"/>
    </row>
    <row r="2728" spans="2:32">
      <c r="B2728" s="2"/>
      <c r="AF2728" s="4"/>
    </row>
    <row r="2729" spans="2:32">
      <c r="B2729" s="2"/>
      <c r="AF2729" s="4"/>
    </row>
    <row r="2730" spans="2:32">
      <c r="B2730" s="2"/>
      <c r="AF2730" s="4"/>
    </row>
    <row r="2731" spans="2:32">
      <c r="B2731" s="2"/>
      <c r="AF2731" s="4"/>
    </row>
    <row r="2732" spans="2:32">
      <c r="B2732" s="2"/>
      <c r="AF2732" s="4"/>
    </row>
    <row r="2733" spans="2:32">
      <c r="B2733" s="2"/>
      <c r="AF2733" s="4"/>
    </row>
    <row r="2734" spans="2:32">
      <c r="B2734" s="2"/>
      <c r="AF2734" s="4"/>
    </row>
    <row r="2735" spans="2:32">
      <c r="B2735" s="2"/>
      <c r="AF2735" s="4"/>
    </row>
    <row r="2736" spans="2:32">
      <c r="B2736" s="2"/>
      <c r="AF2736" s="4"/>
    </row>
    <row r="2737" spans="2:32">
      <c r="B2737" s="2"/>
      <c r="AF2737" s="4"/>
    </row>
    <row r="2738" spans="2:32">
      <c r="B2738" s="2"/>
      <c r="AF2738" s="4"/>
    </row>
    <row r="2739" spans="2:32">
      <c r="B2739" s="2"/>
      <c r="AF2739" s="4"/>
    </row>
    <row r="2740" spans="2:32">
      <c r="B2740" s="2"/>
      <c r="AF2740" s="4"/>
    </row>
    <row r="2741" spans="2:32">
      <c r="B2741" s="2"/>
      <c r="AF2741" s="4"/>
    </row>
    <row r="2742" spans="2:32">
      <c r="B2742" s="2"/>
      <c r="AF2742" s="4"/>
    </row>
    <row r="2743" spans="2:32">
      <c r="B2743" s="2"/>
      <c r="AF2743" s="4"/>
    </row>
    <row r="2744" spans="2:32">
      <c r="B2744" s="2"/>
      <c r="AF2744" s="4"/>
    </row>
    <row r="2745" spans="2:32">
      <c r="B2745" s="2"/>
      <c r="AF2745" s="4"/>
    </row>
    <row r="2746" spans="2:32">
      <c r="B2746" s="2"/>
      <c r="AF2746" s="4"/>
    </row>
    <row r="2747" spans="2:32">
      <c r="B2747" s="2"/>
      <c r="AF2747" s="4"/>
    </row>
    <row r="2748" spans="2:32">
      <c r="B2748" s="2"/>
      <c r="AF2748" s="4"/>
    </row>
    <row r="2749" spans="2:32">
      <c r="B2749" s="2"/>
      <c r="AF2749" s="4"/>
    </row>
    <row r="2750" spans="2:32">
      <c r="B2750" s="2"/>
      <c r="AF2750" s="4"/>
    </row>
    <row r="2751" spans="2:32">
      <c r="B2751" s="2"/>
      <c r="AF2751" s="4"/>
    </row>
    <row r="2752" spans="2:32">
      <c r="B2752" s="2"/>
      <c r="AF2752" s="4"/>
    </row>
    <row r="2753" spans="2:32">
      <c r="B2753" s="2"/>
      <c r="AF2753" s="4"/>
    </row>
    <row r="2754" spans="2:32">
      <c r="B2754" s="2"/>
      <c r="AF2754" s="4"/>
    </row>
    <row r="2755" spans="2:32">
      <c r="B2755" s="2"/>
      <c r="AF2755" s="4"/>
    </row>
    <row r="2756" spans="2:32">
      <c r="B2756" s="2"/>
      <c r="AF2756" s="4"/>
    </row>
    <row r="2757" spans="2:32">
      <c r="B2757" s="2"/>
      <c r="AF2757" s="4"/>
    </row>
    <row r="2758" spans="2:32">
      <c r="B2758" s="2"/>
      <c r="AF2758" s="4"/>
    </row>
    <row r="2759" spans="2:32">
      <c r="B2759" s="2"/>
      <c r="AF2759" s="4"/>
    </row>
    <row r="2760" spans="2:32">
      <c r="B2760" s="2"/>
      <c r="AF2760" s="4"/>
    </row>
    <row r="2761" spans="2:32">
      <c r="B2761" s="2"/>
      <c r="AF2761" s="4"/>
    </row>
    <row r="2762" spans="2:32">
      <c r="B2762" s="2"/>
      <c r="AF2762" s="4"/>
    </row>
    <row r="2763" spans="2:32">
      <c r="B2763" s="2"/>
      <c r="AF2763" s="4"/>
    </row>
    <row r="2764" spans="2:32">
      <c r="B2764" s="2"/>
      <c r="AF2764" s="4"/>
    </row>
    <row r="2765" spans="2:32">
      <c r="B2765" s="2"/>
      <c r="AF2765" s="4"/>
    </row>
    <row r="2766" spans="2:32">
      <c r="B2766" s="2"/>
      <c r="AF2766" s="4"/>
    </row>
    <row r="2767" spans="2:32">
      <c r="B2767" s="2"/>
      <c r="AF2767" s="4"/>
    </row>
    <row r="2768" spans="2:32">
      <c r="B2768" s="2"/>
      <c r="AF2768" s="4"/>
    </row>
    <row r="2769" spans="2:32">
      <c r="B2769" s="2"/>
      <c r="AF2769" s="4"/>
    </row>
    <row r="2770" spans="2:32">
      <c r="B2770" s="2"/>
      <c r="AF2770" s="4"/>
    </row>
    <row r="2771" spans="2:32">
      <c r="B2771" s="2"/>
      <c r="AF2771" s="4"/>
    </row>
    <row r="2772" spans="2:32">
      <c r="B2772" s="2"/>
      <c r="AF2772" s="4"/>
    </row>
    <row r="2773" spans="2:32">
      <c r="B2773" s="2"/>
      <c r="AF2773" s="4"/>
    </row>
    <row r="2774" spans="2:32">
      <c r="B2774" s="2"/>
      <c r="AF2774" s="4"/>
    </row>
    <row r="2775" spans="2:32">
      <c r="B2775" s="2"/>
      <c r="AF2775" s="4"/>
    </row>
    <row r="2776" spans="2:32">
      <c r="B2776" s="2"/>
      <c r="AF2776" s="4"/>
    </row>
    <row r="2777" spans="2:32">
      <c r="B2777" s="2"/>
      <c r="AF2777" s="4"/>
    </row>
    <row r="2778" spans="2:32">
      <c r="B2778" s="2"/>
      <c r="AF2778" s="4"/>
    </row>
    <row r="2779" spans="2:32">
      <c r="B2779" s="2"/>
      <c r="AF2779" s="4"/>
    </row>
    <row r="2780" spans="2:32">
      <c r="B2780" s="2"/>
      <c r="AF2780" s="4"/>
    </row>
    <row r="2781" spans="2:32">
      <c r="B2781" s="2"/>
      <c r="AF2781" s="4"/>
    </row>
    <row r="2782" spans="2:32">
      <c r="B2782" s="2"/>
      <c r="AF2782" s="4"/>
    </row>
    <row r="2783" spans="2:32">
      <c r="B2783" s="2"/>
      <c r="AF2783" s="4"/>
    </row>
    <row r="2784" spans="2:32">
      <c r="B2784" s="2"/>
      <c r="AF2784" s="4"/>
    </row>
    <row r="2785" spans="2:32">
      <c r="B2785" s="2"/>
      <c r="AF2785" s="4"/>
    </row>
    <row r="2786" spans="2:32">
      <c r="B2786" s="2"/>
      <c r="AF2786" s="4"/>
    </row>
    <row r="2787" spans="2:32">
      <c r="B2787" s="2"/>
      <c r="AF2787" s="4"/>
    </row>
    <row r="2788" spans="2:32">
      <c r="B2788" s="2"/>
      <c r="AF2788" s="4"/>
    </row>
    <row r="2789" spans="2:32">
      <c r="B2789" s="2"/>
      <c r="AF2789" s="4"/>
    </row>
    <row r="2790" spans="2:32">
      <c r="B2790" s="2"/>
      <c r="AF2790" s="4"/>
    </row>
    <row r="2791" spans="2:32">
      <c r="B2791" s="2"/>
      <c r="AF2791" s="4"/>
    </row>
    <row r="2792" spans="2:32">
      <c r="B2792" s="2"/>
      <c r="AF2792" s="4"/>
    </row>
    <row r="2793" spans="2:32">
      <c r="B2793" s="2"/>
      <c r="AF2793" s="4"/>
    </row>
    <row r="2794" spans="2:32">
      <c r="B2794" s="2"/>
      <c r="AF2794" s="4"/>
    </row>
    <row r="2795" spans="2:32">
      <c r="B2795" s="2"/>
      <c r="AF2795" s="4"/>
    </row>
    <row r="2796" spans="2:32">
      <c r="B2796" s="2"/>
      <c r="AF2796" s="4"/>
    </row>
    <row r="2797" spans="2:32">
      <c r="B2797" s="2"/>
      <c r="AF2797" s="4"/>
    </row>
    <row r="2798" spans="2:32">
      <c r="B2798" s="2"/>
      <c r="AF2798" s="4"/>
    </row>
    <row r="2799" spans="2:32">
      <c r="B2799" s="2"/>
      <c r="AF2799" s="4"/>
    </row>
    <row r="2800" spans="2:32">
      <c r="B2800" s="2"/>
      <c r="AF2800" s="4"/>
    </row>
    <row r="2801" spans="2:32">
      <c r="B2801" s="2"/>
      <c r="AF2801" s="4"/>
    </row>
    <row r="2802" spans="2:32">
      <c r="B2802" s="2"/>
      <c r="AF2802" s="4"/>
    </row>
    <row r="2803" spans="2:32">
      <c r="B2803" s="2"/>
      <c r="AF2803" s="4"/>
    </row>
    <row r="2804" spans="2:32">
      <c r="B2804" s="2"/>
      <c r="AF2804" s="4"/>
    </row>
    <row r="2805" spans="2:32">
      <c r="B2805" s="2"/>
      <c r="AF2805" s="4"/>
    </row>
    <row r="2806" spans="2:32">
      <c r="B2806" s="2"/>
      <c r="AF2806" s="4"/>
    </row>
    <row r="2807" spans="2:32">
      <c r="B2807" s="2"/>
      <c r="AF2807" s="4"/>
    </row>
    <row r="2808" spans="2:32">
      <c r="B2808" s="2"/>
      <c r="AF2808" s="4"/>
    </row>
    <row r="2809" spans="2:32">
      <c r="B2809" s="2"/>
      <c r="AF2809" s="4"/>
    </row>
    <row r="2810" spans="2:32">
      <c r="B2810" s="2"/>
      <c r="AF2810" s="4"/>
    </row>
    <row r="2811" spans="2:32">
      <c r="B2811" s="2"/>
      <c r="AF2811" s="4"/>
    </row>
    <row r="2812" spans="2:32">
      <c r="B2812" s="2"/>
      <c r="AF2812" s="4"/>
    </row>
    <row r="2813" spans="2:32">
      <c r="B2813" s="2"/>
      <c r="AF2813" s="4"/>
    </row>
    <row r="2814" spans="2:32">
      <c r="B2814" s="2"/>
      <c r="AF2814" s="4"/>
    </row>
    <row r="2815" spans="2:32">
      <c r="B2815" s="2"/>
      <c r="AF2815" s="4"/>
    </row>
    <row r="2816" spans="2:32">
      <c r="B2816" s="2"/>
      <c r="AF2816" s="4"/>
    </row>
    <row r="2817" spans="2:32">
      <c r="B2817" s="2"/>
      <c r="AF2817" s="4"/>
    </row>
    <row r="2818" spans="2:32">
      <c r="B2818" s="2"/>
      <c r="AF2818" s="4"/>
    </row>
    <row r="2819" spans="2:32">
      <c r="B2819" s="2"/>
      <c r="AF2819" s="4"/>
    </row>
    <row r="2820" spans="2:32">
      <c r="B2820" s="2"/>
      <c r="AF2820" s="4"/>
    </row>
    <row r="2821" spans="2:32">
      <c r="B2821" s="2"/>
      <c r="AF2821" s="4"/>
    </row>
    <row r="2822" spans="2:32">
      <c r="B2822" s="2"/>
      <c r="AF2822" s="4"/>
    </row>
    <row r="2823" spans="2:32">
      <c r="B2823" s="2"/>
      <c r="AF2823" s="4"/>
    </row>
    <row r="2824" spans="2:32">
      <c r="B2824" s="2"/>
      <c r="AF2824" s="4"/>
    </row>
    <row r="2825" spans="2:32">
      <c r="B2825" s="2"/>
      <c r="AF2825" s="4"/>
    </row>
    <row r="2826" spans="2:32">
      <c r="B2826" s="2"/>
      <c r="AF2826" s="4"/>
    </row>
    <row r="2827" spans="2:32">
      <c r="B2827" s="2"/>
      <c r="AF2827" s="4"/>
    </row>
    <row r="2828" spans="2:32">
      <c r="B2828" s="2"/>
      <c r="AF2828" s="4"/>
    </row>
    <row r="2829" spans="2:32">
      <c r="B2829" s="2"/>
      <c r="AF2829" s="4"/>
    </row>
    <row r="2830" spans="2:32">
      <c r="B2830" s="2"/>
      <c r="AF2830" s="4"/>
    </row>
    <row r="2831" spans="2:32">
      <c r="B2831" s="2"/>
      <c r="AF2831" s="4"/>
    </row>
    <row r="2832" spans="2:32">
      <c r="B2832" s="2"/>
      <c r="AF2832" s="4"/>
    </row>
    <row r="2833" spans="2:32">
      <c r="B2833" s="2"/>
      <c r="AF2833" s="4"/>
    </row>
    <row r="2834" spans="2:32">
      <c r="B2834" s="2"/>
      <c r="AF2834" s="4"/>
    </row>
    <row r="2835" spans="2:32">
      <c r="B2835" s="2"/>
      <c r="AF2835" s="4"/>
    </row>
    <row r="2836" spans="2:32">
      <c r="B2836" s="2"/>
      <c r="AF2836" s="4"/>
    </row>
    <row r="2837" spans="2:32">
      <c r="B2837" s="2"/>
      <c r="AF2837" s="4"/>
    </row>
    <row r="2838" spans="2:32">
      <c r="B2838" s="2"/>
      <c r="AF2838" s="4"/>
    </row>
    <row r="2839" spans="2:32">
      <c r="B2839" s="2"/>
      <c r="AF2839" s="4"/>
    </row>
    <row r="2840" spans="2:32">
      <c r="B2840" s="2"/>
      <c r="AF2840" s="4"/>
    </row>
    <row r="2841" spans="2:32">
      <c r="B2841" s="2"/>
      <c r="AF2841" s="4"/>
    </row>
    <row r="2842" spans="2:32">
      <c r="B2842" s="2"/>
      <c r="AF2842" s="4"/>
    </row>
    <row r="2843" spans="2:32">
      <c r="B2843" s="2"/>
      <c r="AF2843" s="4"/>
    </row>
    <row r="2844" spans="2:32">
      <c r="B2844" s="2"/>
      <c r="AF2844" s="4"/>
    </row>
    <row r="2845" spans="2:32">
      <c r="B2845" s="2"/>
      <c r="AF2845" s="4"/>
    </row>
    <row r="2846" spans="2:32">
      <c r="B2846" s="2"/>
      <c r="AF2846" s="4"/>
    </row>
    <row r="2847" spans="2:32">
      <c r="B2847" s="2"/>
      <c r="AF2847" s="4"/>
    </row>
    <row r="2848" spans="2:32">
      <c r="B2848" s="2"/>
      <c r="AF2848" s="4"/>
    </row>
    <row r="2849" spans="2:32">
      <c r="B2849" s="2"/>
      <c r="AF2849" s="4"/>
    </row>
    <row r="2850" spans="2:32">
      <c r="B2850" s="2"/>
      <c r="AF2850" s="4"/>
    </row>
    <row r="2851" spans="2:32">
      <c r="B2851" s="2"/>
      <c r="AF2851" s="4"/>
    </row>
    <row r="2852" spans="2:32">
      <c r="B2852" s="2"/>
      <c r="AF2852" s="4"/>
    </row>
    <row r="2853" spans="2:32">
      <c r="B2853" s="2"/>
      <c r="AF2853" s="4"/>
    </row>
    <row r="2854" spans="2:32">
      <c r="B2854" s="2"/>
      <c r="AF2854" s="4"/>
    </row>
    <row r="2855" spans="2:32">
      <c r="B2855" s="2"/>
      <c r="AF2855" s="4"/>
    </row>
    <row r="2856" spans="2:32">
      <c r="B2856" s="2"/>
      <c r="AF2856" s="4"/>
    </row>
    <row r="2857" spans="2:32">
      <c r="B2857" s="2"/>
      <c r="AF2857" s="4"/>
    </row>
    <row r="2858" spans="2:32">
      <c r="B2858" s="2"/>
      <c r="AF2858" s="4"/>
    </row>
    <row r="2859" spans="2:32">
      <c r="B2859" s="2"/>
      <c r="AF2859" s="4"/>
    </row>
    <row r="2860" spans="2:32">
      <c r="B2860" s="2"/>
      <c r="AF2860" s="4"/>
    </row>
    <row r="2861" spans="2:32">
      <c r="B2861" s="2"/>
      <c r="AF2861" s="4"/>
    </row>
    <row r="2862" spans="2:32">
      <c r="B2862" s="2"/>
      <c r="AF2862" s="4"/>
    </row>
    <row r="2863" spans="2:32">
      <c r="B2863" s="2"/>
      <c r="AF2863" s="4"/>
    </row>
    <row r="2864" spans="2:32">
      <c r="B2864" s="2"/>
      <c r="AF2864" s="4"/>
    </row>
    <row r="2865" spans="2:32">
      <c r="B2865" s="2"/>
      <c r="AF2865" s="4"/>
    </row>
    <row r="2866" spans="2:32">
      <c r="B2866" s="2"/>
      <c r="AF2866" s="4"/>
    </row>
    <row r="2867" spans="2:32">
      <c r="B2867" s="2"/>
      <c r="AF2867" s="4"/>
    </row>
    <row r="2868" spans="2:32">
      <c r="B2868" s="2"/>
      <c r="AF2868" s="4"/>
    </row>
    <row r="2869" spans="2:32">
      <c r="B2869" s="2"/>
      <c r="AF2869" s="4"/>
    </row>
    <row r="2870" spans="2:32">
      <c r="B2870" s="2"/>
      <c r="AF2870" s="4"/>
    </row>
    <row r="2871" spans="2:32">
      <c r="B2871" s="2"/>
      <c r="AF2871" s="4"/>
    </row>
    <row r="2872" spans="2:32">
      <c r="B2872" s="2"/>
      <c r="AF2872" s="4"/>
    </row>
    <row r="2873" spans="2:32">
      <c r="B2873" s="2"/>
      <c r="AF2873" s="4"/>
    </row>
    <row r="2874" spans="2:32">
      <c r="B2874" s="2"/>
      <c r="AF2874" s="4"/>
    </row>
    <row r="2875" spans="2:32">
      <c r="B2875" s="2"/>
      <c r="AF2875" s="4"/>
    </row>
    <row r="2876" spans="2:32">
      <c r="B2876" s="2"/>
      <c r="AF2876" s="4"/>
    </row>
    <row r="2877" spans="2:32">
      <c r="B2877" s="2"/>
      <c r="AF2877" s="4"/>
    </row>
    <row r="2878" spans="2:32">
      <c r="B2878" s="2"/>
      <c r="AF2878" s="4"/>
    </row>
    <row r="2879" spans="2:32">
      <c r="B2879" s="2"/>
      <c r="AF2879" s="4"/>
    </row>
    <row r="2880" spans="2:32">
      <c r="B2880" s="2"/>
      <c r="AF2880" s="4"/>
    </row>
    <row r="2881" spans="2:32">
      <c r="B2881" s="2"/>
      <c r="AF2881" s="4"/>
    </row>
    <row r="2882" spans="2:32">
      <c r="B2882" s="2"/>
      <c r="AF2882" s="4"/>
    </row>
    <row r="2883" spans="2:32">
      <c r="B2883" s="2"/>
      <c r="AF2883" s="4"/>
    </row>
    <row r="2884" spans="2:32">
      <c r="B2884" s="2"/>
      <c r="AF2884" s="4"/>
    </row>
    <row r="2885" spans="2:32">
      <c r="B2885" s="2"/>
      <c r="AF2885" s="4"/>
    </row>
    <row r="2886" spans="2:32">
      <c r="B2886" s="2"/>
      <c r="AF2886" s="4"/>
    </row>
    <row r="2887" spans="2:32">
      <c r="B2887" s="2"/>
      <c r="AF2887" s="4"/>
    </row>
    <row r="2888" spans="2:32">
      <c r="B2888" s="2"/>
      <c r="AF2888" s="4"/>
    </row>
    <row r="2889" spans="2:32">
      <c r="B2889" s="2"/>
      <c r="AF2889" s="4"/>
    </row>
    <row r="2890" spans="2:32">
      <c r="B2890" s="2"/>
      <c r="AF2890" s="4"/>
    </row>
    <row r="2891" spans="2:32">
      <c r="B2891" s="2"/>
      <c r="AF2891" s="4"/>
    </row>
    <row r="2892" spans="2:32">
      <c r="B2892" s="2"/>
      <c r="AF2892" s="4"/>
    </row>
    <row r="2893" spans="2:32">
      <c r="B2893" s="2"/>
      <c r="AF2893" s="4"/>
    </row>
    <row r="2894" spans="2:32">
      <c r="B2894" s="2"/>
      <c r="AF2894" s="4"/>
    </row>
    <row r="2895" spans="2:32">
      <c r="B2895" s="2"/>
      <c r="AF2895" s="4"/>
    </row>
    <row r="2896" spans="2:32">
      <c r="B2896" s="2"/>
      <c r="AF2896" s="4"/>
    </row>
    <row r="2897" spans="2:32">
      <c r="B2897" s="2"/>
      <c r="AF2897" s="4"/>
    </row>
    <row r="2898" spans="2:32">
      <c r="B2898" s="2"/>
      <c r="AF2898" s="4"/>
    </row>
    <row r="2899" spans="2:32">
      <c r="B2899" s="2"/>
      <c r="AF2899" s="4"/>
    </row>
    <row r="2900" spans="2:32">
      <c r="B2900" s="2"/>
      <c r="AF2900" s="4"/>
    </row>
    <row r="2901" spans="2:32">
      <c r="B2901" s="2"/>
      <c r="AF2901" s="4"/>
    </row>
    <row r="2902" spans="2:32">
      <c r="B2902" s="2"/>
      <c r="AF2902" s="4"/>
    </row>
    <row r="2903" spans="2:32">
      <c r="B2903" s="2"/>
      <c r="AF2903" s="4"/>
    </row>
    <row r="2904" spans="2:32">
      <c r="B2904" s="2"/>
      <c r="AF2904" s="4"/>
    </row>
    <row r="2905" spans="2:32">
      <c r="B2905" s="2"/>
      <c r="AF2905" s="4"/>
    </row>
    <row r="2906" spans="2:32">
      <c r="B2906" s="2"/>
      <c r="AF2906" s="4"/>
    </row>
    <row r="2907" spans="2:32">
      <c r="B2907" s="2"/>
      <c r="AF2907" s="4"/>
    </row>
    <row r="2908" spans="2:32">
      <c r="B2908" s="2"/>
      <c r="AF2908" s="4"/>
    </row>
    <row r="2909" spans="2:32">
      <c r="B2909" s="2"/>
      <c r="AF2909" s="4"/>
    </row>
    <row r="2910" spans="2:32">
      <c r="B2910" s="2"/>
      <c r="AF2910" s="4"/>
    </row>
    <row r="2911" spans="2:32">
      <c r="B2911" s="2"/>
      <c r="AF2911" s="4"/>
    </row>
    <row r="2912" spans="2:32">
      <c r="B2912" s="2"/>
      <c r="AF2912" s="4"/>
    </row>
    <row r="2913" spans="2:32">
      <c r="B2913" s="2"/>
      <c r="AF2913" s="4"/>
    </row>
    <row r="2914" spans="2:32">
      <c r="B2914" s="2"/>
      <c r="AF2914" s="4"/>
    </row>
    <row r="2915" spans="2:32">
      <c r="B2915" s="2"/>
      <c r="AF2915" s="4"/>
    </row>
    <row r="2916" spans="2:32">
      <c r="B2916" s="2"/>
      <c r="AF2916" s="4"/>
    </row>
    <row r="2917" spans="2:32">
      <c r="B2917" s="2"/>
      <c r="AF2917" s="4"/>
    </row>
    <row r="2918" spans="2:32">
      <c r="B2918" s="2"/>
      <c r="AF2918" s="4"/>
    </row>
    <row r="2919" spans="2:32">
      <c r="B2919" s="2"/>
      <c r="AF2919" s="4"/>
    </row>
    <row r="2920" spans="2:32">
      <c r="B2920" s="2"/>
      <c r="AF2920" s="4"/>
    </row>
    <row r="2921" spans="2:32">
      <c r="B2921" s="2"/>
      <c r="AF2921" s="4"/>
    </row>
    <row r="2922" spans="2:32">
      <c r="B2922" s="2"/>
      <c r="AF2922" s="4"/>
    </row>
    <row r="2923" spans="2:32">
      <c r="B2923" s="2"/>
      <c r="AF2923" s="4"/>
    </row>
    <row r="2924" spans="2:32">
      <c r="B2924" s="2"/>
      <c r="AF2924" s="4"/>
    </row>
    <row r="2925" spans="2:32">
      <c r="B2925" s="2"/>
      <c r="AF2925" s="4"/>
    </row>
    <row r="2926" spans="2:32">
      <c r="B2926" s="2"/>
      <c r="AF2926" s="4"/>
    </row>
    <row r="2927" spans="2:32">
      <c r="B2927" s="2"/>
      <c r="AF2927" s="4"/>
    </row>
    <row r="2928" spans="2:32">
      <c r="B2928" s="2"/>
      <c r="AF2928" s="4"/>
    </row>
    <row r="2929" spans="2:32">
      <c r="B2929" s="2"/>
      <c r="AF2929" s="4"/>
    </row>
    <row r="2930" spans="2:32">
      <c r="B2930" s="2"/>
      <c r="AF2930" s="4"/>
    </row>
    <row r="2931" spans="2:32">
      <c r="B2931" s="2"/>
      <c r="AF2931" s="4"/>
    </row>
    <row r="2932" spans="2:32">
      <c r="B2932" s="2"/>
      <c r="AF2932" s="4"/>
    </row>
    <row r="2933" spans="2:32">
      <c r="B2933" s="2"/>
      <c r="AF2933" s="4"/>
    </row>
    <row r="2934" spans="2:32">
      <c r="B2934" s="2"/>
      <c r="AF2934" s="4"/>
    </row>
    <row r="2935" spans="2:32">
      <c r="B2935" s="2"/>
      <c r="AF2935" s="4"/>
    </row>
    <row r="2936" spans="2:32">
      <c r="B2936" s="2"/>
      <c r="AF2936" s="4"/>
    </row>
    <row r="2937" spans="2:32">
      <c r="B2937" s="2"/>
      <c r="AF2937" s="4"/>
    </row>
    <row r="2938" spans="2:32">
      <c r="B2938" s="2"/>
      <c r="AF2938" s="4"/>
    </row>
    <row r="2939" spans="2:32">
      <c r="B2939" s="2"/>
      <c r="AF2939" s="4"/>
    </row>
    <row r="2940" spans="2:32">
      <c r="B2940" s="2"/>
      <c r="AF2940" s="4"/>
    </row>
    <row r="2941" spans="2:32">
      <c r="B2941" s="2"/>
      <c r="AF2941" s="4"/>
    </row>
    <row r="2942" spans="2:32">
      <c r="B2942" s="2"/>
      <c r="AF2942" s="4"/>
    </row>
    <row r="2943" spans="2:32">
      <c r="B2943" s="2"/>
      <c r="AF2943" s="4"/>
    </row>
    <row r="2944" spans="2:32">
      <c r="B2944" s="2"/>
      <c r="AF2944" s="4"/>
    </row>
    <row r="2945" spans="2:32">
      <c r="B2945" s="2"/>
      <c r="AF2945" s="4"/>
    </row>
    <row r="2946" spans="2:32">
      <c r="B2946" s="2"/>
      <c r="AF2946" s="4"/>
    </row>
    <row r="2947" spans="2:32">
      <c r="B2947" s="2"/>
      <c r="AF2947" s="4"/>
    </row>
    <row r="2948" spans="2:32">
      <c r="B2948" s="2"/>
      <c r="AF2948" s="4"/>
    </row>
    <row r="2949" spans="2:32">
      <c r="B2949" s="2"/>
      <c r="AF2949" s="4"/>
    </row>
    <row r="2950" spans="2:32">
      <c r="B2950" s="2"/>
      <c r="AF2950" s="4"/>
    </row>
    <row r="2951" spans="2:32">
      <c r="B2951" s="2"/>
      <c r="AF2951" s="4"/>
    </row>
    <row r="2952" spans="2:32">
      <c r="B2952" s="2"/>
      <c r="AF2952" s="4"/>
    </row>
    <row r="2953" spans="2:32">
      <c r="B2953" s="2"/>
      <c r="AF2953" s="4"/>
    </row>
    <row r="2954" spans="2:32">
      <c r="B2954" s="2"/>
      <c r="AF2954" s="4"/>
    </row>
    <row r="2955" spans="2:32">
      <c r="B2955" s="2"/>
      <c r="AF2955" s="4"/>
    </row>
    <row r="2956" spans="2:32">
      <c r="B2956" s="2"/>
      <c r="AF2956" s="4"/>
    </row>
    <row r="2957" spans="2:32">
      <c r="B2957" s="2"/>
      <c r="AF2957" s="4"/>
    </row>
    <row r="2958" spans="2:32">
      <c r="B2958" s="2"/>
      <c r="AF2958" s="4"/>
    </row>
    <row r="2959" spans="2:32">
      <c r="B2959" s="2"/>
      <c r="AF2959" s="4"/>
    </row>
    <row r="2960" spans="2:32">
      <c r="B2960" s="2"/>
      <c r="AF2960" s="4"/>
    </row>
    <row r="2961" spans="2:32">
      <c r="B2961" s="2"/>
      <c r="AF2961" s="4"/>
    </row>
    <row r="2962" spans="2:32">
      <c r="B2962" s="2"/>
      <c r="AF2962" s="4"/>
    </row>
    <row r="2963" spans="2:32">
      <c r="B2963" s="2"/>
      <c r="AF2963" s="4"/>
    </row>
    <row r="2964" spans="2:32">
      <c r="B2964" s="2"/>
      <c r="AF2964" s="4"/>
    </row>
    <row r="2965" spans="2:32">
      <c r="B2965" s="2"/>
      <c r="AF2965" s="4"/>
    </row>
    <row r="2966" spans="2:32">
      <c r="B2966" s="2"/>
      <c r="AF2966" s="4"/>
    </row>
    <row r="2967" spans="2:32">
      <c r="B2967" s="2"/>
      <c r="AF2967" s="4"/>
    </row>
    <row r="2968" spans="2:32">
      <c r="B2968" s="2"/>
      <c r="AF2968" s="4"/>
    </row>
    <row r="2969" spans="2:32">
      <c r="B2969" s="2"/>
      <c r="AF2969" s="4"/>
    </row>
    <row r="2970" spans="2:32">
      <c r="B2970" s="2"/>
      <c r="AF2970" s="4"/>
    </row>
    <row r="2971" spans="2:32">
      <c r="B2971" s="2"/>
      <c r="AF2971" s="4"/>
    </row>
    <row r="2972" spans="2:32">
      <c r="B2972" s="2"/>
      <c r="AF2972" s="4"/>
    </row>
    <row r="2973" spans="2:32">
      <c r="B2973" s="2"/>
      <c r="AF2973" s="4"/>
    </row>
    <row r="2974" spans="2:32">
      <c r="B2974" s="2"/>
      <c r="AF2974" s="4"/>
    </row>
    <row r="2975" spans="2:32">
      <c r="B2975" s="2"/>
      <c r="AF2975" s="4"/>
    </row>
    <row r="2976" spans="2:32">
      <c r="B2976" s="2"/>
      <c r="AF2976" s="4"/>
    </row>
    <row r="2977" spans="2:32">
      <c r="B2977" s="2"/>
      <c r="AF2977" s="4"/>
    </row>
    <row r="2978" spans="2:32">
      <c r="B2978" s="2"/>
      <c r="AF2978" s="4"/>
    </row>
    <row r="2979" spans="2:32">
      <c r="B2979" s="2"/>
      <c r="AF2979" s="4"/>
    </row>
    <row r="2980" spans="2:32">
      <c r="B2980" s="2"/>
      <c r="AF2980" s="4"/>
    </row>
    <row r="2981" spans="2:32">
      <c r="B2981" s="2"/>
      <c r="AF2981" s="4"/>
    </row>
    <row r="2982" spans="2:32">
      <c r="B2982" s="2"/>
      <c r="AF2982" s="4"/>
    </row>
    <row r="2983" spans="2:32">
      <c r="B2983" s="2"/>
      <c r="AF2983" s="4"/>
    </row>
    <row r="2984" spans="2:32">
      <c r="B2984" s="2"/>
      <c r="AF2984" s="4"/>
    </row>
    <row r="2985" spans="2:32">
      <c r="B2985" s="2"/>
      <c r="AF2985" s="4"/>
    </row>
    <row r="2986" spans="2:32">
      <c r="B2986" s="2"/>
      <c r="AF2986" s="4"/>
    </row>
    <row r="2987" spans="2:32">
      <c r="B2987" s="2"/>
      <c r="AF2987" s="4"/>
    </row>
    <row r="2988" spans="2:32">
      <c r="B2988" s="2"/>
      <c r="AF2988" s="4"/>
    </row>
    <row r="2989" spans="2:32">
      <c r="B2989" s="2"/>
      <c r="AF2989" s="4"/>
    </row>
    <row r="2990" spans="2:32">
      <c r="B2990" s="2"/>
      <c r="AF2990" s="4"/>
    </row>
    <row r="2991" spans="2:32">
      <c r="B2991" s="2"/>
      <c r="AF2991" s="4"/>
    </row>
    <row r="2992" spans="2:32">
      <c r="B2992" s="2"/>
      <c r="AF2992" s="4"/>
    </row>
    <row r="2993" spans="2:32">
      <c r="B2993" s="2"/>
      <c r="AF2993" s="4"/>
    </row>
    <row r="2994" spans="2:32">
      <c r="B2994" s="2"/>
      <c r="AF2994" s="4"/>
    </row>
    <row r="2995" spans="2:32">
      <c r="B2995" s="2"/>
      <c r="AF2995" s="4"/>
    </row>
    <row r="2996" spans="2:32">
      <c r="B2996" s="2"/>
      <c r="AF2996" s="4"/>
    </row>
    <row r="2997" spans="2:32">
      <c r="B2997" s="2"/>
      <c r="AF2997" s="4"/>
    </row>
    <row r="2998" spans="2:32">
      <c r="B2998" s="2"/>
      <c r="AF2998" s="4"/>
    </row>
    <row r="2999" spans="2:32">
      <c r="B2999" s="2"/>
      <c r="AF2999" s="4"/>
    </row>
    <row r="3000" spans="2:32">
      <c r="B3000" s="2"/>
      <c r="AF3000" s="4"/>
    </row>
    <row r="3001" spans="2:32">
      <c r="B3001" s="2"/>
      <c r="AF3001" s="4"/>
    </row>
    <row r="3002" spans="2:32">
      <c r="B3002" s="2"/>
      <c r="AF3002" s="4"/>
    </row>
    <row r="3003" spans="2:32">
      <c r="B3003" s="2"/>
      <c r="AF3003" s="4"/>
    </row>
    <row r="3004" spans="2:32">
      <c r="B3004" s="2"/>
      <c r="AF3004" s="4"/>
    </row>
    <row r="3005" spans="2:32">
      <c r="B3005" s="2"/>
      <c r="AF3005" s="4"/>
    </row>
    <row r="3006" spans="2:32">
      <c r="B3006" s="2"/>
      <c r="AF3006" s="4"/>
    </row>
    <row r="3007" spans="2:32">
      <c r="B3007" s="2"/>
      <c r="AF3007" s="4"/>
    </row>
    <row r="3008" spans="2:32">
      <c r="B3008" s="2"/>
      <c r="AF3008" s="4"/>
    </row>
    <row r="3009" spans="2:32">
      <c r="B3009" s="2"/>
      <c r="AF3009" s="4"/>
    </row>
    <row r="3010" spans="2:32">
      <c r="B3010" s="2"/>
      <c r="AF3010" s="4"/>
    </row>
    <row r="3011" spans="2:32">
      <c r="B3011" s="2"/>
      <c r="AF3011" s="4"/>
    </row>
    <row r="3012" spans="2:32">
      <c r="B3012" s="2"/>
      <c r="AF3012" s="4"/>
    </row>
    <row r="3013" spans="2:32">
      <c r="B3013" s="2"/>
      <c r="AF3013" s="4"/>
    </row>
    <row r="3014" spans="2:32">
      <c r="B3014" s="2"/>
      <c r="AF3014" s="4"/>
    </row>
    <row r="3015" spans="2:32">
      <c r="B3015" s="2"/>
      <c r="AF3015" s="4"/>
    </row>
    <row r="3016" spans="2:32">
      <c r="B3016" s="2"/>
      <c r="AF3016" s="4"/>
    </row>
    <row r="3017" spans="2:32">
      <c r="B3017" s="2"/>
      <c r="AF3017" s="4"/>
    </row>
    <row r="3018" spans="2:32">
      <c r="B3018" s="2"/>
      <c r="AF3018" s="4"/>
    </row>
    <row r="3019" spans="2:32">
      <c r="B3019" s="2"/>
      <c r="AF3019" s="4"/>
    </row>
    <row r="3020" spans="2:32">
      <c r="B3020" s="2"/>
      <c r="AF3020" s="4"/>
    </row>
    <row r="3021" spans="2:32">
      <c r="B3021" s="2"/>
      <c r="AF3021" s="4"/>
    </row>
    <row r="3022" spans="2:32">
      <c r="B3022" s="2"/>
      <c r="AF3022" s="4"/>
    </row>
    <row r="3023" spans="2:32">
      <c r="B3023" s="2"/>
      <c r="AF3023" s="4"/>
    </row>
    <row r="3024" spans="2:32">
      <c r="B3024" s="2"/>
      <c r="AF3024" s="4"/>
    </row>
    <row r="3025" spans="2:32">
      <c r="B3025" s="2"/>
      <c r="AF3025" s="4"/>
    </row>
    <row r="3026" spans="2:32">
      <c r="B3026" s="2"/>
      <c r="AF3026" s="4"/>
    </row>
    <row r="3027" spans="2:32">
      <c r="B3027" s="2"/>
      <c r="AF3027" s="4"/>
    </row>
    <row r="3028" spans="2:32">
      <c r="B3028" s="2"/>
      <c r="AF3028" s="4"/>
    </row>
    <row r="3029" spans="2:32">
      <c r="B3029" s="2"/>
      <c r="AF3029" s="4"/>
    </row>
    <row r="3030" spans="2:32">
      <c r="B3030" s="2"/>
      <c r="AF3030" s="4"/>
    </row>
    <row r="3031" spans="2:32">
      <c r="B3031" s="2"/>
      <c r="AF3031" s="4"/>
    </row>
    <row r="3032" spans="2:32">
      <c r="B3032" s="2"/>
      <c r="AF3032" s="4"/>
    </row>
    <row r="3033" spans="2:32">
      <c r="B3033" s="2"/>
      <c r="AF3033" s="4"/>
    </row>
    <row r="3034" spans="2:32">
      <c r="B3034" s="2"/>
      <c r="AF3034" s="4"/>
    </row>
    <row r="3035" spans="2:32">
      <c r="B3035" s="2"/>
      <c r="AF3035" s="4"/>
    </row>
    <row r="3036" spans="2:32">
      <c r="B3036" s="2"/>
      <c r="AF3036" s="4"/>
    </row>
    <row r="3037" spans="2:32">
      <c r="B3037" s="2"/>
      <c r="AF3037" s="4"/>
    </row>
    <row r="3038" spans="2:32">
      <c r="B3038" s="2"/>
      <c r="AF3038" s="4"/>
    </row>
    <row r="3039" spans="2:32">
      <c r="B3039" s="2"/>
      <c r="AF3039" s="4"/>
    </row>
    <row r="3040" spans="2:32">
      <c r="B3040" s="2"/>
      <c r="AF3040" s="4"/>
    </row>
    <row r="3041" spans="2:32">
      <c r="B3041" s="2"/>
      <c r="AF3041" s="4"/>
    </row>
    <row r="3042" spans="2:32">
      <c r="B3042" s="2"/>
      <c r="AF3042" s="4"/>
    </row>
    <row r="3043" spans="2:32">
      <c r="B3043" s="2"/>
      <c r="AF3043" s="4"/>
    </row>
    <row r="3044" spans="2:32">
      <c r="B3044" s="2"/>
      <c r="AF3044" s="4"/>
    </row>
    <row r="3045" spans="2:32">
      <c r="B3045" s="2"/>
      <c r="AF3045" s="4"/>
    </row>
    <row r="3046" spans="2:32">
      <c r="B3046" s="2"/>
      <c r="AF3046" s="4"/>
    </row>
    <row r="3047" spans="2:32">
      <c r="B3047" s="2"/>
      <c r="AF3047" s="4"/>
    </row>
    <row r="3048" spans="2:32">
      <c r="B3048" s="2"/>
      <c r="AF3048" s="4"/>
    </row>
    <row r="3049" spans="2:32">
      <c r="B3049" s="2"/>
      <c r="AF3049" s="4"/>
    </row>
    <row r="3050" spans="2:32">
      <c r="B3050" s="2"/>
      <c r="AF3050" s="4"/>
    </row>
    <row r="3051" spans="2:32">
      <c r="B3051" s="2"/>
      <c r="AF3051" s="4"/>
    </row>
    <row r="3052" spans="2:32">
      <c r="B3052" s="2"/>
      <c r="AF3052" s="4"/>
    </row>
    <row r="3053" spans="2:32">
      <c r="B3053" s="2"/>
      <c r="AF3053" s="4"/>
    </row>
    <row r="3054" spans="2:32">
      <c r="B3054" s="2"/>
      <c r="AF3054" s="4"/>
    </row>
    <row r="3055" spans="2:32">
      <c r="B3055" s="2"/>
      <c r="AF3055" s="4"/>
    </row>
    <row r="3056" spans="2:32">
      <c r="B3056" s="2"/>
      <c r="AF3056" s="4"/>
    </row>
    <row r="3057" spans="2:32">
      <c r="B3057" s="2"/>
      <c r="AF3057" s="4"/>
    </row>
    <row r="3058" spans="2:32">
      <c r="B3058" s="2"/>
      <c r="AF3058" s="4"/>
    </row>
    <row r="3059" spans="2:32">
      <c r="B3059" s="2"/>
      <c r="AF3059" s="4"/>
    </row>
    <row r="3060" spans="2:32">
      <c r="B3060" s="2"/>
      <c r="AF3060" s="4"/>
    </row>
    <row r="3061" spans="2:32">
      <c r="B3061" s="2"/>
      <c r="AF3061" s="4"/>
    </row>
    <row r="3062" spans="2:32">
      <c r="B3062" s="2"/>
      <c r="AF3062" s="4"/>
    </row>
    <row r="3063" spans="2:32">
      <c r="B3063" s="2"/>
      <c r="AF3063" s="4"/>
    </row>
    <row r="3064" spans="2:32">
      <c r="B3064" s="2"/>
      <c r="AF3064" s="4"/>
    </row>
    <row r="3065" spans="2:32">
      <c r="B3065" s="2"/>
      <c r="AF3065" s="4"/>
    </row>
    <row r="3066" spans="2:32">
      <c r="B3066" s="2"/>
      <c r="AF3066" s="4"/>
    </row>
    <row r="3067" spans="2:32">
      <c r="B3067" s="2"/>
      <c r="AF3067" s="4"/>
    </row>
    <row r="3068" spans="2:32">
      <c r="B3068" s="2"/>
      <c r="AF3068" s="4"/>
    </row>
    <row r="3069" spans="2:32">
      <c r="B3069" s="2"/>
      <c r="AF3069" s="4"/>
    </row>
    <row r="3070" spans="2:32">
      <c r="B3070" s="2"/>
      <c r="AF3070" s="4"/>
    </row>
    <row r="3071" spans="2:32">
      <c r="B3071" s="2"/>
      <c r="AF3071" s="4"/>
    </row>
    <row r="3072" spans="2:32">
      <c r="B3072" s="2"/>
      <c r="AF3072" s="4"/>
    </row>
    <row r="3073" spans="2:32">
      <c r="B3073" s="2"/>
      <c r="AF3073" s="4"/>
    </row>
    <row r="3074" spans="2:32">
      <c r="B3074" s="2"/>
      <c r="AF3074" s="4"/>
    </row>
    <row r="3075" spans="2:32">
      <c r="B3075" s="2"/>
      <c r="AF3075" s="4"/>
    </row>
    <row r="3076" spans="2:32">
      <c r="B3076" s="2"/>
      <c r="AF3076" s="4"/>
    </row>
    <row r="3077" spans="2:32">
      <c r="B3077" s="2"/>
      <c r="AF3077" s="4"/>
    </row>
    <row r="3078" spans="2:32">
      <c r="B3078" s="2"/>
      <c r="AF3078" s="4"/>
    </row>
    <row r="3079" spans="2:32">
      <c r="B3079" s="2"/>
      <c r="AF3079" s="4"/>
    </row>
    <row r="3080" spans="2:32">
      <c r="B3080" s="2"/>
      <c r="AF3080" s="4"/>
    </row>
    <row r="3081" spans="2:32">
      <c r="B3081" s="2"/>
      <c r="AF3081" s="4"/>
    </row>
    <row r="3082" spans="2:32">
      <c r="B3082" s="2"/>
      <c r="AF3082" s="4"/>
    </row>
    <row r="3083" spans="2:32">
      <c r="B3083" s="2"/>
      <c r="AF3083" s="4"/>
    </row>
    <row r="3084" spans="2:32">
      <c r="B3084" s="2"/>
      <c r="AF3084" s="4"/>
    </row>
    <row r="3085" spans="2:32">
      <c r="B3085" s="2"/>
      <c r="AF3085" s="4"/>
    </row>
    <row r="3086" spans="2:32">
      <c r="B3086" s="2"/>
      <c r="AF3086" s="4"/>
    </row>
    <row r="3087" spans="2:32">
      <c r="B3087" s="2"/>
      <c r="AF3087" s="4"/>
    </row>
    <row r="3088" spans="2:32">
      <c r="B3088" s="2"/>
      <c r="AF3088" s="4"/>
    </row>
    <row r="3089" spans="2:32">
      <c r="B3089" s="2"/>
      <c r="AF3089" s="4"/>
    </row>
    <row r="3090" spans="2:32">
      <c r="B3090" s="2"/>
      <c r="AF3090" s="4"/>
    </row>
    <row r="3091" spans="2:32">
      <c r="B3091" s="2"/>
      <c r="AF3091" s="4"/>
    </row>
    <row r="3092" spans="2:32">
      <c r="B3092" s="2"/>
      <c r="AF3092" s="4"/>
    </row>
    <row r="3093" spans="2:32">
      <c r="B3093" s="2"/>
      <c r="AF3093" s="4"/>
    </row>
    <row r="3094" spans="2:32">
      <c r="B3094" s="2"/>
      <c r="AF3094" s="4"/>
    </row>
    <row r="3095" spans="2:32">
      <c r="B3095" s="2"/>
      <c r="AF3095" s="4"/>
    </row>
    <row r="3096" spans="2:32">
      <c r="B3096" s="2"/>
      <c r="AF3096" s="4"/>
    </row>
    <row r="3097" spans="2:32">
      <c r="B3097" s="2"/>
      <c r="AF3097" s="4"/>
    </row>
    <row r="3098" spans="2:32">
      <c r="B3098" s="2"/>
      <c r="AF3098" s="4"/>
    </row>
    <row r="3099" spans="2:32">
      <c r="B3099" s="2"/>
      <c r="AF3099" s="4"/>
    </row>
    <row r="3100" spans="2:32">
      <c r="B3100" s="2"/>
      <c r="AF3100" s="4"/>
    </row>
    <row r="3101" spans="2:32">
      <c r="B3101" s="2"/>
      <c r="AF3101" s="4"/>
    </row>
    <row r="3102" spans="2:32">
      <c r="B3102" s="2"/>
      <c r="AF3102" s="4"/>
    </row>
    <row r="3103" spans="2:32">
      <c r="B3103" s="2"/>
      <c r="AF3103" s="4"/>
    </row>
    <row r="3104" spans="2:32">
      <c r="B3104" s="2"/>
      <c r="AF3104" s="4"/>
    </row>
    <row r="3105" spans="2:32">
      <c r="B3105" s="2"/>
      <c r="AF3105" s="4"/>
    </row>
    <row r="3106" spans="2:32">
      <c r="B3106" s="2"/>
      <c r="AF3106" s="4"/>
    </row>
    <row r="3107" spans="2:32">
      <c r="B3107" s="2"/>
      <c r="AF3107" s="4"/>
    </row>
    <row r="3108" spans="2:32">
      <c r="B3108" s="2"/>
      <c r="AF3108" s="4"/>
    </row>
    <row r="3109" spans="2:32">
      <c r="B3109" s="2"/>
      <c r="AF3109" s="4"/>
    </row>
    <row r="3110" spans="2:32">
      <c r="B3110" s="2"/>
      <c r="AF3110" s="4"/>
    </row>
    <row r="3111" spans="2:32">
      <c r="B3111" s="2"/>
      <c r="AF3111" s="4"/>
    </row>
    <row r="3112" spans="2:32">
      <c r="B3112" s="2"/>
      <c r="AF3112" s="4"/>
    </row>
    <row r="3113" spans="2:32">
      <c r="B3113" s="2"/>
      <c r="AF3113" s="4"/>
    </row>
    <row r="3114" spans="2:32">
      <c r="B3114" s="2"/>
      <c r="AF3114" s="4"/>
    </row>
    <row r="3115" spans="2:32">
      <c r="B3115" s="2"/>
      <c r="AF3115" s="4"/>
    </row>
    <row r="3116" spans="2:32">
      <c r="B3116" s="2"/>
      <c r="AF3116" s="4"/>
    </row>
    <row r="3117" spans="2:32">
      <c r="B3117" s="2"/>
      <c r="AF3117" s="4"/>
    </row>
    <row r="3118" spans="2:32">
      <c r="B3118" s="2"/>
      <c r="AF3118" s="4"/>
    </row>
    <row r="3119" spans="2:32">
      <c r="B3119" s="2"/>
      <c r="AF3119" s="4"/>
    </row>
    <row r="3120" spans="2:32">
      <c r="B3120" s="2"/>
      <c r="AF3120" s="4"/>
    </row>
    <row r="3121" spans="2:32">
      <c r="B3121" s="2"/>
      <c r="AF3121" s="4"/>
    </row>
    <row r="3122" spans="2:32">
      <c r="B3122" s="2"/>
      <c r="AF3122" s="4"/>
    </row>
    <row r="3123" spans="2:32">
      <c r="B3123" s="2"/>
      <c r="AF3123" s="4"/>
    </row>
    <row r="3124" spans="2:32">
      <c r="B3124" s="2"/>
      <c r="AF3124" s="4"/>
    </row>
    <row r="3125" spans="2:32">
      <c r="B3125" s="2"/>
      <c r="AF3125" s="4"/>
    </row>
    <row r="3126" spans="2:32">
      <c r="B3126" s="2"/>
      <c r="AF3126" s="4"/>
    </row>
    <row r="3127" spans="2:32">
      <c r="B3127" s="2"/>
      <c r="AF3127" s="4"/>
    </row>
    <row r="3128" spans="2:32">
      <c r="B3128" s="2"/>
      <c r="AF3128" s="4"/>
    </row>
    <row r="3129" spans="2:32">
      <c r="B3129" s="2"/>
      <c r="AF3129" s="4"/>
    </row>
    <row r="3130" spans="2:32">
      <c r="B3130" s="2"/>
      <c r="AF3130" s="4"/>
    </row>
    <row r="3131" spans="2:32">
      <c r="B3131" s="2"/>
      <c r="AF3131" s="4"/>
    </row>
    <row r="3132" spans="2:32">
      <c r="B3132" s="2"/>
      <c r="AF3132" s="4"/>
    </row>
    <row r="3133" spans="2:32">
      <c r="B3133" s="2"/>
      <c r="AF3133" s="4"/>
    </row>
    <row r="3134" spans="2:32">
      <c r="B3134" s="2"/>
      <c r="AF3134" s="4"/>
    </row>
    <row r="3135" spans="2:32">
      <c r="B3135" s="2"/>
      <c r="AF3135" s="4"/>
    </row>
    <row r="3136" spans="2:32">
      <c r="B3136" s="2"/>
      <c r="AF3136" s="4"/>
    </row>
    <row r="3137" spans="2:32">
      <c r="B3137" s="2"/>
      <c r="AF3137" s="4"/>
    </row>
    <row r="3138" spans="2:32">
      <c r="B3138" s="2"/>
      <c r="AF3138" s="4"/>
    </row>
    <row r="3139" spans="2:32">
      <c r="B3139" s="2"/>
      <c r="AF3139" s="4"/>
    </row>
    <row r="3140" spans="2:32">
      <c r="B3140" s="2"/>
      <c r="AF3140" s="4"/>
    </row>
    <row r="3141" spans="2:32">
      <c r="B3141" s="2"/>
      <c r="AF3141" s="4"/>
    </row>
    <row r="3142" spans="2:32">
      <c r="B3142" s="2"/>
      <c r="AF3142" s="4"/>
    </row>
    <row r="3143" spans="2:32">
      <c r="B3143" s="2"/>
      <c r="AF3143" s="4"/>
    </row>
    <row r="3144" spans="2:32">
      <c r="B3144" s="2"/>
      <c r="AF3144" s="4"/>
    </row>
    <row r="3145" spans="2:32">
      <c r="B3145" s="2"/>
      <c r="AF3145" s="4"/>
    </row>
    <row r="3146" spans="2:32">
      <c r="B3146" s="2"/>
      <c r="AF3146" s="4"/>
    </row>
    <row r="3147" spans="2:32">
      <c r="B3147" s="2"/>
      <c r="AF3147" s="4"/>
    </row>
    <row r="3148" spans="2:32">
      <c r="B3148" s="2"/>
      <c r="AF3148" s="4"/>
    </row>
    <row r="3149" spans="2:32">
      <c r="B3149" s="2"/>
      <c r="AF3149" s="4"/>
    </row>
    <row r="3150" spans="2:32">
      <c r="B3150" s="2"/>
      <c r="AF3150" s="4"/>
    </row>
    <row r="3151" spans="2:32">
      <c r="B3151" s="2"/>
      <c r="AF3151" s="4"/>
    </row>
    <row r="3152" spans="2:32">
      <c r="B3152" s="2"/>
      <c r="AF3152" s="4"/>
    </row>
    <row r="3153" spans="2:32">
      <c r="B3153" s="2"/>
      <c r="AF3153" s="4"/>
    </row>
    <row r="3154" spans="2:32">
      <c r="B3154" s="2"/>
      <c r="AF3154" s="4"/>
    </row>
    <row r="3155" spans="2:32">
      <c r="B3155" s="2"/>
      <c r="AF3155" s="4"/>
    </row>
    <row r="3156" spans="2:32">
      <c r="B3156" s="2"/>
      <c r="AF3156" s="4"/>
    </row>
    <row r="3157" spans="2:32">
      <c r="B3157" s="2"/>
      <c r="AF3157" s="4"/>
    </row>
    <row r="3158" spans="2:32">
      <c r="B3158" s="2"/>
      <c r="AF3158" s="4"/>
    </row>
    <row r="3159" spans="2:32">
      <c r="B3159" s="2"/>
      <c r="AF3159" s="4"/>
    </row>
    <row r="3160" spans="2:32">
      <c r="B3160" s="2"/>
      <c r="AF3160" s="4"/>
    </row>
    <row r="3161" spans="2:32">
      <c r="B3161" s="2"/>
      <c r="AF3161" s="4"/>
    </row>
    <row r="3162" spans="2:32">
      <c r="B3162" s="2"/>
      <c r="AF3162" s="4"/>
    </row>
    <row r="3163" spans="2:32">
      <c r="B3163" s="2"/>
      <c r="AF3163" s="4"/>
    </row>
    <row r="3164" spans="2:32">
      <c r="B3164" s="2"/>
      <c r="AF3164" s="4"/>
    </row>
    <row r="3165" spans="2:32">
      <c r="B3165" s="2"/>
      <c r="AF3165" s="4"/>
    </row>
    <row r="3166" spans="2:32">
      <c r="B3166" s="2"/>
      <c r="AF3166" s="4"/>
    </row>
    <row r="3167" spans="2:32">
      <c r="B3167" s="2"/>
      <c r="AF3167" s="4"/>
    </row>
    <row r="3168" spans="2:32">
      <c r="B3168" s="2"/>
      <c r="AF3168" s="4"/>
    </row>
    <row r="3169" spans="2:32">
      <c r="B3169" s="2"/>
      <c r="AF3169" s="4"/>
    </row>
    <row r="3170" spans="2:32">
      <c r="B3170" s="2"/>
      <c r="AF3170" s="4"/>
    </row>
    <row r="3171" spans="2:32">
      <c r="B3171" s="2"/>
      <c r="AF3171" s="4"/>
    </row>
    <row r="3172" spans="2:32">
      <c r="B3172" s="2"/>
      <c r="AF3172" s="4"/>
    </row>
    <row r="3173" spans="2:32">
      <c r="B3173" s="2"/>
      <c r="AF3173" s="4"/>
    </row>
    <row r="3174" spans="2:32">
      <c r="B3174" s="2"/>
      <c r="AF3174" s="4"/>
    </row>
    <row r="3175" spans="2:32">
      <c r="B3175" s="2"/>
      <c r="AF3175" s="4"/>
    </row>
    <row r="3176" spans="2:32">
      <c r="B3176" s="2"/>
      <c r="AF3176" s="4"/>
    </row>
    <row r="3177" spans="2:32">
      <c r="B3177" s="2"/>
      <c r="AF3177" s="4"/>
    </row>
    <row r="3178" spans="2:32">
      <c r="B3178" s="2"/>
      <c r="AF3178" s="4"/>
    </row>
    <row r="3179" spans="2:32">
      <c r="B3179" s="2"/>
      <c r="AF3179" s="4"/>
    </row>
    <row r="3180" spans="2:32">
      <c r="B3180" s="2"/>
      <c r="AF3180" s="4"/>
    </row>
    <row r="3181" spans="2:32">
      <c r="B3181" s="2"/>
      <c r="AF3181" s="4"/>
    </row>
    <row r="3182" spans="2:32">
      <c r="B3182" s="2"/>
      <c r="AF3182" s="4"/>
    </row>
    <row r="3183" spans="2:32">
      <c r="B3183" s="2"/>
      <c r="AF3183" s="4"/>
    </row>
    <row r="3184" spans="2:32">
      <c r="B3184" s="2"/>
      <c r="AF3184" s="4"/>
    </row>
    <row r="3185" spans="2:32">
      <c r="B3185" s="2"/>
      <c r="AF3185" s="4"/>
    </row>
    <row r="3186" spans="2:32">
      <c r="B3186" s="2"/>
      <c r="AF3186" s="4"/>
    </row>
    <row r="3187" spans="2:32">
      <c r="B3187" s="2"/>
      <c r="AF3187" s="4"/>
    </row>
    <row r="3188" spans="2:32">
      <c r="B3188" s="2"/>
      <c r="AF3188" s="4"/>
    </row>
    <row r="3189" spans="2:32">
      <c r="B3189" s="2"/>
      <c r="AF3189" s="4"/>
    </row>
    <row r="3190" spans="2:32">
      <c r="B3190" s="2"/>
      <c r="AF3190" s="4"/>
    </row>
    <row r="3191" spans="2:32">
      <c r="B3191" s="2"/>
      <c r="AF3191" s="4"/>
    </row>
    <row r="3192" spans="2:32">
      <c r="B3192" s="2"/>
      <c r="AF3192" s="4"/>
    </row>
    <row r="3193" spans="2:32">
      <c r="B3193" s="2"/>
      <c r="AF3193" s="4"/>
    </row>
    <row r="3194" spans="2:32">
      <c r="B3194" s="2"/>
      <c r="AF3194" s="4"/>
    </row>
    <row r="3195" spans="2:32">
      <c r="B3195" s="2"/>
      <c r="AF3195" s="4"/>
    </row>
    <row r="3196" spans="2:32">
      <c r="B3196" s="2"/>
      <c r="AF3196" s="4"/>
    </row>
    <row r="3197" spans="2:32">
      <c r="B3197" s="2"/>
      <c r="AF3197" s="4"/>
    </row>
    <row r="3198" spans="2:32">
      <c r="B3198" s="2"/>
      <c r="AF3198" s="4"/>
    </row>
    <row r="3199" spans="2:32">
      <c r="B3199" s="2"/>
      <c r="AF3199" s="4"/>
    </row>
    <row r="3200" spans="2:32">
      <c r="B3200" s="2"/>
      <c r="AF3200" s="4"/>
    </row>
    <row r="3201" spans="2:32">
      <c r="B3201" s="2"/>
      <c r="AF3201" s="4"/>
    </row>
    <row r="3202" spans="2:32">
      <c r="B3202" s="2"/>
      <c r="AF3202" s="4"/>
    </row>
    <row r="3203" spans="2:32">
      <c r="B3203" s="2"/>
      <c r="AF3203" s="4"/>
    </row>
    <row r="3204" spans="2:32">
      <c r="B3204" s="2"/>
      <c r="AF3204" s="4"/>
    </row>
    <row r="3205" spans="2:32">
      <c r="B3205" s="2"/>
      <c r="AF3205" s="4"/>
    </row>
    <row r="3206" spans="2:32">
      <c r="B3206" s="2"/>
      <c r="AF3206" s="4"/>
    </row>
    <row r="3207" spans="2:32">
      <c r="B3207" s="2"/>
      <c r="AF3207" s="4"/>
    </row>
    <row r="3208" spans="2:32">
      <c r="B3208" s="2"/>
      <c r="AF3208" s="4"/>
    </row>
    <row r="3209" spans="2:32">
      <c r="B3209" s="2"/>
      <c r="AF3209" s="4"/>
    </row>
    <row r="3210" spans="2:32">
      <c r="B3210" s="2"/>
      <c r="AF3210" s="4"/>
    </row>
    <row r="3211" spans="2:32">
      <c r="B3211" s="2"/>
      <c r="AF3211" s="4"/>
    </row>
    <row r="3212" spans="2:32">
      <c r="B3212" s="2"/>
      <c r="AF3212" s="4"/>
    </row>
    <row r="3213" spans="2:32">
      <c r="B3213" s="2"/>
      <c r="AF3213" s="4"/>
    </row>
    <row r="3214" spans="2:32">
      <c r="B3214" s="2"/>
      <c r="AF3214" s="4"/>
    </row>
    <row r="3215" spans="2:32">
      <c r="B3215" s="2"/>
      <c r="AF3215" s="4"/>
    </row>
    <row r="3216" spans="2:32">
      <c r="B3216" s="2"/>
      <c r="AF3216" s="4"/>
    </row>
    <row r="3217" spans="2:32">
      <c r="B3217" s="2"/>
      <c r="AF3217" s="4"/>
    </row>
    <row r="3218" spans="2:32">
      <c r="B3218" s="2"/>
      <c r="AF3218" s="4"/>
    </row>
    <row r="3219" spans="2:32">
      <c r="B3219" s="2"/>
      <c r="AF3219" s="4"/>
    </row>
    <row r="3220" spans="2:32">
      <c r="B3220" s="2"/>
      <c r="AF3220" s="4"/>
    </row>
    <row r="3221" spans="2:32">
      <c r="B3221" s="2"/>
      <c r="AF3221" s="4"/>
    </row>
    <row r="3222" spans="2:32">
      <c r="B3222" s="2"/>
      <c r="AF3222" s="4"/>
    </row>
    <row r="3223" spans="2:32">
      <c r="B3223" s="2"/>
      <c r="AF3223" s="4"/>
    </row>
    <row r="3224" spans="2:32">
      <c r="B3224" s="2"/>
      <c r="AF3224" s="4"/>
    </row>
    <row r="3225" spans="2:32">
      <c r="B3225" s="2"/>
      <c r="AF3225" s="4"/>
    </row>
    <row r="3226" spans="2:32">
      <c r="B3226" s="2"/>
      <c r="AF3226" s="4"/>
    </row>
    <row r="3227" spans="2:32">
      <c r="B3227" s="2"/>
      <c r="AF3227" s="4"/>
    </row>
    <row r="3228" spans="2:32">
      <c r="B3228" s="2"/>
      <c r="AF3228" s="4"/>
    </row>
    <row r="3229" spans="2:32">
      <c r="B3229" s="2"/>
      <c r="AF3229" s="4"/>
    </row>
    <row r="3230" spans="2:32">
      <c r="B3230" s="2"/>
      <c r="AF3230" s="4"/>
    </row>
    <row r="3231" spans="2:32">
      <c r="B3231" s="2"/>
      <c r="AF3231" s="4"/>
    </row>
    <row r="3232" spans="2:32">
      <c r="B3232" s="2"/>
      <c r="AF3232" s="4"/>
    </row>
    <row r="3233" spans="2:32">
      <c r="B3233" s="2"/>
      <c r="AF3233" s="4"/>
    </row>
    <row r="3234" spans="2:32">
      <c r="B3234" s="2"/>
      <c r="AF3234" s="4"/>
    </row>
    <row r="3235" spans="2:32">
      <c r="B3235" s="2"/>
      <c r="AF3235" s="4"/>
    </row>
    <row r="3236" spans="2:32">
      <c r="B3236" s="2"/>
      <c r="AF3236" s="4"/>
    </row>
    <row r="3237" spans="2:32">
      <c r="B3237" s="2"/>
      <c r="AF3237" s="4"/>
    </row>
    <row r="3238" spans="2:32">
      <c r="B3238" s="2"/>
      <c r="AF3238" s="4"/>
    </row>
    <row r="3239" spans="2:32">
      <c r="B3239" s="2"/>
      <c r="AF3239" s="4"/>
    </row>
    <row r="3240" spans="2:32">
      <c r="B3240" s="2"/>
      <c r="AF3240" s="4"/>
    </row>
    <row r="3241" spans="2:32">
      <c r="B3241" s="2"/>
      <c r="AF3241" s="4"/>
    </row>
    <row r="3242" spans="2:32">
      <c r="B3242" s="2"/>
      <c r="AF3242" s="4"/>
    </row>
    <row r="3243" spans="2:32">
      <c r="B3243" s="2"/>
      <c r="AF3243" s="4"/>
    </row>
    <row r="3244" spans="2:32">
      <c r="B3244" s="2"/>
      <c r="AF3244" s="4"/>
    </row>
    <row r="3245" spans="2:32">
      <c r="B3245" s="2"/>
      <c r="AF3245" s="4"/>
    </row>
    <row r="3246" spans="2:32">
      <c r="B3246" s="2"/>
      <c r="AF3246" s="4"/>
    </row>
    <row r="3247" spans="2:32">
      <c r="B3247" s="2"/>
      <c r="AF3247" s="4"/>
    </row>
    <row r="3248" spans="2:32">
      <c r="B3248" s="2"/>
      <c r="AF3248" s="4"/>
    </row>
    <row r="3249" spans="2:32">
      <c r="B3249" s="2"/>
      <c r="AF3249" s="4"/>
    </row>
    <row r="3250" spans="2:32">
      <c r="B3250" s="2"/>
      <c r="AF3250" s="4"/>
    </row>
    <row r="3251" spans="2:32">
      <c r="B3251" s="2"/>
      <c r="AF3251" s="4"/>
    </row>
    <row r="3252" spans="2:32">
      <c r="B3252" s="2"/>
      <c r="AF3252" s="4"/>
    </row>
    <row r="3253" spans="2:32">
      <c r="B3253" s="2"/>
      <c r="AF3253" s="4"/>
    </row>
    <row r="3254" spans="2:32">
      <c r="B3254" s="2"/>
      <c r="AF3254" s="4"/>
    </row>
    <row r="3255" spans="2:32">
      <c r="B3255" s="2"/>
      <c r="AF3255" s="4"/>
    </row>
    <row r="3256" spans="2:32">
      <c r="B3256" s="2"/>
      <c r="AF3256" s="4"/>
    </row>
    <row r="3257" spans="2:32">
      <c r="B3257" s="2"/>
      <c r="AF3257" s="4"/>
    </row>
    <row r="3258" spans="2:32">
      <c r="B3258" s="2"/>
      <c r="AF3258" s="4"/>
    </row>
    <row r="3259" spans="2:32">
      <c r="B3259" s="2"/>
      <c r="AF3259" s="4"/>
    </row>
    <row r="3260" spans="2:32">
      <c r="B3260" s="2"/>
      <c r="AF3260" s="4"/>
    </row>
    <row r="3261" spans="2:32">
      <c r="B3261" s="2"/>
      <c r="AF3261" s="4"/>
    </row>
    <row r="3262" spans="2:32">
      <c r="B3262" s="2"/>
      <c r="AF3262" s="4"/>
    </row>
    <row r="3263" spans="2:32">
      <c r="B3263" s="2"/>
      <c r="AF3263" s="4"/>
    </row>
    <row r="3264" spans="2:32">
      <c r="B3264" s="2"/>
      <c r="AF3264" s="4"/>
    </row>
    <row r="3265" spans="2:32">
      <c r="B3265" s="2"/>
      <c r="AF3265" s="4"/>
    </row>
    <row r="3266" spans="2:32">
      <c r="B3266" s="2"/>
      <c r="AF3266" s="4"/>
    </row>
    <row r="3267" spans="2:32">
      <c r="B3267" s="2"/>
      <c r="AF3267" s="4"/>
    </row>
    <row r="3268" spans="2:32">
      <c r="B3268" s="2"/>
      <c r="AF3268" s="4"/>
    </row>
    <row r="3269" spans="2:32">
      <c r="B3269" s="2"/>
      <c r="AF3269" s="4"/>
    </row>
    <row r="3270" spans="2:32">
      <c r="B3270" s="2"/>
      <c r="AF3270" s="4"/>
    </row>
    <row r="3271" spans="2:32">
      <c r="B3271" s="2"/>
      <c r="AF3271" s="4"/>
    </row>
    <row r="3272" spans="2:32">
      <c r="B3272" s="2"/>
      <c r="AF3272" s="4"/>
    </row>
    <row r="3273" spans="2:32">
      <c r="B3273" s="2"/>
      <c r="AF3273" s="4"/>
    </row>
    <row r="3274" spans="2:32">
      <c r="B3274" s="2"/>
      <c r="AF3274" s="4"/>
    </row>
    <row r="3275" spans="2:32">
      <c r="B3275" s="2"/>
      <c r="AF3275" s="4"/>
    </row>
    <row r="3276" spans="2:32">
      <c r="B3276" s="2"/>
      <c r="AF3276" s="4"/>
    </row>
    <row r="3277" spans="2:32">
      <c r="B3277" s="2"/>
      <c r="AF3277" s="4"/>
    </row>
    <row r="3278" spans="2:32">
      <c r="B3278" s="2"/>
      <c r="AF3278" s="4"/>
    </row>
    <row r="3279" spans="2:32">
      <c r="B3279" s="2"/>
      <c r="AF3279" s="4"/>
    </row>
    <row r="3280" spans="2:32">
      <c r="B3280" s="2"/>
      <c r="AF3280" s="4"/>
    </row>
    <row r="3281" spans="2:32">
      <c r="B3281" s="2"/>
      <c r="AF3281" s="4"/>
    </row>
    <row r="3282" spans="2:32">
      <c r="B3282" s="2"/>
      <c r="AF3282" s="4"/>
    </row>
    <row r="3283" spans="2:32">
      <c r="B3283" s="2"/>
      <c r="AF3283" s="4"/>
    </row>
    <row r="3284" spans="2:32">
      <c r="B3284" s="2"/>
      <c r="AF3284" s="4"/>
    </row>
    <row r="3285" spans="2:32">
      <c r="B3285" s="2"/>
      <c r="AF3285" s="4"/>
    </row>
    <row r="3286" spans="2:32">
      <c r="B3286" s="2"/>
      <c r="AF3286" s="4"/>
    </row>
    <row r="3287" spans="2:32">
      <c r="B3287" s="2"/>
      <c r="AF3287" s="4"/>
    </row>
    <row r="3288" spans="2:32">
      <c r="B3288" s="2"/>
      <c r="AF3288" s="4"/>
    </row>
    <row r="3289" spans="2:32">
      <c r="B3289" s="2"/>
      <c r="AF3289" s="4"/>
    </row>
    <row r="3290" spans="2:32">
      <c r="B3290" s="2"/>
      <c r="AF3290" s="4"/>
    </row>
    <row r="3291" spans="2:32">
      <c r="B3291" s="2"/>
      <c r="AF3291" s="4"/>
    </row>
    <row r="3292" spans="2:32">
      <c r="B3292" s="2"/>
      <c r="AF3292" s="4"/>
    </row>
    <row r="3293" spans="2:32">
      <c r="B3293" s="2"/>
      <c r="AF3293" s="4"/>
    </row>
    <row r="3294" spans="2:32">
      <c r="B3294" s="2"/>
      <c r="AF3294" s="4"/>
    </row>
    <row r="3295" spans="2:32">
      <c r="B3295" s="2"/>
      <c r="AF3295" s="4"/>
    </row>
    <row r="3296" spans="2:32">
      <c r="B3296" s="2"/>
      <c r="AF3296" s="4"/>
    </row>
    <row r="3297" spans="2:32">
      <c r="B3297" s="2"/>
      <c r="AF3297" s="4"/>
    </row>
    <row r="3298" spans="2:32">
      <c r="B3298" s="2"/>
      <c r="AF3298" s="4"/>
    </row>
    <row r="3299" spans="2:32">
      <c r="B3299" s="2"/>
      <c r="AF3299" s="4"/>
    </row>
    <row r="3300" spans="2:32">
      <c r="B3300" s="2"/>
      <c r="AF3300" s="4"/>
    </row>
    <row r="3301" spans="2:32">
      <c r="B3301" s="2"/>
      <c r="AF3301" s="4"/>
    </row>
    <row r="3302" spans="2:32">
      <c r="B3302" s="2"/>
      <c r="AF3302" s="4"/>
    </row>
    <row r="3303" spans="2:32">
      <c r="B3303" s="2"/>
      <c r="AF3303" s="4"/>
    </row>
    <row r="3304" spans="2:32">
      <c r="B3304" s="2"/>
      <c r="AF3304" s="4"/>
    </row>
    <row r="3305" spans="2:32">
      <c r="B3305" s="2"/>
      <c r="AF3305" s="4"/>
    </row>
    <row r="3306" spans="2:32">
      <c r="B3306" s="2"/>
      <c r="AF3306" s="4"/>
    </row>
    <row r="3307" spans="2:32">
      <c r="B3307" s="2"/>
      <c r="AF3307" s="4"/>
    </row>
    <row r="3308" spans="2:32">
      <c r="B3308" s="2"/>
      <c r="AF3308" s="4"/>
    </row>
    <row r="3309" spans="2:32">
      <c r="B3309" s="2"/>
      <c r="AF3309" s="4"/>
    </row>
    <row r="3310" spans="2:32">
      <c r="B3310" s="2"/>
      <c r="AF3310" s="4"/>
    </row>
    <row r="3311" spans="2:32">
      <c r="B3311" s="2"/>
      <c r="AF3311" s="4"/>
    </row>
    <row r="3312" spans="2:32">
      <c r="B3312" s="2"/>
      <c r="AF3312" s="4"/>
    </row>
    <row r="3313" spans="2:32">
      <c r="B3313" s="2"/>
      <c r="AF3313" s="4"/>
    </row>
    <row r="3314" spans="2:32">
      <c r="B3314" s="2"/>
      <c r="AF3314" s="4"/>
    </row>
    <row r="3315" spans="2:32">
      <c r="B3315" s="2"/>
      <c r="AF3315" s="4"/>
    </row>
    <row r="3316" spans="2:32">
      <c r="B3316" s="2"/>
      <c r="AF3316" s="4"/>
    </row>
    <row r="3317" spans="2:32">
      <c r="B3317" s="2"/>
      <c r="AF3317" s="4"/>
    </row>
    <row r="3318" spans="2:32">
      <c r="B3318" s="2"/>
      <c r="AF3318" s="4"/>
    </row>
    <row r="3319" spans="2:32">
      <c r="B3319" s="2"/>
      <c r="AF3319" s="4"/>
    </row>
    <row r="3320" spans="2:32">
      <c r="B3320" s="2"/>
      <c r="AF3320" s="4"/>
    </row>
    <row r="3321" spans="2:32">
      <c r="B3321" s="2"/>
      <c r="AF3321" s="4"/>
    </row>
    <row r="3322" spans="2:32">
      <c r="B3322" s="2"/>
      <c r="AF3322" s="4"/>
    </row>
    <row r="3323" spans="2:32">
      <c r="B3323" s="2"/>
      <c r="AF3323" s="4"/>
    </row>
    <row r="3324" spans="2:32">
      <c r="B3324" s="2"/>
      <c r="AF3324" s="4"/>
    </row>
    <row r="3325" spans="2:32">
      <c r="B3325" s="2"/>
      <c r="AF3325" s="4"/>
    </row>
    <row r="3326" spans="2:32">
      <c r="B3326" s="2"/>
      <c r="AF3326" s="4"/>
    </row>
    <row r="3327" spans="2:32">
      <c r="B3327" s="2"/>
      <c r="AF3327" s="4"/>
    </row>
    <row r="3328" spans="2:32">
      <c r="B3328" s="2"/>
      <c r="AF3328" s="4"/>
    </row>
    <row r="3329" spans="2:32">
      <c r="B3329" s="2"/>
      <c r="AF3329" s="4"/>
    </row>
    <row r="3330" spans="2:32">
      <c r="B3330" s="2"/>
      <c r="AF3330" s="4"/>
    </row>
    <row r="3331" spans="2:32">
      <c r="B3331" s="2"/>
      <c r="AF3331" s="4"/>
    </row>
    <row r="3332" spans="2:32">
      <c r="B3332" s="2"/>
      <c r="AF3332" s="4"/>
    </row>
    <row r="3333" spans="2:32">
      <c r="B3333" s="2"/>
      <c r="AF3333" s="4"/>
    </row>
    <row r="3334" spans="2:32">
      <c r="B3334" s="2"/>
      <c r="AF3334" s="4"/>
    </row>
    <row r="3335" spans="2:32">
      <c r="B3335" s="2"/>
      <c r="AF3335" s="4"/>
    </row>
    <row r="3336" spans="2:32">
      <c r="B3336" s="2"/>
      <c r="AF3336" s="4"/>
    </row>
    <row r="3337" spans="2:32">
      <c r="B3337" s="2"/>
      <c r="AF3337" s="4"/>
    </row>
    <row r="3338" spans="2:32">
      <c r="B3338" s="2"/>
      <c r="AF3338" s="4"/>
    </row>
    <row r="3339" spans="2:32">
      <c r="B3339" s="2"/>
      <c r="AF3339" s="4"/>
    </row>
    <row r="3340" spans="2:32">
      <c r="B3340" s="2"/>
      <c r="AF3340" s="4"/>
    </row>
    <row r="3341" spans="2:32">
      <c r="B3341" s="2"/>
      <c r="AF3341" s="4"/>
    </row>
    <row r="3342" spans="2:32">
      <c r="B3342" s="2"/>
      <c r="AF3342" s="4"/>
    </row>
    <row r="3343" spans="2:32">
      <c r="B3343" s="2"/>
      <c r="AF3343" s="4"/>
    </row>
    <row r="3344" spans="2:32">
      <c r="B3344" s="2"/>
      <c r="AF3344" s="4"/>
    </row>
    <row r="3345" spans="2:32">
      <c r="B3345" s="2"/>
      <c r="AF3345" s="4"/>
    </row>
    <row r="3346" spans="2:32">
      <c r="B3346" s="2"/>
      <c r="AF3346" s="4"/>
    </row>
    <row r="3347" spans="2:32">
      <c r="B3347" s="2"/>
      <c r="AF3347" s="4"/>
    </row>
    <row r="3348" spans="2:32">
      <c r="B3348" s="2"/>
      <c r="AF3348" s="4"/>
    </row>
    <row r="3349" spans="2:32">
      <c r="B3349" s="2"/>
      <c r="AF3349" s="4"/>
    </row>
    <row r="3350" spans="2:32">
      <c r="B3350" s="2"/>
      <c r="AF3350" s="4"/>
    </row>
    <row r="3351" spans="2:32">
      <c r="B3351" s="2"/>
      <c r="AF3351" s="4"/>
    </row>
    <row r="3352" spans="2:32">
      <c r="B3352" s="2"/>
      <c r="AF3352" s="4"/>
    </row>
    <row r="3353" spans="2:32">
      <c r="B3353" s="2"/>
      <c r="AF3353" s="4"/>
    </row>
    <row r="3354" spans="2:32">
      <c r="B3354" s="2"/>
      <c r="AF3354" s="4"/>
    </row>
    <row r="3355" spans="2:32">
      <c r="B3355" s="2"/>
      <c r="AF3355" s="4"/>
    </row>
    <row r="3356" spans="2:32">
      <c r="B3356" s="2"/>
      <c r="AF3356" s="4"/>
    </row>
    <row r="3357" spans="2:32">
      <c r="B3357" s="2"/>
      <c r="AF3357" s="4"/>
    </row>
    <row r="3358" spans="2:32">
      <c r="B3358" s="2"/>
      <c r="AF3358" s="4"/>
    </row>
    <row r="3359" spans="2:32">
      <c r="B3359" s="2"/>
      <c r="AF3359" s="4"/>
    </row>
    <row r="3360" spans="2:32">
      <c r="B3360" s="2"/>
      <c r="AF3360" s="4"/>
    </row>
    <row r="3361" spans="2:32">
      <c r="B3361" s="2"/>
      <c r="AF3361" s="4"/>
    </row>
    <row r="3362" spans="2:32">
      <c r="B3362" s="2"/>
      <c r="AF3362" s="4"/>
    </row>
    <row r="3363" spans="2:32">
      <c r="B3363" s="2"/>
      <c r="AF3363" s="4"/>
    </row>
    <row r="3364" spans="2:32">
      <c r="B3364" s="2"/>
      <c r="AF3364" s="4"/>
    </row>
    <row r="3365" spans="2:32">
      <c r="B3365" s="2"/>
      <c r="AF3365" s="4"/>
    </row>
    <row r="3366" spans="2:32">
      <c r="B3366" s="2"/>
      <c r="AF3366" s="4"/>
    </row>
    <row r="3367" spans="2:32">
      <c r="B3367" s="2"/>
      <c r="AF3367" s="4"/>
    </row>
    <row r="3368" spans="2:32">
      <c r="B3368" s="2"/>
      <c r="AF3368" s="4"/>
    </row>
    <row r="3369" spans="2:32">
      <c r="B3369" s="2"/>
      <c r="AF3369" s="4"/>
    </row>
    <row r="3370" spans="2:32">
      <c r="B3370" s="2"/>
      <c r="AF3370" s="4"/>
    </row>
    <row r="3371" spans="2:32">
      <c r="B3371" s="2"/>
      <c r="AF3371" s="4"/>
    </row>
    <row r="3372" spans="2:32">
      <c r="B3372" s="2"/>
      <c r="AF3372" s="4"/>
    </row>
    <row r="3373" spans="2:32">
      <c r="B3373" s="2"/>
      <c r="AF3373" s="4"/>
    </row>
    <row r="3374" spans="2:32">
      <c r="B3374" s="2"/>
      <c r="AF3374" s="4"/>
    </row>
    <row r="3375" spans="2:32">
      <c r="B3375" s="2"/>
      <c r="AF3375" s="4"/>
    </row>
    <row r="3376" spans="2:32">
      <c r="B3376" s="2"/>
      <c r="AF3376" s="4"/>
    </row>
    <row r="3377" spans="2:32">
      <c r="B3377" s="2"/>
      <c r="AF3377" s="4"/>
    </row>
    <row r="3378" spans="2:32">
      <c r="B3378" s="2"/>
      <c r="AF3378" s="4"/>
    </row>
    <row r="3379" spans="2:32">
      <c r="B3379" s="2"/>
      <c r="AF3379" s="4"/>
    </row>
    <row r="3380" spans="2:32">
      <c r="B3380" s="2"/>
      <c r="AF3380" s="4"/>
    </row>
    <row r="3381" spans="2:32">
      <c r="B3381" s="2"/>
      <c r="AF3381" s="4"/>
    </row>
    <row r="3382" spans="2:32">
      <c r="B3382" s="2"/>
      <c r="AF3382" s="4"/>
    </row>
    <row r="3383" spans="2:32">
      <c r="B3383" s="2"/>
      <c r="AF3383" s="4"/>
    </row>
    <row r="3384" spans="2:32">
      <c r="B3384" s="2"/>
      <c r="AF3384" s="4"/>
    </row>
    <row r="3385" spans="2:32">
      <c r="B3385" s="2"/>
      <c r="AF3385" s="4"/>
    </row>
    <row r="3386" spans="2:32">
      <c r="B3386" s="2"/>
      <c r="AF3386" s="4"/>
    </row>
    <row r="3387" spans="2:32">
      <c r="B3387" s="2"/>
      <c r="AF3387" s="4"/>
    </row>
    <row r="3388" spans="2:32">
      <c r="B3388" s="2"/>
      <c r="AF3388" s="4"/>
    </row>
    <row r="3389" spans="2:32">
      <c r="B3389" s="2"/>
      <c r="AF3389" s="4"/>
    </row>
    <row r="3390" spans="2:32">
      <c r="B3390" s="2"/>
      <c r="AF3390" s="4"/>
    </row>
    <row r="3391" spans="2:32">
      <c r="B3391" s="2"/>
      <c r="AF3391" s="4"/>
    </row>
    <row r="3392" spans="2:32">
      <c r="B3392" s="2"/>
      <c r="AF3392" s="4"/>
    </row>
    <row r="3393" spans="2:32">
      <c r="B3393" s="2"/>
      <c r="AF3393" s="4"/>
    </row>
    <row r="3394" spans="2:32">
      <c r="B3394" s="2"/>
      <c r="AF3394" s="4"/>
    </row>
    <row r="3395" spans="2:32">
      <c r="B3395" s="2"/>
      <c r="AF3395" s="4"/>
    </row>
    <row r="3396" spans="2:32">
      <c r="B3396" s="2"/>
      <c r="AF3396" s="4"/>
    </row>
    <row r="3397" spans="2:32">
      <c r="B3397" s="2"/>
      <c r="AF3397" s="4"/>
    </row>
    <row r="3398" spans="2:32">
      <c r="B3398" s="2"/>
      <c r="AF3398" s="4"/>
    </row>
    <row r="3399" spans="2:32">
      <c r="B3399" s="2"/>
      <c r="AF3399" s="4"/>
    </row>
    <row r="3400" spans="2:32">
      <c r="B3400" s="2"/>
      <c r="AF3400" s="4"/>
    </row>
    <row r="3401" spans="2:32">
      <c r="B3401" s="2"/>
      <c r="AF3401" s="4"/>
    </row>
    <row r="3402" spans="2:32">
      <c r="B3402" s="2"/>
      <c r="AF3402" s="4"/>
    </row>
    <row r="3403" spans="2:32">
      <c r="B3403" s="2"/>
      <c r="AF3403" s="4"/>
    </row>
    <row r="3404" spans="2:32">
      <c r="B3404" s="2"/>
      <c r="AF3404" s="4"/>
    </row>
    <row r="3405" spans="2:32">
      <c r="B3405" s="2"/>
      <c r="AF3405" s="4"/>
    </row>
    <row r="3406" spans="2:32">
      <c r="B3406" s="2"/>
      <c r="AF3406" s="4"/>
    </row>
    <row r="3407" spans="2:32">
      <c r="B3407" s="2"/>
      <c r="AF3407" s="4"/>
    </row>
    <row r="3408" spans="2:32">
      <c r="B3408" s="2"/>
      <c r="AF3408" s="4"/>
    </row>
    <row r="3409" spans="2:32">
      <c r="B3409" s="2"/>
      <c r="AF3409" s="4"/>
    </row>
    <row r="3410" spans="2:32">
      <c r="B3410" s="2"/>
      <c r="AF3410" s="4"/>
    </row>
    <row r="3411" spans="2:32">
      <c r="B3411" s="2"/>
      <c r="AF3411" s="4"/>
    </row>
    <row r="3412" spans="2:32">
      <c r="B3412" s="2"/>
      <c r="AF3412" s="4"/>
    </row>
    <row r="3413" spans="2:32">
      <c r="B3413" s="2"/>
      <c r="AF3413" s="4"/>
    </row>
    <row r="3414" spans="2:32">
      <c r="B3414" s="2"/>
      <c r="AF3414" s="4"/>
    </row>
    <row r="3415" spans="2:32">
      <c r="B3415" s="2"/>
      <c r="AF3415" s="4"/>
    </row>
    <row r="3416" spans="2:32">
      <c r="B3416" s="2"/>
      <c r="AF3416" s="4"/>
    </row>
    <row r="3417" spans="2:32">
      <c r="B3417" s="2"/>
      <c r="AF3417" s="4"/>
    </row>
    <row r="3418" spans="2:32">
      <c r="B3418" s="2"/>
      <c r="AF3418" s="4"/>
    </row>
    <row r="3419" spans="2:32">
      <c r="B3419" s="2"/>
      <c r="AF3419" s="4"/>
    </row>
    <row r="3420" spans="2:32">
      <c r="B3420" s="2"/>
      <c r="AF3420" s="4"/>
    </row>
    <row r="3421" spans="2:32">
      <c r="B3421" s="2"/>
      <c r="AF3421" s="4"/>
    </row>
    <row r="3422" spans="2:32">
      <c r="B3422" s="2"/>
      <c r="AF3422" s="4"/>
    </row>
    <row r="3423" spans="2:32">
      <c r="B3423" s="2"/>
      <c r="AF3423" s="4"/>
    </row>
    <row r="3424" spans="2:32">
      <c r="B3424" s="2"/>
      <c r="AF3424" s="4"/>
    </row>
    <row r="3425" spans="2:32">
      <c r="B3425" s="2"/>
      <c r="AF3425" s="4"/>
    </row>
    <row r="3426" spans="2:32">
      <c r="B3426" s="2"/>
      <c r="AF3426" s="4"/>
    </row>
    <row r="3427" spans="2:32">
      <c r="B3427" s="2"/>
      <c r="AF3427" s="4"/>
    </row>
    <row r="3428" spans="2:32">
      <c r="B3428" s="2"/>
      <c r="AF3428" s="4"/>
    </row>
    <row r="3429" spans="2:32">
      <c r="B3429" s="2"/>
      <c r="AF3429" s="4"/>
    </row>
    <row r="3430" spans="2:32">
      <c r="B3430" s="2"/>
      <c r="AF3430" s="4"/>
    </row>
    <row r="3431" spans="2:32">
      <c r="B3431" s="2"/>
      <c r="AF3431" s="4"/>
    </row>
    <row r="3432" spans="2:32">
      <c r="B3432" s="2"/>
      <c r="AF3432" s="4"/>
    </row>
    <row r="3433" spans="2:32">
      <c r="B3433" s="2"/>
      <c r="AF3433" s="4"/>
    </row>
    <row r="3434" spans="2:32">
      <c r="B3434" s="2"/>
      <c r="AF3434" s="4"/>
    </row>
    <row r="3435" spans="2:32">
      <c r="B3435" s="2"/>
      <c r="AF3435" s="4"/>
    </row>
    <row r="3436" spans="2:32">
      <c r="B3436" s="2"/>
      <c r="AF3436" s="4"/>
    </row>
    <row r="3437" spans="2:32">
      <c r="B3437" s="2"/>
      <c r="AF3437" s="4"/>
    </row>
    <row r="3438" spans="2:32">
      <c r="B3438" s="2"/>
      <c r="AF3438" s="4"/>
    </row>
    <row r="3439" spans="2:32">
      <c r="B3439" s="2"/>
      <c r="AF3439" s="4"/>
    </row>
    <row r="3440" spans="2:32">
      <c r="B3440" s="2"/>
      <c r="AF3440" s="4"/>
    </row>
    <row r="3441" spans="2:32">
      <c r="B3441" s="2"/>
      <c r="AF3441" s="4"/>
    </row>
    <row r="3442" spans="2:32">
      <c r="B3442" s="2"/>
      <c r="AF3442" s="4"/>
    </row>
    <row r="3443" spans="2:32">
      <c r="B3443" s="2"/>
      <c r="AF3443" s="4"/>
    </row>
    <row r="3444" spans="2:32">
      <c r="B3444" s="2"/>
      <c r="AF3444" s="4"/>
    </row>
    <row r="3445" spans="2:32">
      <c r="B3445" s="2"/>
      <c r="AF3445" s="4"/>
    </row>
    <row r="3446" spans="2:32">
      <c r="B3446" s="2"/>
      <c r="AF3446" s="4"/>
    </row>
    <row r="3447" spans="2:32">
      <c r="B3447" s="2"/>
      <c r="AF3447" s="4"/>
    </row>
    <row r="3448" spans="2:32">
      <c r="B3448" s="2"/>
      <c r="AF3448" s="4"/>
    </row>
    <row r="3449" spans="2:32">
      <c r="B3449" s="2"/>
      <c r="AF3449" s="4"/>
    </row>
    <row r="3450" spans="2:32">
      <c r="B3450" s="2"/>
      <c r="AF3450" s="4"/>
    </row>
    <row r="3451" spans="2:32">
      <c r="B3451" s="2"/>
      <c r="AF3451" s="4"/>
    </row>
    <row r="3452" spans="2:32">
      <c r="B3452" s="2"/>
      <c r="AF3452" s="4"/>
    </row>
    <row r="3453" spans="2:32">
      <c r="B3453" s="2"/>
      <c r="AF3453" s="4"/>
    </row>
    <row r="3454" spans="2:32">
      <c r="B3454" s="2"/>
      <c r="AF3454" s="4"/>
    </row>
    <row r="3455" spans="2:32">
      <c r="B3455" s="2"/>
      <c r="AF3455" s="4"/>
    </row>
    <row r="3456" spans="2:32">
      <c r="B3456" s="2"/>
      <c r="AF3456" s="4"/>
    </row>
    <row r="3457" spans="2:32">
      <c r="B3457" s="2"/>
      <c r="AF3457" s="4"/>
    </row>
    <row r="3458" spans="2:32">
      <c r="B3458" s="2"/>
      <c r="AF3458" s="4"/>
    </row>
    <row r="3459" spans="2:32">
      <c r="B3459" s="2"/>
      <c r="AF3459" s="4"/>
    </row>
    <row r="3460" spans="2:32">
      <c r="B3460" s="2"/>
      <c r="AF3460" s="4"/>
    </row>
    <row r="3461" spans="2:32">
      <c r="B3461" s="2"/>
      <c r="AF3461" s="4"/>
    </row>
    <row r="3462" spans="2:32">
      <c r="B3462" s="2"/>
      <c r="AF3462" s="4"/>
    </row>
    <row r="3463" spans="2:32">
      <c r="B3463" s="2"/>
      <c r="AF3463" s="4"/>
    </row>
    <row r="3464" spans="2:32">
      <c r="B3464" s="2"/>
      <c r="AF3464" s="4"/>
    </row>
    <row r="3465" spans="2:32">
      <c r="B3465" s="2"/>
      <c r="AF3465" s="4"/>
    </row>
    <row r="3466" spans="2:32">
      <c r="B3466" s="2"/>
      <c r="AF3466" s="4"/>
    </row>
    <row r="3467" spans="2:32">
      <c r="B3467" s="2"/>
      <c r="AF3467" s="4"/>
    </row>
    <row r="3468" spans="2:32">
      <c r="B3468" s="2"/>
      <c r="AF3468" s="4"/>
    </row>
    <row r="3469" spans="2:32">
      <c r="B3469" s="2"/>
      <c r="AF3469" s="4"/>
    </row>
    <row r="3470" spans="2:32">
      <c r="B3470" s="2"/>
      <c r="AF3470" s="4"/>
    </row>
    <row r="3471" spans="2:32">
      <c r="B3471" s="2"/>
      <c r="AF3471" s="4"/>
    </row>
    <row r="3472" spans="2:32">
      <c r="B3472" s="2"/>
      <c r="AF3472" s="4"/>
    </row>
    <row r="3473" spans="2:32">
      <c r="B3473" s="2"/>
      <c r="AF3473" s="4"/>
    </row>
    <row r="3474" spans="2:32">
      <c r="B3474" s="2"/>
      <c r="AF3474" s="4"/>
    </row>
    <row r="3475" spans="2:32">
      <c r="B3475" s="2"/>
      <c r="AF3475" s="4"/>
    </row>
    <row r="3476" spans="2:32">
      <c r="B3476" s="2"/>
      <c r="AF3476" s="4"/>
    </row>
    <row r="3477" spans="2:32">
      <c r="B3477" s="2"/>
      <c r="AF3477" s="4"/>
    </row>
    <row r="3478" spans="2:32">
      <c r="B3478" s="2"/>
      <c r="AF3478" s="4"/>
    </row>
    <row r="3479" spans="2:32">
      <c r="B3479" s="2"/>
      <c r="AF3479" s="4"/>
    </row>
    <row r="3480" spans="2:32">
      <c r="B3480" s="2"/>
      <c r="AF3480" s="4"/>
    </row>
    <row r="3481" spans="2:32">
      <c r="B3481" s="2"/>
      <c r="AF3481" s="4"/>
    </row>
    <row r="3482" spans="2:32">
      <c r="B3482" s="2"/>
      <c r="AF3482" s="4"/>
    </row>
    <row r="3483" spans="2:32">
      <c r="B3483" s="2"/>
      <c r="AF3483" s="4"/>
    </row>
    <row r="3484" spans="2:32">
      <c r="B3484" s="2"/>
      <c r="AF3484" s="4"/>
    </row>
    <row r="3485" spans="2:32">
      <c r="B3485" s="2"/>
      <c r="AF3485" s="4"/>
    </row>
    <row r="3486" spans="2:32">
      <c r="B3486" s="2"/>
      <c r="AF3486" s="4"/>
    </row>
    <row r="3487" spans="2:32">
      <c r="B3487" s="2"/>
      <c r="AF3487" s="4"/>
    </row>
    <row r="3488" spans="2:32">
      <c r="B3488" s="2"/>
      <c r="AF3488" s="4"/>
    </row>
    <row r="3489" spans="2:32">
      <c r="B3489" s="2"/>
      <c r="AF3489" s="4"/>
    </row>
    <row r="3490" spans="2:32">
      <c r="B3490" s="2"/>
      <c r="AF3490" s="4"/>
    </row>
    <row r="3491" spans="2:32">
      <c r="B3491" s="2"/>
      <c r="AF3491" s="4"/>
    </row>
    <row r="3492" spans="2:32">
      <c r="B3492" s="2"/>
      <c r="AF3492" s="4"/>
    </row>
    <row r="3493" spans="2:32">
      <c r="B3493" s="2"/>
      <c r="AF3493" s="4"/>
    </row>
    <row r="3494" spans="2:32">
      <c r="B3494" s="2"/>
      <c r="AF3494" s="4"/>
    </row>
    <row r="3495" spans="2:32">
      <c r="B3495" s="2"/>
      <c r="AF3495" s="4"/>
    </row>
    <row r="3496" spans="2:32">
      <c r="B3496" s="2"/>
      <c r="AF3496" s="4"/>
    </row>
    <row r="3497" spans="2:32">
      <c r="B3497" s="2"/>
      <c r="AF3497" s="4"/>
    </row>
    <row r="3498" spans="2:32">
      <c r="B3498" s="2"/>
      <c r="AF3498" s="4"/>
    </row>
    <row r="3499" spans="2:32">
      <c r="B3499" s="2"/>
      <c r="AF3499" s="4"/>
    </row>
    <row r="3500" spans="2:32">
      <c r="B3500" s="2"/>
      <c r="AF3500" s="4"/>
    </row>
    <row r="3501" spans="2:32">
      <c r="B3501" s="2"/>
      <c r="AF3501" s="4"/>
    </row>
    <row r="3502" spans="2:32">
      <c r="B3502" s="2"/>
      <c r="AF3502" s="4"/>
    </row>
    <row r="3503" spans="2:32">
      <c r="B3503" s="2"/>
      <c r="AF3503" s="4"/>
    </row>
    <row r="3504" spans="2:32">
      <c r="B3504" s="2"/>
      <c r="AF3504" s="4"/>
    </row>
    <row r="3505" spans="2:32">
      <c r="B3505" s="2"/>
      <c r="AF3505" s="4"/>
    </row>
    <row r="3506" spans="2:32">
      <c r="B3506" s="2"/>
      <c r="AF3506" s="4"/>
    </row>
    <row r="3507" spans="2:32">
      <c r="B3507" s="2"/>
      <c r="AF3507" s="4"/>
    </row>
    <row r="3508" spans="2:32">
      <c r="B3508" s="2"/>
      <c r="AF3508" s="4"/>
    </row>
    <row r="3509" spans="2:32">
      <c r="B3509" s="2"/>
      <c r="AF3509" s="4"/>
    </row>
    <row r="3510" spans="2:32">
      <c r="B3510" s="2"/>
      <c r="AF3510" s="4"/>
    </row>
    <row r="3511" spans="2:32">
      <c r="B3511" s="2"/>
      <c r="AF3511" s="4"/>
    </row>
    <row r="3512" spans="2:32">
      <c r="B3512" s="2"/>
      <c r="AF3512" s="4"/>
    </row>
    <row r="3513" spans="2:32">
      <c r="B3513" s="2"/>
      <c r="AF3513" s="4"/>
    </row>
    <row r="3514" spans="2:32">
      <c r="B3514" s="2"/>
      <c r="AF3514" s="4"/>
    </row>
    <row r="3515" spans="2:32">
      <c r="B3515" s="2"/>
      <c r="AF3515" s="4"/>
    </row>
    <row r="3516" spans="2:32">
      <c r="B3516" s="2"/>
      <c r="AF3516" s="4"/>
    </row>
    <row r="3517" spans="2:32">
      <c r="B3517" s="2"/>
      <c r="AF3517" s="4"/>
    </row>
    <row r="3518" spans="2:32">
      <c r="B3518" s="2"/>
      <c r="AF3518" s="4"/>
    </row>
    <row r="3519" spans="2:32">
      <c r="B3519" s="2"/>
      <c r="AF3519" s="4"/>
    </row>
    <row r="3520" spans="2:32">
      <c r="B3520" s="2"/>
      <c r="AF3520" s="4"/>
    </row>
    <row r="3521" spans="2:32">
      <c r="B3521" s="2"/>
      <c r="AF3521" s="4"/>
    </row>
    <row r="3522" spans="2:32">
      <c r="B3522" s="2"/>
      <c r="AF3522" s="4"/>
    </row>
    <row r="3523" spans="2:32">
      <c r="B3523" s="2"/>
      <c r="AF3523" s="4"/>
    </row>
    <row r="3524" spans="2:32">
      <c r="B3524" s="2"/>
      <c r="AF3524" s="4"/>
    </row>
    <row r="3525" spans="2:32">
      <c r="B3525" s="2"/>
      <c r="AF3525" s="4"/>
    </row>
    <row r="3526" spans="2:32">
      <c r="B3526" s="2"/>
      <c r="AF3526" s="4"/>
    </row>
    <row r="3527" spans="2:32">
      <c r="B3527" s="2"/>
      <c r="AF3527" s="4"/>
    </row>
    <row r="3528" spans="2:32">
      <c r="B3528" s="2"/>
      <c r="AF3528" s="4"/>
    </row>
    <row r="3529" spans="2:32">
      <c r="B3529" s="2"/>
      <c r="AF3529" s="4"/>
    </row>
    <row r="3530" spans="2:32">
      <c r="B3530" s="2"/>
      <c r="AF3530" s="4"/>
    </row>
    <row r="3531" spans="2:32">
      <c r="B3531" s="2"/>
      <c r="AF3531" s="4"/>
    </row>
    <row r="3532" spans="2:32">
      <c r="B3532" s="2"/>
      <c r="AF3532" s="4"/>
    </row>
    <row r="3533" spans="2:32">
      <c r="B3533" s="2"/>
      <c r="AF3533" s="4"/>
    </row>
    <row r="3534" spans="2:32">
      <c r="B3534" s="2"/>
      <c r="AF3534" s="4"/>
    </row>
    <row r="3535" spans="2:32">
      <c r="B3535" s="2"/>
      <c r="AF3535" s="4"/>
    </row>
    <row r="3536" spans="2:32">
      <c r="B3536" s="2"/>
      <c r="AF3536" s="4"/>
    </row>
    <row r="3537" spans="2:32">
      <c r="B3537" s="2"/>
      <c r="AF3537" s="4"/>
    </row>
    <row r="3538" spans="2:32">
      <c r="B3538" s="2"/>
      <c r="AF3538" s="4"/>
    </row>
    <row r="3539" spans="2:32">
      <c r="B3539" s="2"/>
      <c r="AF3539" s="4"/>
    </row>
    <row r="3540" spans="2:32">
      <c r="B3540" s="2"/>
      <c r="AF3540" s="4"/>
    </row>
    <row r="3541" spans="2:32">
      <c r="B3541" s="2"/>
      <c r="AF3541" s="4"/>
    </row>
    <row r="3542" spans="2:32">
      <c r="B3542" s="2"/>
      <c r="AF3542" s="4"/>
    </row>
    <row r="3543" spans="2:32">
      <c r="B3543" s="2"/>
      <c r="AF3543" s="4"/>
    </row>
    <row r="3544" spans="2:32">
      <c r="B3544" s="2"/>
      <c r="AF3544" s="4"/>
    </row>
    <row r="3545" spans="2:32">
      <c r="B3545" s="2"/>
      <c r="AF3545" s="4"/>
    </row>
    <row r="3546" spans="2:32">
      <c r="B3546" s="2"/>
      <c r="AF3546" s="4"/>
    </row>
    <row r="3547" spans="2:32">
      <c r="B3547" s="2"/>
      <c r="AF3547" s="4"/>
    </row>
    <row r="3548" spans="2:32">
      <c r="B3548" s="2"/>
      <c r="AF3548" s="4"/>
    </row>
    <row r="3549" spans="2:32">
      <c r="B3549" s="2"/>
      <c r="AF3549" s="4"/>
    </row>
    <row r="3550" spans="2:32">
      <c r="B3550" s="2"/>
      <c r="AF3550" s="4"/>
    </row>
    <row r="3551" spans="2:32">
      <c r="B3551" s="2"/>
      <c r="AF3551" s="4"/>
    </row>
    <row r="3552" spans="2:32">
      <c r="B3552" s="2"/>
      <c r="AF3552" s="4"/>
    </row>
    <row r="3553" spans="2:32">
      <c r="B3553" s="2"/>
      <c r="AF3553" s="4"/>
    </row>
    <row r="3554" spans="2:32">
      <c r="B3554" s="2"/>
      <c r="AF3554" s="4"/>
    </row>
    <row r="3555" spans="2:32">
      <c r="B3555" s="2"/>
      <c r="AF3555" s="4"/>
    </row>
    <row r="3556" spans="2:32">
      <c r="B3556" s="2"/>
      <c r="AF3556" s="4"/>
    </row>
    <row r="3557" spans="2:32">
      <c r="B3557" s="2"/>
      <c r="AF3557" s="4"/>
    </row>
    <row r="3558" spans="2:32">
      <c r="B3558" s="2"/>
      <c r="AF3558" s="4"/>
    </row>
    <row r="3559" spans="2:32">
      <c r="B3559" s="2"/>
      <c r="AF3559" s="4"/>
    </row>
    <row r="3560" spans="2:32">
      <c r="B3560" s="2"/>
      <c r="AF3560" s="4"/>
    </row>
    <row r="3561" spans="2:32">
      <c r="B3561" s="2"/>
      <c r="AF3561" s="4"/>
    </row>
    <row r="3562" spans="2:32">
      <c r="B3562" s="2"/>
      <c r="AF3562" s="4"/>
    </row>
    <row r="3563" spans="2:32">
      <c r="B3563" s="2"/>
      <c r="AF3563" s="4"/>
    </row>
    <row r="3564" spans="2:32">
      <c r="B3564" s="2"/>
      <c r="AF3564" s="4"/>
    </row>
    <row r="3565" spans="2:32">
      <c r="B3565" s="2"/>
      <c r="AF3565" s="4"/>
    </row>
    <row r="3566" spans="2:32">
      <c r="B3566" s="2"/>
      <c r="AF3566" s="4"/>
    </row>
    <row r="3567" spans="2:32">
      <c r="B3567" s="2"/>
      <c r="AF3567" s="4"/>
    </row>
    <row r="3568" spans="2:32">
      <c r="B3568" s="2"/>
      <c r="AF3568" s="4"/>
    </row>
    <row r="3569" spans="2:32">
      <c r="B3569" s="2"/>
      <c r="AF3569" s="4"/>
    </row>
    <row r="3570" spans="2:32">
      <c r="B3570" s="2"/>
      <c r="AF3570" s="4"/>
    </row>
    <row r="3571" spans="2:32">
      <c r="B3571" s="2"/>
      <c r="AF3571" s="4"/>
    </row>
    <row r="3572" spans="2:32">
      <c r="B3572" s="2"/>
      <c r="AF3572" s="4"/>
    </row>
    <row r="3573" spans="2:32">
      <c r="B3573" s="2"/>
      <c r="AF3573" s="4"/>
    </row>
    <row r="3574" spans="2:32">
      <c r="B3574" s="2"/>
      <c r="AF3574" s="4"/>
    </row>
    <row r="3575" spans="2:32">
      <c r="B3575" s="2"/>
      <c r="AF3575" s="4"/>
    </row>
    <row r="3576" spans="2:32">
      <c r="B3576" s="2"/>
      <c r="AF3576" s="4"/>
    </row>
    <row r="3577" spans="2:32">
      <c r="B3577" s="2"/>
      <c r="AF3577" s="4"/>
    </row>
    <row r="3578" spans="2:32">
      <c r="B3578" s="2"/>
      <c r="AF3578" s="4"/>
    </row>
    <row r="3579" spans="2:32">
      <c r="B3579" s="2"/>
      <c r="AF3579" s="4"/>
    </row>
    <row r="3580" spans="2:32">
      <c r="B3580" s="2"/>
      <c r="AF3580" s="4"/>
    </row>
    <row r="3581" spans="2:32">
      <c r="B3581" s="2"/>
      <c r="AF3581" s="4"/>
    </row>
    <row r="3582" spans="2:32">
      <c r="B3582" s="2"/>
      <c r="AF3582" s="4"/>
    </row>
    <row r="3583" spans="2:32">
      <c r="B3583" s="2"/>
      <c r="AF3583" s="4"/>
    </row>
    <row r="3584" spans="2:32">
      <c r="B3584" s="2"/>
      <c r="AF3584" s="4"/>
    </row>
    <row r="3585" spans="2:32">
      <c r="B3585" s="2"/>
      <c r="AF3585" s="4"/>
    </row>
    <row r="3586" spans="2:32">
      <c r="B3586" s="2"/>
      <c r="AF3586" s="4"/>
    </row>
    <row r="3587" spans="2:32">
      <c r="B3587" s="2"/>
      <c r="AF3587" s="4"/>
    </row>
    <row r="3588" spans="2:32">
      <c r="B3588" s="2"/>
      <c r="AF3588" s="4"/>
    </row>
    <row r="3589" spans="2:32">
      <c r="B3589" s="2"/>
      <c r="AF3589" s="4"/>
    </row>
    <row r="3590" spans="2:32">
      <c r="B3590" s="2"/>
      <c r="AF3590" s="4"/>
    </row>
    <row r="3591" spans="2:32">
      <c r="B3591" s="2"/>
      <c r="AF3591" s="4"/>
    </row>
    <row r="3592" spans="2:32">
      <c r="B3592" s="2"/>
      <c r="AF3592" s="4"/>
    </row>
    <row r="3593" spans="2:32">
      <c r="B3593" s="2"/>
      <c r="AF3593" s="4"/>
    </row>
    <row r="3594" spans="2:32">
      <c r="B3594" s="2"/>
      <c r="AF3594" s="4"/>
    </row>
    <row r="3595" spans="2:32">
      <c r="B3595" s="2"/>
      <c r="AF3595" s="4"/>
    </row>
    <row r="3596" spans="2:32">
      <c r="B3596" s="2"/>
      <c r="AF3596" s="4"/>
    </row>
    <row r="3597" spans="2:32">
      <c r="B3597" s="2"/>
      <c r="AF3597" s="4"/>
    </row>
    <row r="3598" spans="2:32">
      <c r="B3598" s="2"/>
      <c r="AF3598" s="4"/>
    </row>
    <row r="3599" spans="2:32">
      <c r="B3599" s="2"/>
      <c r="AF3599" s="4"/>
    </row>
    <row r="3600" spans="2:32">
      <c r="B3600" s="2"/>
      <c r="AF3600" s="4"/>
    </row>
    <row r="3601" spans="2:32">
      <c r="B3601" s="2"/>
      <c r="AF3601" s="4"/>
    </row>
    <row r="3602" spans="2:32">
      <c r="B3602" s="2"/>
      <c r="AF3602" s="4"/>
    </row>
    <row r="3603" spans="2:32">
      <c r="B3603" s="2"/>
      <c r="AF3603" s="4"/>
    </row>
    <row r="3604" spans="2:32">
      <c r="B3604" s="2"/>
      <c r="AF3604" s="4"/>
    </row>
    <row r="3605" spans="2:32">
      <c r="B3605" s="2"/>
      <c r="AF3605" s="4"/>
    </row>
    <row r="3606" spans="2:32">
      <c r="B3606" s="2"/>
      <c r="AF3606" s="4"/>
    </row>
    <row r="3607" spans="2:32">
      <c r="B3607" s="2"/>
      <c r="AF3607" s="4"/>
    </row>
    <row r="3608" spans="2:32">
      <c r="B3608" s="2"/>
      <c r="AF3608" s="4"/>
    </row>
    <row r="3609" spans="2:32">
      <c r="B3609" s="2"/>
      <c r="AF3609" s="4"/>
    </row>
    <row r="3610" spans="2:32">
      <c r="B3610" s="2"/>
      <c r="AF3610" s="4"/>
    </row>
    <row r="3611" spans="2:32">
      <c r="B3611" s="2"/>
      <c r="AF3611" s="4"/>
    </row>
    <row r="3612" spans="2:32">
      <c r="B3612" s="2"/>
      <c r="AF3612" s="4"/>
    </row>
    <row r="3613" spans="2:32">
      <c r="B3613" s="2"/>
      <c r="AF3613" s="4"/>
    </row>
    <row r="3614" spans="2:32">
      <c r="B3614" s="2"/>
      <c r="AF3614" s="4"/>
    </row>
    <row r="3615" spans="2:32">
      <c r="B3615" s="2"/>
      <c r="AF3615" s="4"/>
    </row>
    <row r="3616" spans="2:32">
      <c r="B3616" s="2"/>
      <c r="AF3616" s="4"/>
    </row>
    <row r="3617" spans="2:32">
      <c r="B3617" s="2"/>
      <c r="AF3617" s="4"/>
    </row>
    <row r="3618" spans="2:32">
      <c r="B3618" s="2"/>
      <c r="AF3618" s="4"/>
    </row>
    <row r="3619" spans="2:32">
      <c r="B3619" s="2"/>
      <c r="AF3619" s="4"/>
    </row>
    <row r="3620" spans="2:32">
      <c r="B3620" s="2"/>
      <c r="AF3620" s="4"/>
    </row>
    <row r="3621" spans="2:32">
      <c r="B3621" s="2"/>
      <c r="AF3621" s="4"/>
    </row>
    <row r="3622" spans="2:32">
      <c r="B3622" s="2"/>
      <c r="AF3622" s="4"/>
    </row>
    <row r="3623" spans="2:32">
      <c r="B3623" s="2"/>
      <c r="AF3623" s="4"/>
    </row>
    <row r="3624" spans="2:32">
      <c r="B3624" s="2"/>
      <c r="AF3624" s="4"/>
    </row>
    <row r="3625" spans="2:32">
      <c r="B3625" s="2"/>
      <c r="AF3625" s="4"/>
    </row>
    <row r="3626" spans="2:32">
      <c r="B3626" s="2"/>
      <c r="AF3626" s="4"/>
    </row>
    <row r="3627" spans="2:32">
      <c r="B3627" s="2"/>
      <c r="AF3627" s="4"/>
    </row>
    <row r="3628" spans="2:32">
      <c r="B3628" s="2"/>
      <c r="AF3628" s="4"/>
    </row>
    <row r="3629" spans="2:32">
      <c r="B3629" s="2"/>
      <c r="AF3629" s="4"/>
    </row>
    <row r="3630" spans="2:32">
      <c r="B3630" s="2"/>
      <c r="AF3630" s="4"/>
    </row>
    <row r="3631" spans="2:32">
      <c r="B3631" s="2"/>
      <c r="AF3631" s="4"/>
    </row>
    <row r="3632" spans="2:32">
      <c r="B3632" s="2"/>
      <c r="AF3632" s="4"/>
    </row>
    <row r="3633" spans="2:32">
      <c r="B3633" s="2"/>
      <c r="AF3633" s="4"/>
    </row>
    <row r="3634" spans="2:32">
      <c r="B3634" s="2"/>
      <c r="AF3634" s="4"/>
    </row>
    <row r="3635" spans="2:32">
      <c r="B3635" s="2"/>
      <c r="AF3635" s="4"/>
    </row>
    <row r="3636" spans="2:32">
      <c r="B3636" s="2"/>
      <c r="AF3636" s="4"/>
    </row>
    <row r="3637" spans="2:32">
      <c r="B3637" s="2"/>
      <c r="AF3637" s="4"/>
    </row>
    <row r="3638" spans="2:32">
      <c r="B3638" s="2"/>
      <c r="AF3638" s="4"/>
    </row>
    <row r="3639" spans="2:32">
      <c r="B3639" s="2"/>
      <c r="AF3639" s="4"/>
    </row>
    <row r="3640" spans="2:32">
      <c r="B3640" s="2"/>
      <c r="AF3640" s="4"/>
    </row>
    <row r="3641" spans="2:32">
      <c r="B3641" s="2"/>
      <c r="AF3641" s="4"/>
    </row>
    <row r="3642" spans="2:32">
      <c r="B3642" s="2"/>
      <c r="AF3642" s="4"/>
    </row>
    <row r="3643" spans="2:32">
      <c r="B3643" s="2"/>
      <c r="AF3643" s="4"/>
    </row>
    <row r="3644" spans="2:32">
      <c r="B3644" s="2"/>
      <c r="AF3644" s="4"/>
    </row>
    <row r="3645" spans="2:32">
      <c r="B3645" s="2"/>
      <c r="AF3645" s="4"/>
    </row>
    <row r="3646" spans="2:32">
      <c r="B3646" s="2"/>
      <c r="AF3646" s="4"/>
    </row>
    <row r="3647" spans="2:32">
      <c r="B3647" s="2"/>
      <c r="AF3647" s="4"/>
    </row>
    <row r="3648" spans="2:32">
      <c r="B3648" s="2"/>
      <c r="AF3648" s="4"/>
    </row>
    <row r="3649" spans="2:32">
      <c r="B3649" s="2"/>
      <c r="AF3649" s="4"/>
    </row>
    <row r="3650" spans="2:32">
      <c r="B3650" s="2"/>
      <c r="AF3650" s="4"/>
    </row>
    <row r="3651" spans="2:32">
      <c r="B3651" s="2"/>
      <c r="AF3651" s="4"/>
    </row>
    <row r="3652" spans="2:32">
      <c r="B3652" s="2"/>
      <c r="AF3652" s="4"/>
    </row>
    <row r="3653" spans="2:32">
      <c r="B3653" s="2"/>
      <c r="AF3653" s="4"/>
    </row>
    <row r="3654" spans="2:32">
      <c r="B3654" s="2"/>
      <c r="AF3654" s="4"/>
    </row>
    <row r="3655" spans="2:32">
      <c r="B3655" s="2"/>
      <c r="AF3655" s="4"/>
    </row>
    <row r="3656" spans="2:32">
      <c r="B3656" s="2"/>
      <c r="AF3656" s="4"/>
    </row>
    <row r="3657" spans="2:32">
      <c r="B3657" s="2"/>
      <c r="AF3657" s="4"/>
    </row>
    <row r="3658" spans="2:32">
      <c r="B3658" s="2"/>
      <c r="AF3658" s="4"/>
    </row>
    <row r="3659" spans="2:32">
      <c r="B3659" s="2"/>
      <c r="AF3659" s="4"/>
    </row>
    <row r="3660" spans="2:32">
      <c r="B3660" s="2"/>
      <c r="AF3660" s="4"/>
    </row>
    <row r="3661" spans="2:32">
      <c r="B3661" s="2"/>
      <c r="AF3661" s="4"/>
    </row>
    <row r="3662" spans="2:32">
      <c r="B3662" s="2"/>
      <c r="AF3662" s="4"/>
    </row>
    <row r="3663" spans="2:32">
      <c r="B3663" s="2"/>
      <c r="AF3663" s="4"/>
    </row>
    <row r="3664" spans="2:32">
      <c r="B3664" s="2"/>
      <c r="AF3664" s="4"/>
    </row>
    <row r="3665" spans="2:32">
      <c r="B3665" s="2"/>
      <c r="AF3665" s="4"/>
    </row>
    <row r="3666" spans="2:32">
      <c r="B3666" s="2"/>
      <c r="AF3666" s="4"/>
    </row>
    <row r="3667" spans="2:32">
      <c r="B3667" s="2"/>
      <c r="AF3667" s="4"/>
    </row>
    <row r="3668" spans="2:32">
      <c r="B3668" s="2"/>
      <c r="AF3668" s="4"/>
    </row>
    <row r="3669" spans="2:32">
      <c r="B3669" s="2"/>
      <c r="AF3669" s="4"/>
    </row>
    <row r="3670" spans="2:32">
      <c r="B3670" s="2"/>
      <c r="AF3670" s="4"/>
    </row>
    <row r="3671" spans="2:32">
      <c r="B3671" s="2"/>
      <c r="AF3671" s="4"/>
    </row>
    <row r="3672" spans="2:32">
      <c r="B3672" s="2"/>
      <c r="AF3672" s="4"/>
    </row>
    <row r="3673" spans="2:32">
      <c r="B3673" s="2"/>
      <c r="AF3673" s="4"/>
    </row>
    <row r="3674" spans="2:32">
      <c r="B3674" s="2"/>
      <c r="AF3674" s="4"/>
    </row>
    <row r="3675" spans="2:32">
      <c r="B3675" s="2"/>
      <c r="AF3675" s="4"/>
    </row>
    <row r="3676" spans="2:32">
      <c r="B3676" s="2"/>
      <c r="AF3676" s="4"/>
    </row>
    <row r="3677" spans="2:32">
      <c r="B3677" s="2"/>
      <c r="AF3677" s="4"/>
    </row>
    <row r="3678" spans="2:32">
      <c r="B3678" s="2"/>
      <c r="AF3678" s="4"/>
    </row>
    <row r="3679" spans="2:32">
      <c r="B3679" s="2"/>
      <c r="AF3679" s="4"/>
    </row>
    <row r="3680" spans="2:32">
      <c r="B3680" s="2"/>
      <c r="AF3680" s="4"/>
    </row>
    <row r="3681" spans="2:32">
      <c r="B3681" s="2"/>
      <c r="AF3681" s="4"/>
    </row>
    <row r="3682" spans="2:32">
      <c r="B3682" s="2"/>
      <c r="AF3682" s="4"/>
    </row>
    <row r="3683" spans="2:32">
      <c r="B3683" s="2"/>
      <c r="AF3683" s="4"/>
    </row>
    <row r="3684" spans="2:32">
      <c r="B3684" s="2"/>
      <c r="AF3684" s="4"/>
    </row>
    <row r="3685" spans="2:32">
      <c r="B3685" s="2"/>
      <c r="AF3685" s="4"/>
    </row>
    <row r="3686" spans="2:32">
      <c r="B3686" s="2"/>
      <c r="AF3686" s="4"/>
    </row>
    <row r="3687" spans="2:32">
      <c r="B3687" s="2"/>
      <c r="AF3687" s="4"/>
    </row>
    <row r="3688" spans="2:32">
      <c r="B3688" s="2"/>
      <c r="AF3688" s="4"/>
    </row>
    <row r="3689" spans="2:32">
      <c r="B3689" s="2"/>
      <c r="AF3689" s="4"/>
    </row>
    <row r="3690" spans="2:32">
      <c r="B3690" s="2"/>
      <c r="AF3690" s="4"/>
    </row>
    <row r="3691" spans="2:32">
      <c r="B3691" s="2"/>
      <c r="AF3691" s="4"/>
    </row>
    <row r="3692" spans="2:32">
      <c r="B3692" s="2"/>
      <c r="AF3692" s="4"/>
    </row>
    <row r="3693" spans="2:32">
      <c r="B3693" s="2"/>
      <c r="AF3693" s="4"/>
    </row>
    <row r="3694" spans="2:32">
      <c r="B3694" s="2"/>
      <c r="AF3694" s="4"/>
    </row>
    <row r="3695" spans="2:32">
      <c r="B3695" s="2"/>
      <c r="AF3695" s="4"/>
    </row>
    <row r="3696" spans="2:32">
      <c r="B3696" s="2"/>
      <c r="AF3696" s="4"/>
    </row>
    <row r="3697" spans="2:32">
      <c r="B3697" s="2"/>
      <c r="AF3697" s="4"/>
    </row>
    <row r="3698" spans="2:32">
      <c r="B3698" s="2"/>
      <c r="AF3698" s="4"/>
    </row>
    <row r="3699" spans="2:32">
      <c r="B3699" s="2"/>
      <c r="AF3699" s="4"/>
    </row>
    <row r="3700" spans="2:32">
      <c r="B3700" s="2"/>
      <c r="AF3700" s="4"/>
    </row>
    <row r="3701" spans="2:32">
      <c r="B3701" s="2"/>
      <c r="AF3701" s="4"/>
    </row>
    <row r="3702" spans="2:32">
      <c r="B3702" s="2"/>
      <c r="AF3702" s="4"/>
    </row>
    <row r="3703" spans="2:32">
      <c r="B3703" s="2"/>
      <c r="AF3703" s="4"/>
    </row>
    <row r="3704" spans="2:32">
      <c r="B3704" s="2"/>
      <c r="AF3704" s="4"/>
    </row>
    <row r="3705" spans="2:32">
      <c r="B3705" s="2"/>
      <c r="AF3705" s="4"/>
    </row>
    <row r="3706" spans="2:32">
      <c r="B3706" s="2"/>
      <c r="AF3706" s="4"/>
    </row>
    <row r="3707" spans="2:32">
      <c r="B3707" s="2"/>
      <c r="AF3707" s="4"/>
    </row>
    <row r="3708" spans="2:32">
      <c r="B3708" s="2"/>
      <c r="AF3708" s="4"/>
    </row>
    <row r="3709" spans="2:32">
      <c r="B3709" s="2"/>
      <c r="AF3709" s="4"/>
    </row>
    <row r="3710" spans="2:32">
      <c r="B3710" s="2"/>
      <c r="AF3710" s="4"/>
    </row>
    <row r="3711" spans="2:32">
      <c r="B3711" s="2"/>
      <c r="AF3711" s="4"/>
    </row>
    <row r="3712" spans="2:32">
      <c r="B3712" s="2"/>
      <c r="AF3712" s="4"/>
    </row>
    <row r="3713" spans="2:32">
      <c r="B3713" s="2"/>
      <c r="AF3713" s="4"/>
    </row>
    <row r="3714" spans="2:32">
      <c r="B3714" s="2"/>
      <c r="AF3714" s="4"/>
    </row>
    <row r="3715" spans="2:32">
      <c r="B3715" s="2"/>
      <c r="AF3715" s="4"/>
    </row>
    <row r="3716" spans="2:32">
      <c r="B3716" s="2"/>
      <c r="AF3716" s="4"/>
    </row>
    <row r="3717" spans="2:32">
      <c r="B3717" s="2"/>
      <c r="AF3717" s="4"/>
    </row>
    <row r="3718" spans="2:32">
      <c r="B3718" s="2"/>
      <c r="AF3718" s="4"/>
    </row>
    <row r="3719" spans="2:32">
      <c r="B3719" s="2"/>
      <c r="AF3719" s="4"/>
    </row>
    <row r="3720" spans="2:32">
      <c r="B3720" s="2"/>
      <c r="AF3720" s="4"/>
    </row>
    <row r="3721" spans="2:32">
      <c r="B3721" s="2"/>
      <c r="AF3721" s="4"/>
    </row>
    <row r="3722" spans="2:32">
      <c r="B3722" s="2"/>
      <c r="AF3722" s="4"/>
    </row>
    <row r="3723" spans="2:32">
      <c r="B3723" s="2"/>
      <c r="AF3723" s="4"/>
    </row>
    <row r="3724" spans="2:32">
      <c r="B3724" s="2"/>
      <c r="AF3724" s="4"/>
    </row>
    <row r="3725" spans="2:32">
      <c r="B3725" s="2"/>
      <c r="AF3725" s="4"/>
    </row>
    <row r="3726" spans="2:32">
      <c r="B3726" s="2"/>
      <c r="AF3726" s="4"/>
    </row>
    <row r="3727" spans="2:32">
      <c r="B3727" s="2"/>
      <c r="AF3727" s="4"/>
    </row>
    <row r="3728" spans="2:32">
      <c r="B3728" s="2"/>
      <c r="AF3728" s="4"/>
    </row>
    <row r="3729" spans="2:32">
      <c r="B3729" s="2"/>
      <c r="AF3729" s="4"/>
    </row>
    <row r="3730" spans="2:32">
      <c r="B3730" s="2"/>
      <c r="AF3730" s="4"/>
    </row>
    <row r="3731" spans="2:32">
      <c r="B3731" s="2"/>
      <c r="AF3731" s="4"/>
    </row>
    <row r="3732" spans="2:32">
      <c r="B3732" s="2"/>
      <c r="AF3732" s="4"/>
    </row>
    <row r="3733" spans="2:32">
      <c r="B3733" s="2"/>
      <c r="AF3733" s="4"/>
    </row>
    <row r="3734" spans="2:32">
      <c r="B3734" s="2"/>
      <c r="AF3734" s="4"/>
    </row>
    <row r="3735" spans="2:32">
      <c r="B3735" s="2"/>
      <c r="AF3735" s="4"/>
    </row>
    <row r="3736" spans="2:32">
      <c r="B3736" s="2"/>
      <c r="AF3736" s="4"/>
    </row>
    <row r="3737" spans="2:32">
      <c r="B3737" s="2"/>
      <c r="AF3737" s="4"/>
    </row>
    <row r="3738" spans="2:32">
      <c r="B3738" s="2"/>
      <c r="AF3738" s="4"/>
    </row>
    <row r="3739" spans="2:32">
      <c r="B3739" s="2"/>
      <c r="AF3739" s="4"/>
    </row>
    <row r="3740" spans="2:32">
      <c r="B3740" s="2"/>
      <c r="AF3740" s="4"/>
    </row>
    <row r="3741" spans="2:32">
      <c r="B3741" s="2"/>
      <c r="AF3741" s="4"/>
    </row>
    <row r="3742" spans="2:32">
      <c r="B3742" s="2"/>
      <c r="AF3742" s="4"/>
    </row>
    <row r="3743" spans="2:32">
      <c r="B3743" s="2"/>
      <c r="AF3743" s="4"/>
    </row>
    <row r="3744" spans="2:32">
      <c r="B3744" s="2"/>
      <c r="AF3744" s="4"/>
    </row>
    <row r="3745" spans="2:32">
      <c r="B3745" s="2"/>
      <c r="AF3745" s="4"/>
    </row>
    <row r="3746" spans="2:32">
      <c r="B3746" s="2"/>
      <c r="AF3746" s="4"/>
    </row>
    <row r="3747" spans="2:32">
      <c r="B3747" s="2"/>
      <c r="AF3747" s="4"/>
    </row>
    <row r="3748" spans="2:32">
      <c r="B3748" s="2"/>
      <c r="AF3748" s="4"/>
    </row>
    <row r="3749" spans="2:32">
      <c r="B3749" s="2"/>
      <c r="AF3749" s="4"/>
    </row>
    <row r="3750" spans="2:32">
      <c r="B3750" s="2"/>
      <c r="AF3750" s="4"/>
    </row>
    <row r="3751" spans="2:32">
      <c r="B3751" s="2"/>
      <c r="AF3751" s="4"/>
    </row>
    <row r="3752" spans="2:32">
      <c r="B3752" s="2"/>
      <c r="AF3752" s="4"/>
    </row>
    <row r="3753" spans="2:32">
      <c r="B3753" s="2"/>
      <c r="AF3753" s="4"/>
    </row>
    <row r="3754" spans="2:32">
      <c r="B3754" s="2"/>
      <c r="AF3754" s="4"/>
    </row>
    <row r="3755" spans="2:32">
      <c r="B3755" s="2"/>
      <c r="AF3755" s="4"/>
    </row>
    <row r="3756" spans="2:32">
      <c r="B3756" s="2"/>
      <c r="AF3756" s="4"/>
    </row>
    <row r="3757" spans="2:32">
      <c r="B3757" s="2"/>
      <c r="AF3757" s="4"/>
    </row>
    <row r="3758" spans="2:32">
      <c r="B3758" s="2"/>
      <c r="AF3758" s="4"/>
    </row>
    <row r="3759" spans="2:32">
      <c r="B3759" s="2"/>
      <c r="AF3759" s="4"/>
    </row>
    <row r="3760" spans="2:32">
      <c r="B3760" s="2"/>
      <c r="AF3760" s="4"/>
    </row>
    <row r="3761" spans="2:32">
      <c r="B3761" s="2"/>
      <c r="AF3761" s="4"/>
    </row>
    <row r="3762" spans="2:32">
      <c r="B3762" s="2"/>
      <c r="AF3762" s="4"/>
    </row>
    <row r="3763" spans="2:32">
      <c r="B3763" s="2"/>
      <c r="AF3763" s="4"/>
    </row>
    <row r="3764" spans="2:32">
      <c r="B3764" s="2"/>
      <c r="AF3764" s="4"/>
    </row>
    <row r="3765" spans="2:32">
      <c r="B3765" s="2"/>
      <c r="AF3765" s="4"/>
    </row>
    <row r="3766" spans="2:32">
      <c r="B3766" s="2"/>
      <c r="AF3766" s="4"/>
    </row>
    <row r="3767" spans="2:32">
      <c r="B3767" s="2"/>
      <c r="AF3767" s="4"/>
    </row>
    <row r="3768" spans="2:32">
      <c r="B3768" s="2"/>
      <c r="AF3768" s="4"/>
    </row>
    <row r="3769" spans="2:32">
      <c r="B3769" s="2"/>
      <c r="AF3769" s="4"/>
    </row>
    <row r="3770" spans="2:32">
      <c r="B3770" s="2"/>
      <c r="AF3770" s="4"/>
    </row>
    <row r="3771" spans="2:32">
      <c r="B3771" s="2"/>
      <c r="AF3771" s="4"/>
    </row>
    <row r="3772" spans="2:32">
      <c r="B3772" s="2"/>
      <c r="AF3772" s="4"/>
    </row>
    <row r="3773" spans="2:32">
      <c r="B3773" s="2"/>
      <c r="AF3773" s="4"/>
    </row>
    <row r="3774" spans="2:32">
      <c r="B3774" s="2"/>
      <c r="AF3774" s="4"/>
    </row>
    <row r="3775" spans="2:32">
      <c r="B3775" s="2"/>
      <c r="AF3775" s="4"/>
    </row>
    <row r="3776" spans="2:32">
      <c r="B3776" s="2"/>
      <c r="AF3776" s="4"/>
    </row>
    <row r="3777" spans="2:32">
      <c r="B3777" s="2"/>
      <c r="AF3777" s="4"/>
    </row>
    <row r="3778" spans="2:32">
      <c r="B3778" s="2"/>
      <c r="AF3778" s="4"/>
    </row>
    <row r="3779" spans="2:32">
      <c r="B3779" s="2"/>
      <c r="AF3779" s="4"/>
    </row>
    <row r="3780" spans="2:32">
      <c r="B3780" s="2"/>
      <c r="AF3780" s="4"/>
    </row>
    <row r="3781" spans="2:32">
      <c r="B3781" s="2"/>
      <c r="AF3781" s="4"/>
    </row>
    <row r="3782" spans="2:32">
      <c r="B3782" s="2"/>
      <c r="AF3782" s="4"/>
    </row>
    <row r="3783" spans="2:32">
      <c r="B3783" s="2"/>
      <c r="AF3783" s="4"/>
    </row>
    <row r="3784" spans="2:32">
      <c r="B3784" s="2"/>
      <c r="AF3784" s="4"/>
    </row>
    <row r="3785" spans="2:32">
      <c r="B3785" s="2"/>
      <c r="AF3785" s="4"/>
    </row>
    <row r="3786" spans="2:32">
      <c r="B3786" s="2"/>
      <c r="AF3786" s="4"/>
    </row>
    <row r="3787" spans="2:32">
      <c r="B3787" s="2"/>
      <c r="AF3787" s="4"/>
    </row>
    <row r="3788" spans="2:32">
      <c r="B3788" s="2"/>
      <c r="AF3788" s="4"/>
    </row>
    <row r="3789" spans="2:32">
      <c r="B3789" s="2"/>
      <c r="AF3789" s="4"/>
    </row>
    <row r="3790" spans="2:32">
      <c r="B3790" s="2"/>
      <c r="AF3790" s="4"/>
    </row>
    <row r="3791" spans="2:32">
      <c r="B3791" s="2"/>
      <c r="AF3791" s="4"/>
    </row>
    <row r="3792" spans="2:32">
      <c r="B3792" s="2"/>
      <c r="AF3792" s="4"/>
    </row>
    <row r="3793" spans="2:32">
      <c r="B3793" s="2"/>
      <c r="AF3793" s="4"/>
    </row>
    <row r="3794" spans="2:32">
      <c r="B3794" s="2"/>
      <c r="AF3794" s="4"/>
    </row>
    <row r="3795" spans="2:32">
      <c r="B3795" s="2"/>
      <c r="AF3795" s="4"/>
    </row>
    <row r="3796" spans="2:32">
      <c r="B3796" s="2"/>
      <c r="AF3796" s="4"/>
    </row>
    <row r="3797" spans="2:32">
      <c r="B3797" s="2"/>
      <c r="AF3797" s="4"/>
    </row>
    <row r="3798" spans="2:32">
      <c r="B3798" s="2"/>
      <c r="AF3798" s="4"/>
    </row>
    <row r="3799" spans="2:32">
      <c r="B3799" s="2"/>
      <c r="AF3799" s="4"/>
    </row>
    <row r="3800" spans="2:32">
      <c r="B3800" s="2"/>
      <c r="AF3800" s="4"/>
    </row>
    <row r="3801" spans="2:32">
      <c r="B3801" s="2"/>
      <c r="AF3801" s="4"/>
    </row>
    <row r="3802" spans="2:32">
      <c r="B3802" s="2"/>
      <c r="AF3802" s="4"/>
    </row>
    <row r="3803" spans="2:32">
      <c r="B3803" s="2"/>
      <c r="AF3803" s="4"/>
    </row>
    <row r="3804" spans="2:32">
      <c r="B3804" s="2"/>
      <c r="AF3804" s="4"/>
    </row>
    <row r="3805" spans="2:32">
      <c r="B3805" s="2"/>
      <c r="AF3805" s="4"/>
    </row>
    <row r="3806" spans="2:32">
      <c r="B3806" s="2"/>
      <c r="AF3806" s="4"/>
    </row>
    <row r="3807" spans="2:32">
      <c r="B3807" s="2"/>
      <c r="AF3807" s="4"/>
    </row>
    <row r="3808" spans="2:32">
      <c r="B3808" s="2"/>
      <c r="AF3808" s="4"/>
    </row>
    <row r="3809" spans="2:32">
      <c r="B3809" s="2"/>
      <c r="AF3809" s="4"/>
    </row>
    <row r="3810" spans="2:32">
      <c r="B3810" s="2"/>
      <c r="AF3810" s="4"/>
    </row>
    <row r="3811" spans="2:32">
      <c r="B3811" s="2"/>
      <c r="AF3811" s="4"/>
    </row>
    <row r="3812" spans="2:32">
      <c r="B3812" s="2"/>
      <c r="AF3812" s="4"/>
    </row>
    <row r="3813" spans="2:32">
      <c r="B3813" s="2"/>
      <c r="AF3813" s="4"/>
    </row>
    <row r="3814" spans="2:32">
      <c r="B3814" s="2"/>
      <c r="AF3814" s="4"/>
    </row>
    <row r="3815" spans="2:32">
      <c r="B3815" s="2"/>
      <c r="AF3815" s="4"/>
    </row>
    <row r="3816" spans="2:32">
      <c r="B3816" s="2"/>
      <c r="AF3816" s="4"/>
    </row>
    <row r="3817" spans="2:32">
      <c r="B3817" s="2"/>
      <c r="AF3817" s="4"/>
    </row>
    <row r="3818" spans="2:32">
      <c r="B3818" s="2"/>
      <c r="AF3818" s="4"/>
    </row>
    <row r="3819" spans="2:32">
      <c r="B3819" s="2"/>
      <c r="AF3819" s="4"/>
    </row>
    <row r="3820" spans="2:32">
      <c r="B3820" s="2"/>
      <c r="AF3820" s="4"/>
    </row>
    <row r="3821" spans="2:32">
      <c r="B3821" s="2"/>
      <c r="AF3821" s="4"/>
    </row>
    <row r="3822" spans="2:32">
      <c r="B3822" s="2"/>
      <c r="AF3822" s="4"/>
    </row>
    <row r="3823" spans="2:32">
      <c r="B3823" s="2"/>
      <c r="AF3823" s="4"/>
    </row>
    <row r="3824" spans="2:32">
      <c r="B3824" s="2"/>
      <c r="AF3824" s="4"/>
    </row>
    <row r="3825" spans="2:32">
      <c r="B3825" s="2"/>
      <c r="AF3825" s="4"/>
    </row>
    <row r="3826" spans="2:32">
      <c r="B3826" s="2"/>
      <c r="AF3826" s="4"/>
    </row>
    <row r="3827" spans="2:32">
      <c r="B3827" s="2"/>
      <c r="AF3827" s="4"/>
    </row>
    <row r="3828" spans="2:32">
      <c r="B3828" s="2"/>
      <c r="AF3828" s="4"/>
    </row>
    <row r="3829" spans="2:32">
      <c r="B3829" s="2"/>
      <c r="AF3829" s="4"/>
    </row>
    <row r="3830" spans="2:32">
      <c r="B3830" s="2"/>
      <c r="AF3830" s="4"/>
    </row>
    <row r="3831" spans="2:32">
      <c r="B3831" s="2"/>
      <c r="AF3831" s="4"/>
    </row>
    <row r="3832" spans="2:32">
      <c r="B3832" s="2"/>
      <c r="AF3832" s="4"/>
    </row>
    <row r="3833" spans="2:32">
      <c r="B3833" s="2"/>
      <c r="AF3833" s="4"/>
    </row>
    <row r="3834" spans="2:32">
      <c r="B3834" s="2"/>
      <c r="AF3834" s="4"/>
    </row>
    <row r="3835" spans="2:32">
      <c r="B3835" s="2"/>
      <c r="AF3835" s="4"/>
    </row>
    <row r="3836" spans="2:32">
      <c r="B3836" s="2"/>
      <c r="AF3836" s="4"/>
    </row>
    <row r="3837" spans="2:32">
      <c r="B3837" s="2"/>
      <c r="AF3837" s="4"/>
    </row>
    <row r="3838" spans="2:32">
      <c r="B3838" s="2"/>
      <c r="AF3838" s="4"/>
    </row>
    <row r="3839" spans="2:32">
      <c r="B3839" s="2"/>
      <c r="AF3839" s="4"/>
    </row>
    <row r="3840" spans="2:32">
      <c r="B3840" s="2"/>
      <c r="AF3840" s="4"/>
    </row>
    <row r="3841" spans="2:32">
      <c r="B3841" s="2"/>
      <c r="AF3841" s="4"/>
    </row>
    <row r="3842" spans="2:32">
      <c r="B3842" s="2"/>
      <c r="AF3842" s="4"/>
    </row>
    <row r="3843" spans="2:32">
      <c r="B3843" s="2"/>
      <c r="AF3843" s="4"/>
    </row>
    <row r="3844" spans="2:32">
      <c r="B3844" s="2"/>
      <c r="AF3844" s="4"/>
    </row>
    <row r="3845" spans="2:32">
      <c r="B3845" s="2"/>
      <c r="AF3845" s="4"/>
    </row>
    <row r="3846" spans="2:32">
      <c r="B3846" s="2"/>
      <c r="AF3846" s="4"/>
    </row>
    <row r="3847" spans="2:32">
      <c r="B3847" s="2"/>
      <c r="AF3847" s="4"/>
    </row>
    <row r="3848" spans="2:32">
      <c r="B3848" s="2"/>
      <c r="AF3848" s="4"/>
    </row>
    <row r="3849" spans="2:32">
      <c r="B3849" s="2"/>
      <c r="AF3849" s="4"/>
    </row>
    <row r="3850" spans="2:32">
      <c r="B3850" s="2"/>
      <c r="AF3850" s="4"/>
    </row>
    <row r="3851" spans="2:32">
      <c r="B3851" s="2"/>
      <c r="AF3851" s="4"/>
    </row>
    <row r="3852" spans="2:32">
      <c r="B3852" s="2"/>
      <c r="AF3852" s="4"/>
    </row>
    <row r="3853" spans="2:32">
      <c r="B3853" s="2"/>
      <c r="AF3853" s="4"/>
    </row>
    <row r="3854" spans="2:32">
      <c r="B3854" s="2"/>
      <c r="AF3854" s="4"/>
    </row>
    <row r="3855" spans="2:32">
      <c r="B3855" s="2"/>
      <c r="AF3855" s="4"/>
    </row>
    <row r="3856" spans="2:32">
      <c r="B3856" s="2"/>
      <c r="AF3856" s="4"/>
    </row>
    <row r="3857" spans="2:32">
      <c r="B3857" s="2"/>
      <c r="AF3857" s="4"/>
    </row>
    <row r="3858" spans="2:32">
      <c r="B3858" s="2"/>
      <c r="AF3858" s="4"/>
    </row>
    <row r="3859" spans="2:32">
      <c r="B3859" s="2"/>
      <c r="AF3859" s="4"/>
    </row>
    <row r="3860" spans="2:32">
      <c r="B3860" s="2"/>
      <c r="AF3860" s="4"/>
    </row>
    <row r="3861" spans="2:32">
      <c r="B3861" s="2"/>
      <c r="AF3861" s="4"/>
    </row>
    <row r="3862" spans="2:32">
      <c r="B3862" s="2"/>
      <c r="AF3862" s="4"/>
    </row>
    <row r="3863" spans="2:32">
      <c r="B3863" s="2"/>
      <c r="AF3863" s="4"/>
    </row>
    <row r="3864" spans="2:32">
      <c r="B3864" s="2"/>
      <c r="AF3864" s="4"/>
    </row>
    <row r="3865" spans="2:32">
      <c r="B3865" s="2"/>
      <c r="AF3865" s="4"/>
    </row>
    <row r="3866" spans="2:32">
      <c r="B3866" s="2"/>
      <c r="AF3866" s="4"/>
    </row>
    <row r="3867" spans="2:32">
      <c r="B3867" s="2"/>
      <c r="AF3867" s="4"/>
    </row>
    <row r="3868" spans="2:32">
      <c r="B3868" s="2"/>
      <c r="AF3868" s="4"/>
    </row>
    <row r="3869" spans="2:32">
      <c r="B3869" s="2"/>
      <c r="AF3869" s="4"/>
    </row>
    <row r="3870" spans="2:32">
      <c r="B3870" s="2"/>
      <c r="AF3870" s="4"/>
    </row>
    <row r="3871" spans="2:32">
      <c r="B3871" s="2"/>
      <c r="AF3871" s="4"/>
    </row>
    <row r="3872" spans="2:32">
      <c r="B3872" s="2"/>
      <c r="AF3872" s="4"/>
    </row>
    <row r="3873" spans="2:32">
      <c r="B3873" s="2"/>
      <c r="AF3873" s="4"/>
    </row>
    <row r="3874" spans="2:32">
      <c r="B3874" s="2"/>
      <c r="AF3874" s="4"/>
    </row>
    <row r="3875" spans="2:32">
      <c r="B3875" s="2"/>
      <c r="AF3875" s="4"/>
    </row>
    <row r="3876" spans="2:32">
      <c r="B3876" s="2"/>
      <c r="AF3876" s="4"/>
    </row>
    <row r="3877" spans="2:32">
      <c r="B3877" s="2"/>
      <c r="AF3877" s="4"/>
    </row>
    <row r="3878" spans="2:32">
      <c r="B3878" s="2"/>
      <c r="AF3878" s="4"/>
    </row>
    <row r="3879" spans="2:32">
      <c r="B3879" s="2"/>
      <c r="AF3879" s="4"/>
    </row>
    <row r="3880" spans="2:32">
      <c r="B3880" s="2"/>
      <c r="AF3880" s="4"/>
    </row>
    <row r="3881" spans="2:32">
      <c r="B3881" s="2"/>
      <c r="AF3881" s="4"/>
    </row>
    <row r="3882" spans="2:32">
      <c r="B3882" s="2"/>
      <c r="AF3882" s="4"/>
    </row>
    <row r="3883" spans="2:32">
      <c r="B3883" s="2"/>
      <c r="AF3883" s="4"/>
    </row>
    <row r="3884" spans="2:32">
      <c r="B3884" s="2"/>
      <c r="AF3884" s="4"/>
    </row>
    <row r="3885" spans="2:32">
      <c r="B3885" s="2"/>
      <c r="AF3885" s="4"/>
    </row>
    <row r="3886" spans="2:32">
      <c r="B3886" s="2"/>
      <c r="AF3886" s="4"/>
    </row>
    <row r="3887" spans="2:32">
      <c r="B3887" s="2"/>
      <c r="AF3887" s="4"/>
    </row>
    <row r="3888" spans="2:32">
      <c r="B3888" s="2"/>
      <c r="AF3888" s="4"/>
    </row>
    <row r="3889" spans="2:32">
      <c r="B3889" s="2"/>
      <c r="AF3889" s="4"/>
    </row>
    <row r="3890" spans="2:32">
      <c r="B3890" s="2"/>
      <c r="AF3890" s="4"/>
    </row>
    <row r="3891" spans="2:32">
      <c r="B3891" s="2"/>
      <c r="AF3891" s="4"/>
    </row>
    <row r="3892" spans="2:32">
      <c r="B3892" s="2"/>
      <c r="AF3892" s="4"/>
    </row>
    <row r="3893" spans="2:32">
      <c r="B3893" s="2"/>
      <c r="AF3893" s="4"/>
    </row>
    <row r="3894" spans="2:32">
      <c r="B3894" s="2"/>
      <c r="AF3894" s="4"/>
    </row>
    <row r="3895" spans="2:32">
      <c r="B3895" s="2"/>
      <c r="AF3895" s="4"/>
    </row>
    <row r="3896" spans="2:32">
      <c r="B3896" s="2"/>
      <c r="AF3896" s="4"/>
    </row>
    <row r="3897" spans="2:32">
      <c r="B3897" s="2"/>
      <c r="AF3897" s="4"/>
    </row>
    <row r="3898" spans="2:32">
      <c r="B3898" s="2"/>
      <c r="AF3898" s="4"/>
    </row>
    <row r="3899" spans="2:32">
      <c r="B3899" s="2"/>
      <c r="AF3899" s="4"/>
    </row>
    <row r="3900" spans="2:32">
      <c r="B3900" s="2"/>
      <c r="AF3900" s="4"/>
    </row>
    <row r="3901" spans="2:32">
      <c r="B3901" s="2"/>
      <c r="AF3901" s="4"/>
    </row>
    <row r="3902" spans="2:32">
      <c r="B3902" s="2"/>
      <c r="AF3902" s="4"/>
    </row>
    <row r="3903" spans="2:32">
      <c r="B3903" s="2"/>
      <c r="AF3903" s="4"/>
    </row>
    <row r="3904" spans="2:32">
      <c r="B3904" s="2"/>
      <c r="AF3904" s="4"/>
    </row>
    <row r="3905" spans="2:32">
      <c r="B3905" s="2"/>
      <c r="AF3905" s="4"/>
    </row>
    <row r="3906" spans="2:32">
      <c r="B3906" s="2"/>
      <c r="AF3906" s="4"/>
    </row>
    <row r="3907" spans="2:32">
      <c r="B3907" s="2"/>
      <c r="AF3907" s="4"/>
    </row>
    <row r="3908" spans="2:32">
      <c r="B3908" s="2"/>
      <c r="AF3908" s="4"/>
    </row>
    <row r="3909" spans="2:32">
      <c r="B3909" s="2"/>
      <c r="AF3909" s="4"/>
    </row>
    <row r="3910" spans="2:32">
      <c r="B3910" s="2"/>
      <c r="AF3910" s="4"/>
    </row>
    <row r="3911" spans="2:32">
      <c r="B3911" s="2"/>
      <c r="AF3911" s="4"/>
    </row>
    <row r="3912" spans="2:32">
      <c r="B3912" s="2"/>
      <c r="AF3912" s="4"/>
    </row>
    <row r="3913" spans="2:32">
      <c r="B3913" s="2"/>
      <c r="AF3913" s="4"/>
    </row>
    <row r="3914" spans="2:32">
      <c r="B3914" s="2"/>
      <c r="AF3914" s="4"/>
    </row>
    <row r="3915" spans="2:32">
      <c r="B3915" s="2"/>
      <c r="AF3915" s="4"/>
    </row>
    <row r="3916" spans="2:32">
      <c r="B3916" s="2"/>
      <c r="AF3916" s="4"/>
    </row>
    <row r="3917" spans="2:32">
      <c r="B3917" s="2"/>
      <c r="AF3917" s="4"/>
    </row>
    <row r="3918" spans="2:32">
      <c r="B3918" s="2"/>
      <c r="AF3918" s="4"/>
    </row>
    <row r="3919" spans="2:32">
      <c r="B3919" s="2"/>
      <c r="AF3919" s="4"/>
    </row>
    <row r="3920" spans="2:32">
      <c r="B3920" s="2"/>
      <c r="AF3920" s="4"/>
    </row>
    <row r="3921" spans="2:32">
      <c r="B3921" s="2"/>
      <c r="AF3921" s="4"/>
    </row>
    <row r="3922" spans="2:32">
      <c r="B3922" s="2"/>
      <c r="AF3922" s="4"/>
    </row>
    <row r="3923" spans="2:32">
      <c r="B3923" s="2"/>
      <c r="AF3923" s="4"/>
    </row>
    <row r="3924" spans="2:32">
      <c r="B3924" s="2"/>
      <c r="AF3924" s="4"/>
    </row>
    <row r="3925" spans="2:32">
      <c r="B3925" s="2"/>
      <c r="AF3925" s="4"/>
    </row>
    <row r="3926" spans="2:32">
      <c r="B3926" s="2"/>
      <c r="AF3926" s="4"/>
    </row>
    <row r="3927" spans="2:32">
      <c r="B3927" s="2"/>
      <c r="AF3927" s="4"/>
    </row>
    <row r="3928" spans="2:32">
      <c r="B3928" s="2"/>
      <c r="AF3928" s="4"/>
    </row>
    <row r="3929" spans="2:32">
      <c r="B3929" s="2"/>
      <c r="AF3929" s="4"/>
    </row>
    <row r="3930" spans="2:32">
      <c r="B3930" s="2"/>
      <c r="AF3930" s="4"/>
    </row>
    <row r="3931" spans="2:32">
      <c r="B3931" s="2"/>
      <c r="AF3931" s="4"/>
    </row>
    <row r="3932" spans="2:32">
      <c r="B3932" s="2"/>
      <c r="AF3932" s="4"/>
    </row>
    <row r="3933" spans="2:32">
      <c r="B3933" s="2"/>
      <c r="AF3933" s="4"/>
    </row>
    <row r="3934" spans="2:32">
      <c r="B3934" s="2"/>
      <c r="AF3934" s="4"/>
    </row>
    <row r="3935" spans="2:32">
      <c r="B3935" s="2"/>
      <c r="AF3935" s="4"/>
    </row>
    <row r="3936" spans="2:32">
      <c r="B3936" s="2"/>
      <c r="AF3936" s="4"/>
    </row>
    <row r="3937" spans="2:32">
      <c r="B3937" s="2"/>
      <c r="AF3937" s="4"/>
    </row>
    <row r="3938" spans="2:32">
      <c r="B3938" s="2"/>
      <c r="AF3938" s="4"/>
    </row>
    <row r="3939" spans="2:32">
      <c r="B3939" s="2"/>
      <c r="AF3939" s="4"/>
    </row>
    <row r="3940" spans="2:32">
      <c r="B3940" s="2"/>
      <c r="AF3940" s="4"/>
    </row>
    <row r="3941" spans="2:32">
      <c r="B3941" s="2"/>
      <c r="AF3941" s="4"/>
    </row>
    <row r="3942" spans="2:32">
      <c r="B3942" s="2"/>
      <c r="AF3942" s="4"/>
    </row>
    <row r="3943" spans="2:32">
      <c r="B3943" s="2"/>
      <c r="AF3943" s="4"/>
    </row>
    <row r="3944" spans="2:32">
      <c r="B3944" s="2"/>
      <c r="AF3944" s="4"/>
    </row>
    <row r="3945" spans="2:32">
      <c r="B3945" s="2"/>
      <c r="AF3945" s="4"/>
    </row>
    <row r="3946" spans="2:32">
      <c r="B3946" s="2"/>
      <c r="AF3946" s="4"/>
    </row>
    <row r="3947" spans="2:32">
      <c r="B3947" s="2"/>
      <c r="AF3947" s="4"/>
    </row>
    <row r="3948" spans="2:32">
      <c r="B3948" s="2"/>
      <c r="AF3948" s="4"/>
    </row>
    <row r="3949" spans="2:32">
      <c r="B3949" s="2"/>
      <c r="AF3949" s="4"/>
    </row>
    <row r="3950" spans="2:32">
      <c r="B3950" s="2"/>
      <c r="AF3950" s="4"/>
    </row>
    <row r="3951" spans="2:32">
      <c r="B3951" s="2"/>
      <c r="AF3951" s="4"/>
    </row>
    <row r="3952" spans="2:32">
      <c r="B3952" s="2"/>
      <c r="AF3952" s="4"/>
    </row>
    <row r="3953" spans="2:32">
      <c r="B3953" s="2"/>
      <c r="AF3953" s="4"/>
    </row>
    <row r="3954" spans="2:32">
      <c r="B3954" s="2"/>
      <c r="AF3954" s="4"/>
    </row>
    <row r="3955" spans="2:32">
      <c r="B3955" s="2"/>
      <c r="AF3955" s="4"/>
    </row>
    <row r="3956" spans="2:32">
      <c r="B3956" s="2"/>
      <c r="AF3956" s="4"/>
    </row>
    <row r="3957" spans="2:32">
      <c r="B3957" s="2"/>
      <c r="AF3957" s="4"/>
    </row>
    <row r="3958" spans="2:32">
      <c r="B3958" s="2"/>
      <c r="AF3958" s="4"/>
    </row>
    <row r="3959" spans="2:32">
      <c r="B3959" s="2"/>
      <c r="AF3959" s="4"/>
    </row>
    <row r="3960" spans="2:32">
      <c r="B3960" s="2"/>
      <c r="AF3960" s="4"/>
    </row>
    <row r="3961" spans="2:32">
      <c r="B3961" s="2"/>
      <c r="AF3961" s="4"/>
    </row>
    <row r="3962" spans="2:32">
      <c r="B3962" s="2"/>
      <c r="AF3962" s="4"/>
    </row>
    <row r="3963" spans="2:32">
      <c r="B3963" s="2"/>
      <c r="AF3963" s="4"/>
    </row>
    <row r="3964" spans="2:32">
      <c r="B3964" s="2"/>
      <c r="AF3964" s="4"/>
    </row>
    <row r="3965" spans="2:32">
      <c r="B3965" s="2"/>
      <c r="AF3965" s="4"/>
    </row>
    <row r="3966" spans="2:32">
      <c r="B3966" s="2"/>
      <c r="AF3966" s="4"/>
    </row>
    <row r="3967" spans="2:32">
      <c r="B3967" s="2"/>
      <c r="AF3967" s="4"/>
    </row>
    <row r="3968" spans="2:32">
      <c r="B3968" s="2"/>
      <c r="AF3968" s="4"/>
    </row>
    <row r="3969" spans="2:32">
      <c r="B3969" s="2"/>
      <c r="AF3969" s="4"/>
    </row>
    <row r="3970" spans="2:32">
      <c r="B3970" s="2"/>
      <c r="AF3970" s="4"/>
    </row>
    <row r="3971" spans="2:32">
      <c r="B3971" s="2"/>
      <c r="AF3971" s="4"/>
    </row>
    <row r="3972" spans="2:32">
      <c r="B3972" s="2"/>
      <c r="AF3972" s="4"/>
    </row>
    <row r="3973" spans="2:32">
      <c r="B3973" s="2"/>
      <c r="AF3973" s="4"/>
    </row>
    <row r="3974" spans="2:32">
      <c r="B3974" s="2"/>
      <c r="AF3974" s="4"/>
    </row>
    <row r="3975" spans="2:32">
      <c r="B3975" s="2"/>
      <c r="AF3975" s="4"/>
    </row>
    <row r="3976" spans="2:32">
      <c r="B3976" s="2"/>
      <c r="AF3976" s="4"/>
    </row>
    <row r="3977" spans="2:32">
      <c r="B3977" s="2"/>
      <c r="AF3977" s="4"/>
    </row>
    <row r="3978" spans="2:32">
      <c r="B3978" s="2"/>
      <c r="AF3978" s="4"/>
    </row>
    <row r="3979" spans="2:32">
      <c r="B3979" s="2"/>
      <c r="AF3979" s="4"/>
    </row>
    <row r="3980" spans="2:32">
      <c r="B3980" s="2"/>
      <c r="AF3980" s="4"/>
    </row>
    <row r="3981" spans="2:32">
      <c r="B3981" s="2"/>
      <c r="AF3981" s="4"/>
    </row>
    <row r="3982" spans="2:32">
      <c r="B3982" s="2"/>
      <c r="AF3982" s="4"/>
    </row>
    <row r="3983" spans="2:32">
      <c r="B3983" s="2"/>
      <c r="AF3983" s="4"/>
    </row>
    <row r="3984" spans="2:32">
      <c r="B3984" s="2"/>
      <c r="AF3984" s="4"/>
    </row>
    <row r="3985" spans="2:32">
      <c r="B3985" s="2"/>
      <c r="AF3985" s="4"/>
    </row>
    <row r="3986" spans="2:32">
      <c r="B3986" s="2"/>
      <c r="AF3986" s="4"/>
    </row>
    <row r="3987" spans="2:32">
      <c r="B3987" s="2"/>
      <c r="AF3987" s="4"/>
    </row>
    <row r="3988" spans="2:32">
      <c r="B3988" s="2"/>
      <c r="AF3988" s="4"/>
    </row>
    <row r="3989" spans="2:32">
      <c r="B3989" s="2"/>
      <c r="AF3989" s="4"/>
    </row>
    <row r="3990" spans="2:32">
      <c r="B3990" s="2"/>
      <c r="AF3990" s="4"/>
    </row>
    <row r="3991" spans="2:32">
      <c r="B3991" s="2"/>
      <c r="AF3991" s="4"/>
    </row>
    <row r="3992" spans="2:32">
      <c r="B3992" s="2"/>
      <c r="AF3992" s="4"/>
    </row>
    <row r="3993" spans="2:32">
      <c r="B3993" s="2"/>
      <c r="AF3993" s="4"/>
    </row>
    <row r="3994" spans="2:32">
      <c r="B3994" s="2"/>
      <c r="AF3994" s="4"/>
    </row>
    <row r="3995" spans="2:32">
      <c r="B3995" s="2"/>
      <c r="AF3995" s="4"/>
    </row>
    <row r="3996" spans="2:32">
      <c r="B3996" s="2"/>
      <c r="AF3996" s="4"/>
    </row>
    <row r="3997" spans="2:32">
      <c r="B3997" s="2"/>
      <c r="AF3997" s="4"/>
    </row>
    <row r="3998" spans="2:32">
      <c r="B3998" s="2"/>
      <c r="AF3998" s="4"/>
    </row>
    <row r="3999" spans="2:32">
      <c r="B3999" s="2"/>
      <c r="AF3999" s="4"/>
    </row>
    <row r="4000" spans="2:32">
      <c r="B4000" s="2"/>
      <c r="AF4000" s="4"/>
    </row>
    <row r="4001" spans="2:32">
      <c r="B4001" s="2"/>
      <c r="AF4001" s="4"/>
    </row>
    <row r="4002" spans="2:32">
      <c r="B4002" s="2"/>
      <c r="AF4002" s="4"/>
    </row>
    <row r="4003" spans="2:32">
      <c r="B4003" s="2"/>
      <c r="AF4003" s="4"/>
    </row>
    <row r="4004" spans="2:32">
      <c r="B4004" s="2"/>
      <c r="AF4004" s="4"/>
    </row>
    <row r="4005" spans="2:32">
      <c r="B4005" s="2"/>
      <c r="AF4005" s="4"/>
    </row>
    <row r="4006" spans="2:32">
      <c r="B4006" s="2"/>
      <c r="AF4006" s="4"/>
    </row>
    <row r="4007" spans="2:32">
      <c r="B4007" s="2"/>
      <c r="AF4007" s="4"/>
    </row>
    <row r="4008" spans="2:32">
      <c r="B4008" s="2"/>
      <c r="AF4008" s="4"/>
    </row>
    <row r="4009" spans="2:32">
      <c r="B4009" s="2"/>
      <c r="AF4009" s="4"/>
    </row>
    <row r="4010" spans="2:32">
      <c r="B4010" s="2"/>
      <c r="AF4010" s="4"/>
    </row>
    <row r="4011" spans="2:32">
      <c r="B4011" s="2"/>
      <c r="AF4011" s="4"/>
    </row>
    <row r="4012" spans="2:32">
      <c r="B4012" s="2"/>
      <c r="AF4012" s="4"/>
    </row>
    <row r="4013" spans="2:32">
      <c r="B4013" s="2"/>
      <c r="AF4013" s="4"/>
    </row>
    <row r="4014" spans="2:32">
      <c r="B4014" s="2"/>
      <c r="AF4014" s="4"/>
    </row>
    <row r="4015" spans="2:32">
      <c r="B4015" s="2"/>
      <c r="AF4015" s="4"/>
    </row>
    <row r="4016" spans="2:32">
      <c r="B4016" s="2"/>
      <c r="AF4016" s="4"/>
    </row>
    <row r="4017" spans="2:32">
      <c r="B4017" s="2"/>
      <c r="AF4017" s="4"/>
    </row>
    <row r="4018" spans="2:32">
      <c r="B4018" s="2"/>
      <c r="AF4018" s="4"/>
    </row>
    <row r="4019" spans="2:32">
      <c r="B4019" s="2"/>
      <c r="AF4019" s="4"/>
    </row>
    <row r="4020" spans="2:32">
      <c r="B4020" s="2"/>
      <c r="AF4020" s="4"/>
    </row>
    <row r="4021" spans="2:32">
      <c r="B4021" s="2"/>
      <c r="AF4021" s="4"/>
    </row>
    <row r="4022" spans="2:32">
      <c r="B4022" s="2"/>
      <c r="AF4022" s="4"/>
    </row>
    <row r="4023" spans="2:32">
      <c r="B4023" s="2"/>
      <c r="AF4023" s="4"/>
    </row>
    <row r="4024" spans="2:32">
      <c r="B4024" s="2"/>
      <c r="AF4024" s="4"/>
    </row>
    <row r="4025" spans="2:32">
      <c r="B4025" s="2"/>
      <c r="AF4025" s="4"/>
    </row>
    <row r="4026" spans="2:32">
      <c r="B4026" s="2"/>
      <c r="AF4026" s="4"/>
    </row>
    <row r="4027" spans="2:32">
      <c r="B4027" s="2"/>
      <c r="AF4027" s="4"/>
    </row>
    <row r="4028" spans="2:32">
      <c r="B4028" s="2"/>
      <c r="AF4028" s="4"/>
    </row>
    <row r="4029" spans="2:32">
      <c r="B4029" s="2"/>
      <c r="AF4029" s="4"/>
    </row>
    <row r="4030" spans="2:32">
      <c r="B4030" s="2"/>
      <c r="AF4030" s="4"/>
    </row>
    <row r="4031" spans="2:32">
      <c r="B4031" s="2"/>
      <c r="AF4031" s="4"/>
    </row>
    <row r="4032" spans="2:32">
      <c r="B4032" s="2"/>
      <c r="AF4032" s="4"/>
    </row>
    <row r="4033" spans="2:32">
      <c r="B4033" s="2"/>
      <c r="AF4033" s="4"/>
    </row>
    <row r="4034" spans="2:32">
      <c r="B4034" s="2"/>
      <c r="AF4034" s="4"/>
    </row>
    <row r="4035" spans="2:32">
      <c r="B4035" s="2"/>
      <c r="AF4035" s="4"/>
    </row>
    <row r="4036" spans="2:32">
      <c r="B4036" s="2"/>
      <c r="AF4036" s="4"/>
    </row>
    <row r="4037" spans="2:32">
      <c r="B4037" s="2"/>
      <c r="AF4037" s="4"/>
    </row>
    <row r="4038" spans="2:32">
      <c r="B4038" s="2"/>
      <c r="AF4038" s="4"/>
    </row>
    <row r="4039" spans="2:32">
      <c r="B4039" s="2"/>
      <c r="AF4039" s="4"/>
    </row>
    <row r="4040" spans="2:32">
      <c r="B4040" s="2"/>
      <c r="AF4040" s="4"/>
    </row>
    <row r="4041" spans="2:32">
      <c r="B4041" s="2"/>
      <c r="AF4041" s="4"/>
    </row>
    <row r="4042" spans="2:32">
      <c r="B4042" s="2"/>
      <c r="AF4042" s="4"/>
    </row>
    <row r="4043" spans="2:32">
      <c r="B4043" s="2"/>
      <c r="AF4043" s="4"/>
    </row>
    <row r="4044" spans="2:32">
      <c r="B4044" s="2"/>
      <c r="AF4044" s="4"/>
    </row>
    <row r="4045" spans="2:32">
      <c r="B4045" s="2"/>
      <c r="AF4045" s="4"/>
    </row>
    <row r="4046" spans="2:32">
      <c r="B4046" s="2"/>
      <c r="AF4046" s="4"/>
    </row>
    <row r="4047" spans="2:32">
      <c r="B4047" s="2"/>
      <c r="AF4047" s="4"/>
    </row>
    <row r="4048" spans="2:32">
      <c r="B4048" s="2"/>
      <c r="AF4048" s="4"/>
    </row>
    <row r="4049" spans="2:32">
      <c r="B4049" s="2"/>
      <c r="AF4049" s="4"/>
    </row>
    <row r="4050" spans="2:32">
      <c r="B4050" s="2"/>
      <c r="AF4050" s="4"/>
    </row>
    <row r="4051" spans="2:32">
      <c r="B4051" s="2"/>
      <c r="AF4051" s="4"/>
    </row>
    <row r="4052" spans="2:32">
      <c r="B4052" s="2"/>
      <c r="AF4052" s="4"/>
    </row>
    <row r="4053" spans="2:32">
      <c r="B4053" s="2"/>
      <c r="AF4053" s="4"/>
    </row>
    <row r="4054" spans="2:32">
      <c r="B4054" s="2"/>
      <c r="AF4054" s="4"/>
    </row>
    <row r="4055" spans="2:32">
      <c r="B4055" s="2"/>
      <c r="AF4055" s="4"/>
    </row>
    <row r="4056" spans="2:32">
      <c r="B4056" s="2"/>
      <c r="AF4056" s="4"/>
    </row>
    <row r="4057" spans="2:32">
      <c r="B4057" s="2"/>
      <c r="AF4057" s="4"/>
    </row>
    <row r="4058" spans="2:32">
      <c r="B4058" s="2"/>
      <c r="AF4058" s="4"/>
    </row>
    <row r="4059" spans="2:32">
      <c r="B4059" s="2"/>
      <c r="AF4059" s="4"/>
    </row>
    <row r="4060" spans="2:32">
      <c r="B4060" s="2"/>
      <c r="AF4060" s="4"/>
    </row>
    <row r="4061" spans="2:32">
      <c r="B4061" s="2"/>
      <c r="AF4061" s="4"/>
    </row>
    <row r="4062" spans="2:32">
      <c r="B4062" s="2"/>
      <c r="AF4062" s="4"/>
    </row>
    <row r="4063" spans="2:32">
      <c r="B4063" s="2"/>
      <c r="AF4063" s="4"/>
    </row>
    <row r="4064" spans="2:32">
      <c r="B4064" s="2"/>
      <c r="AF4064" s="4"/>
    </row>
    <row r="4065" spans="2:32">
      <c r="B4065" s="2"/>
      <c r="AF4065" s="4"/>
    </row>
    <row r="4066" spans="2:32">
      <c r="B4066" s="2"/>
      <c r="AF4066" s="4"/>
    </row>
    <row r="4067" spans="2:32">
      <c r="B4067" s="2"/>
      <c r="AF4067" s="4"/>
    </row>
    <row r="4068" spans="2:32">
      <c r="B4068" s="2"/>
      <c r="AF4068" s="4"/>
    </row>
    <row r="4069" spans="2:32">
      <c r="B4069" s="2"/>
      <c r="AF4069" s="4"/>
    </row>
    <row r="4070" spans="2:32">
      <c r="B4070" s="2"/>
      <c r="AF4070" s="4"/>
    </row>
    <row r="4071" spans="2:32">
      <c r="B4071" s="2"/>
      <c r="AF4071" s="4"/>
    </row>
    <row r="4072" spans="2:32">
      <c r="B4072" s="2"/>
      <c r="AF4072" s="4"/>
    </row>
    <row r="4073" spans="2:32">
      <c r="B4073" s="2"/>
      <c r="AF4073" s="4"/>
    </row>
    <row r="4074" spans="2:32">
      <c r="B4074" s="2"/>
      <c r="AF4074" s="4"/>
    </row>
    <row r="4075" spans="2:32">
      <c r="B4075" s="2"/>
      <c r="AF4075" s="4"/>
    </row>
    <row r="4076" spans="2:32">
      <c r="B4076" s="2"/>
      <c r="AF4076" s="4"/>
    </row>
    <row r="4077" spans="2:32">
      <c r="B4077" s="2"/>
      <c r="AF4077" s="4"/>
    </row>
    <row r="4078" spans="2:32">
      <c r="B4078" s="2"/>
      <c r="AF4078" s="4"/>
    </row>
    <row r="4079" spans="2:32">
      <c r="B4079" s="2"/>
      <c r="AF4079" s="4"/>
    </row>
    <row r="4080" spans="2:32">
      <c r="B4080" s="2"/>
      <c r="AF4080" s="4"/>
    </row>
    <row r="4081" spans="2:32">
      <c r="B4081" s="2"/>
      <c r="AF4081" s="4"/>
    </row>
    <row r="4082" spans="2:32">
      <c r="B4082" s="2"/>
      <c r="AF4082" s="4"/>
    </row>
    <row r="4083" spans="2:32">
      <c r="B4083" s="2"/>
      <c r="AF4083" s="4"/>
    </row>
    <row r="4084" spans="2:32">
      <c r="B4084" s="2"/>
      <c r="AF4084" s="4"/>
    </row>
    <row r="4085" spans="2:32">
      <c r="B4085" s="2"/>
      <c r="AF4085" s="4"/>
    </row>
    <row r="4086" spans="2:32">
      <c r="B4086" s="2"/>
      <c r="AF4086" s="4"/>
    </row>
    <row r="4087" spans="2:32">
      <c r="B4087" s="2"/>
      <c r="AF4087" s="4"/>
    </row>
    <row r="4088" spans="2:32">
      <c r="B4088" s="2"/>
      <c r="AF4088" s="4"/>
    </row>
    <row r="4089" spans="2:32">
      <c r="B4089" s="2"/>
      <c r="AF4089" s="4"/>
    </row>
    <row r="4090" spans="2:32">
      <c r="B4090" s="2"/>
      <c r="AF4090" s="4"/>
    </row>
    <row r="4091" spans="2:32">
      <c r="B4091" s="2"/>
      <c r="AF4091" s="4"/>
    </row>
    <row r="4092" spans="2:32">
      <c r="B4092" s="2"/>
      <c r="AF4092" s="4"/>
    </row>
    <row r="4093" spans="2:32">
      <c r="B4093" s="2"/>
      <c r="AF4093" s="4"/>
    </row>
    <row r="4094" spans="2:32">
      <c r="B4094" s="2"/>
      <c r="AF4094" s="4"/>
    </row>
    <row r="4095" spans="2:32">
      <c r="B4095" s="2"/>
      <c r="AF4095" s="4"/>
    </row>
    <row r="4096" spans="2:32">
      <c r="B4096" s="2"/>
      <c r="AF4096" s="4"/>
    </row>
    <row r="4097" spans="2:32">
      <c r="B4097" s="2"/>
      <c r="AF4097" s="4"/>
    </row>
    <row r="4098" spans="2:32">
      <c r="B4098" s="2"/>
      <c r="AF4098" s="4"/>
    </row>
    <row r="4099" spans="2:32">
      <c r="B4099" s="2"/>
      <c r="AF4099" s="4"/>
    </row>
    <row r="4100" spans="2:32">
      <c r="B4100" s="2"/>
      <c r="AF4100" s="4"/>
    </row>
    <row r="4101" spans="2:32">
      <c r="B4101" s="2"/>
      <c r="AF4101" s="4"/>
    </row>
    <row r="4102" spans="2:32">
      <c r="B4102" s="2"/>
      <c r="AF4102" s="4"/>
    </row>
    <row r="4103" spans="2:32">
      <c r="B4103" s="2"/>
      <c r="AF4103" s="4"/>
    </row>
    <row r="4104" spans="2:32">
      <c r="B4104" s="2"/>
      <c r="AF4104" s="4"/>
    </row>
    <row r="4105" spans="2:32">
      <c r="B4105" s="2"/>
      <c r="AF4105" s="4"/>
    </row>
    <row r="4106" spans="2:32">
      <c r="B4106" s="2"/>
      <c r="AF4106" s="4"/>
    </row>
    <row r="4107" spans="2:32">
      <c r="B4107" s="2"/>
      <c r="AF4107" s="4"/>
    </row>
    <row r="4108" spans="2:32">
      <c r="B4108" s="2"/>
      <c r="AF4108" s="4"/>
    </row>
    <row r="4109" spans="2:32">
      <c r="B4109" s="2"/>
      <c r="AF4109" s="4"/>
    </row>
    <row r="4110" spans="2:32">
      <c r="B4110" s="2"/>
      <c r="AF4110" s="4"/>
    </row>
    <row r="4111" spans="2:32">
      <c r="B4111" s="2"/>
      <c r="AF4111" s="4"/>
    </row>
    <row r="4112" spans="2:32">
      <c r="B4112" s="2"/>
      <c r="AF4112" s="4"/>
    </row>
    <row r="4113" spans="2:32">
      <c r="B4113" s="2"/>
      <c r="AF4113" s="4"/>
    </row>
    <row r="4114" spans="2:32">
      <c r="B4114" s="2"/>
      <c r="AF4114" s="4"/>
    </row>
    <row r="4115" spans="2:32">
      <c r="B4115" s="2"/>
      <c r="AF4115" s="4"/>
    </row>
    <row r="4116" spans="2:32">
      <c r="B4116" s="2"/>
      <c r="AF4116" s="4"/>
    </row>
    <row r="4117" spans="2:32">
      <c r="B4117" s="2"/>
      <c r="AF4117" s="4"/>
    </row>
    <row r="4118" spans="2:32">
      <c r="B4118" s="2"/>
      <c r="AF4118" s="4"/>
    </row>
    <row r="4119" spans="2:32">
      <c r="B4119" s="2"/>
      <c r="AF4119" s="4"/>
    </row>
    <row r="4120" spans="2:32">
      <c r="B4120" s="2"/>
      <c r="AF4120" s="4"/>
    </row>
    <row r="4121" spans="2:32">
      <c r="B4121" s="2"/>
      <c r="AF4121" s="4"/>
    </row>
    <row r="4122" spans="2:32">
      <c r="B4122" s="2"/>
      <c r="AF4122" s="4"/>
    </row>
    <row r="4123" spans="2:32">
      <c r="B4123" s="2"/>
      <c r="AF4123" s="4"/>
    </row>
    <row r="4124" spans="2:32">
      <c r="B4124" s="2"/>
      <c r="AF4124" s="4"/>
    </row>
    <row r="4125" spans="2:32">
      <c r="B4125" s="2"/>
      <c r="AF4125" s="4"/>
    </row>
    <row r="4126" spans="2:32">
      <c r="B4126" s="2"/>
      <c r="AF4126" s="4"/>
    </row>
    <row r="4127" spans="2:32">
      <c r="B4127" s="2"/>
      <c r="AF4127" s="4"/>
    </row>
    <row r="4128" spans="2:32">
      <c r="B4128" s="2"/>
      <c r="AF4128" s="4"/>
    </row>
    <row r="4129" spans="2:32">
      <c r="B4129" s="2"/>
      <c r="AF4129" s="4"/>
    </row>
    <row r="4130" spans="2:32">
      <c r="B4130" s="2"/>
      <c r="AF4130" s="4"/>
    </row>
    <row r="4131" spans="2:32">
      <c r="B4131" s="2"/>
      <c r="AF4131" s="4"/>
    </row>
    <row r="4132" spans="2:32">
      <c r="B4132" s="2"/>
      <c r="AF4132" s="4"/>
    </row>
    <row r="4133" spans="2:32">
      <c r="B4133" s="2"/>
      <c r="AF4133" s="4"/>
    </row>
    <row r="4134" spans="2:32">
      <c r="B4134" s="2"/>
      <c r="AF4134" s="4"/>
    </row>
    <row r="4135" spans="2:32">
      <c r="B4135" s="2"/>
      <c r="AF4135" s="4"/>
    </row>
    <row r="4136" spans="2:32">
      <c r="B4136" s="2"/>
      <c r="AF4136" s="4"/>
    </row>
    <row r="4137" spans="2:32">
      <c r="B4137" s="2"/>
      <c r="AF4137" s="4"/>
    </row>
    <row r="4138" spans="2:32">
      <c r="B4138" s="2"/>
      <c r="AF4138" s="4"/>
    </row>
    <row r="4139" spans="2:32">
      <c r="B4139" s="2"/>
      <c r="AF4139" s="4"/>
    </row>
    <row r="4140" spans="2:32">
      <c r="B4140" s="2"/>
      <c r="AF4140" s="4"/>
    </row>
    <row r="4141" spans="2:32">
      <c r="B4141" s="2"/>
      <c r="AF4141" s="4"/>
    </row>
    <row r="4142" spans="2:32">
      <c r="B4142" s="2"/>
      <c r="AF4142" s="4"/>
    </row>
    <row r="4143" spans="2:32">
      <c r="B4143" s="2"/>
      <c r="AF4143" s="4"/>
    </row>
    <row r="4144" spans="2:32">
      <c r="B4144" s="2"/>
      <c r="AF4144" s="4"/>
    </row>
    <row r="4145" spans="2:32">
      <c r="B4145" s="2"/>
      <c r="AF4145" s="4"/>
    </row>
    <row r="4146" spans="2:32">
      <c r="B4146" s="2"/>
      <c r="AF4146" s="4"/>
    </row>
    <row r="4147" spans="2:32">
      <c r="B4147" s="2"/>
      <c r="AF4147" s="4"/>
    </row>
    <row r="4148" spans="2:32">
      <c r="B4148" s="2"/>
      <c r="AF4148" s="4"/>
    </row>
    <row r="4149" spans="2:32">
      <c r="B4149" s="2"/>
      <c r="AF4149" s="4"/>
    </row>
    <row r="4150" spans="2:32">
      <c r="B4150" s="2"/>
      <c r="AF4150" s="4"/>
    </row>
    <row r="4151" spans="2:32">
      <c r="B4151" s="2"/>
      <c r="AF4151" s="4"/>
    </row>
    <row r="4152" spans="2:32">
      <c r="B4152" s="2"/>
      <c r="AF4152" s="4"/>
    </row>
    <row r="4153" spans="2:32">
      <c r="B4153" s="2"/>
      <c r="AF4153" s="4"/>
    </row>
    <row r="4154" spans="2:32">
      <c r="B4154" s="2"/>
      <c r="AF4154" s="4"/>
    </row>
    <row r="4155" spans="2:32">
      <c r="B4155" s="2"/>
      <c r="AF4155" s="4"/>
    </row>
    <row r="4156" spans="2:32">
      <c r="B4156" s="2"/>
      <c r="AF4156" s="4"/>
    </row>
    <row r="4157" spans="2:32">
      <c r="B4157" s="2"/>
      <c r="AF4157" s="4"/>
    </row>
    <row r="4158" spans="2:32">
      <c r="B4158" s="2"/>
      <c r="AF4158" s="4"/>
    </row>
    <row r="4159" spans="2:32">
      <c r="B4159" s="2"/>
      <c r="AF4159" s="4"/>
    </row>
    <row r="4160" spans="2:32">
      <c r="B4160" s="2"/>
      <c r="AF4160" s="4"/>
    </row>
    <row r="4161" spans="2:32">
      <c r="B4161" s="2"/>
      <c r="AF4161" s="4"/>
    </row>
    <row r="4162" spans="2:32">
      <c r="B4162" s="2"/>
      <c r="AF4162" s="4"/>
    </row>
    <row r="4163" spans="2:32">
      <c r="B4163" s="2"/>
      <c r="AF4163" s="4"/>
    </row>
    <row r="4164" spans="2:32">
      <c r="B4164" s="2"/>
      <c r="AF4164" s="4"/>
    </row>
    <row r="4165" spans="2:32">
      <c r="B4165" s="2"/>
      <c r="AF4165" s="4"/>
    </row>
    <row r="4166" spans="2:32">
      <c r="B4166" s="2"/>
      <c r="AF4166" s="4"/>
    </row>
    <row r="4167" spans="2:32">
      <c r="B4167" s="2"/>
      <c r="AF4167" s="4"/>
    </row>
    <row r="4168" spans="2:32">
      <c r="B4168" s="2"/>
      <c r="AF4168" s="4"/>
    </row>
    <row r="4169" spans="2:32">
      <c r="B4169" s="2"/>
      <c r="AF4169" s="4"/>
    </row>
    <row r="4170" spans="2:32">
      <c r="B4170" s="2"/>
      <c r="AF4170" s="4"/>
    </row>
    <row r="4171" spans="2:32">
      <c r="B4171" s="2"/>
      <c r="AF4171" s="4"/>
    </row>
    <row r="4172" spans="2:32">
      <c r="B4172" s="2"/>
      <c r="AF4172" s="4"/>
    </row>
    <row r="4173" spans="2:32">
      <c r="B4173" s="2"/>
      <c r="AF4173" s="4"/>
    </row>
    <row r="4174" spans="2:32">
      <c r="B4174" s="2"/>
      <c r="AF4174" s="4"/>
    </row>
    <row r="4175" spans="2:32">
      <c r="B4175" s="2"/>
      <c r="AF4175" s="4"/>
    </row>
    <row r="4176" spans="2:32">
      <c r="B4176" s="2"/>
      <c r="AF4176" s="4"/>
    </row>
    <row r="4177" spans="2:32">
      <c r="B4177" s="2"/>
      <c r="AF4177" s="4"/>
    </row>
    <row r="4178" spans="2:32">
      <c r="B4178" s="2"/>
      <c r="AF4178" s="4"/>
    </row>
    <row r="4179" spans="2:32">
      <c r="B4179" s="2"/>
      <c r="AF4179" s="4"/>
    </row>
    <row r="4180" spans="2:32">
      <c r="B4180" s="2"/>
      <c r="AF4180" s="4"/>
    </row>
    <row r="4181" spans="2:32">
      <c r="B4181" s="2"/>
      <c r="AF4181" s="4"/>
    </row>
    <row r="4182" spans="2:32">
      <c r="B4182" s="2"/>
      <c r="AF4182" s="4"/>
    </row>
    <row r="4183" spans="2:32">
      <c r="B4183" s="2"/>
      <c r="AF4183" s="4"/>
    </row>
    <row r="4184" spans="2:32">
      <c r="B4184" s="2"/>
      <c r="AF4184" s="4"/>
    </row>
    <row r="4185" spans="2:32">
      <c r="B4185" s="2"/>
      <c r="AF4185" s="4"/>
    </row>
    <row r="4186" spans="2:32">
      <c r="B4186" s="2"/>
      <c r="AF4186" s="4"/>
    </row>
    <row r="4187" spans="2:32">
      <c r="B4187" s="2"/>
      <c r="AF4187" s="4"/>
    </row>
    <row r="4188" spans="2:32">
      <c r="B4188" s="2"/>
      <c r="AF4188" s="4"/>
    </row>
    <row r="4189" spans="2:32">
      <c r="B4189" s="2"/>
      <c r="AF4189" s="4"/>
    </row>
    <row r="4190" spans="2:32">
      <c r="B4190" s="2"/>
      <c r="AF4190" s="4"/>
    </row>
    <row r="4191" spans="2:32">
      <c r="B4191" s="2"/>
      <c r="AF4191" s="4"/>
    </row>
    <row r="4192" spans="2:32">
      <c r="B4192" s="2"/>
      <c r="AF4192" s="4"/>
    </row>
    <row r="4193" spans="2:32">
      <c r="B4193" s="2"/>
      <c r="AF4193" s="4"/>
    </row>
    <row r="4194" spans="2:32">
      <c r="B4194" s="2"/>
      <c r="AF4194" s="4"/>
    </row>
    <row r="4195" spans="2:32">
      <c r="B4195" s="2"/>
      <c r="AF4195" s="4"/>
    </row>
    <row r="4196" spans="2:32">
      <c r="B4196" s="2"/>
      <c r="AF4196" s="4"/>
    </row>
    <row r="4197" spans="2:32">
      <c r="B4197" s="2"/>
      <c r="AF4197" s="4"/>
    </row>
    <row r="4198" spans="2:32">
      <c r="B4198" s="2"/>
      <c r="AF4198" s="4"/>
    </row>
    <row r="4199" spans="2:32">
      <c r="B4199" s="2"/>
      <c r="AF4199" s="4"/>
    </row>
    <row r="4200" spans="2:32">
      <c r="B4200" s="2"/>
      <c r="AF4200" s="4"/>
    </row>
    <row r="4201" spans="2:32">
      <c r="B4201" s="2"/>
      <c r="AF4201" s="4"/>
    </row>
    <row r="4202" spans="2:32">
      <c r="B4202" s="2"/>
      <c r="AF4202" s="4"/>
    </row>
    <row r="4203" spans="2:32">
      <c r="B4203" s="2"/>
      <c r="AF4203" s="4"/>
    </row>
    <row r="4204" spans="2:32">
      <c r="B4204" s="2"/>
      <c r="AF4204" s="4"/>
    </row>
    <row r="4205" spans="2:32">
      <c r="B4205" s="2"/>
      <c r="AF4205" s="4"/>
    </row>
    <row r="4206" spans="2:32">
      <c r="B4206" s="2"/>
      <c r="AF4206" s="4"/>
    </row>
    <row r="4207" spans="2:32">
      <c r="B4207" s="2"/>
      <c r="AF4207" s="4"/>
    </row>
    <row r="4208" spans="2:32">
      <c r="B4208" s="2"/>
      <c r="AF4208" s="4"/>
    </row>
    <row r="4209" spans="2:32">
      <c r="B4209" s="2"/>
      <c r="AF4209" s="4"/>
    </row>
    <row r="4210" spans="2:32">
      <c r="B4210" s="2"/>
      <c r="AF4210" s="4"/>
    </row>
    <row r="4211" spans="2:32">
      <c r="B4211" s="2"/>
      <c r="AF4211" s="4"/>
    </row>
    <row r="4212" spans="2:32">
      <c r="B4212" s="2"/>
      <c r="AF4212" s="4"/>
    </row>
    <row r="4213" spans="2:32">
      <c r="B4213" s="2"/>
      <c r="AF4213" s="4"/>
    </row>
    <row r="4214" spans="2:32">
      <c r="B4214" s="2"/>
      <c r="AF4214" s="4"/>
    </row>
    <row r="4215" spans="2:32">
      <c r="B4215" s="2"/>
      <c r="AF4215" s="4"/>
    </row>
    <row r="4216" spans="2:32">
      <c r="B4216" s="2"/>
      <c r="AF4216" s="4"/>
    </row>
    <row r="4217" spans="2:32">
      <c r="B4217" s="2"/>
      <c r="AF4217" s="4"/>
    </row>
    <row r="4218" spans="2:32">
      <c r="B4218" s="2"/>
      <c r="AF4218" s="4"/>
    </row>
    <row r="4219" spans="2:32">
      <c r="B4219" s="2"/>
      <c r="AF4219" s="4"/>
    </row>
    <row r="4220" spans="2:32">
      <c r="B4220" s="2"/>
      <c r="AF4220" s="4"/>
    </row>
    <row r="4221" spans="2:32">
      <c r="B4221" s="2"/>
      <c r="AF4221" s="4"/>
    </row>
    <row r="4222" spans="2:32">
      <c r="B4222" s="2"/>
      <c r="AF4222" s="4"/>
    </row>
    <row r="4223" spans="2:32">
      <c r="B4223" s="2"/>
      <c r="AF4223" s="4"/>
    </row>
    <row r="4224" spans="2:32">
      <c r="B4224" s="2"/>
      <c r="AF4224" s="4"/>
    </row>
    <row r="4225" spans="2:32">
      <c r="B4225" s="2"/>
      <c r="AF4225" s="4"/>
    </row>
    <row r="4226" spans="2:32">
      <c r="B4226" s="2"/>
      <c r="AF4226" s="4"/>
    </row>
    <row r="4227" spans="2:32">
      <c r="B4227" s="2"/>
      <c r="AF4227" s="4"/>
    </row>
    <row r="4228" spans="2:32">
      <c r="B4228" s="2"/>
      <c r="AF4228" s="4"/>
    </row>
    <row r="4229" spans="2:32">
      <c r="B4229" s="2"/>
      <c r="AF4229" s="4"/>
    </row>
    <row r="4230" spans="2:32">
      <c r="B4230" s="2"/>
      <c r="AF4230" s="4"/>
    </row>
    <row r="4231" spans="2:32">
      <c r="B4231" s="2"/>
      <c r="AF4231" s="4"/>
    </row>
    <row r="4232" spans="2:32">
      <c r="B4232" s="2"/>
      <c r="AF4232" s="4"/>
    </row>
    <row r="4233" spans="2:32">
      <c r="B4233" s="2"/>
      <c r="AF4233" s="4"/>
    </row>
    <row r="4234" spans="2:32">
      <c r="B4234" s="2"/>
      <c r="AF4234" s="4"/>
    </row>
    <row r="4235" spans="2:32">
      <c r="B4235" s="2"/>
      <c r="AF4235" s="4"/>
    </row>
    <row r="4236" spans="2:32">
      <c r="B4236" s="2"/>
      <c r="AF4236" s="4"/>
    </row>
    <row r="4237" spans="2:32">
      <c r="B4237" s="2"/>
      <c r="AF4237" s="4"/>
    </row>
    <row r="4238" spans="2:32">
      <c r="B4238" s="2"/>
      <c r="AF4238" s="4"/>
    </row>
    <row r="4239" spans="2:32">
      <c r="B4239" s="2"/>
      <c r="AF4239" s="4"/>
    </row>
    <row r="4240" spans="2:32">
      <c r="B4240" s="2"/>
      <c r="AF4240" s="4"/>
    </row>
    <row r="4241" spans="2:32">
      <c r="B4241" s="2"/>
      <c r="AF4241" s="4"/>
    </row>
    <row r="4242" spans="2:32">
      <c r="B4242" s="2"/>
      <c r="AF4242" s="4"/>
    </row>
    <row r="4243" spans="2:32">
      <c r="B4243" s="2"/>
      <c r="AF4243" s="4"/>
    </row>
    <row r="4244" spans="2:32">
      <c r="B4244" s="2"/>
      <c r="AF4244" s="4"/>
    </row>
    <row r="4245" spans="2:32">
      <c r="B4245" s="2"/>
      <c r="AF4245" s="4"/>
    </row>
    <row r="4246" spans="2:32">
      <c r="B4246" s="2"/>
      <c r="AF4246" s="4"/>
    </row>
    <row r="4247" spans="2:32">
      <c r="B4247" s="2"/>
      <c r="AF4247" s="4"/>
    </row>
    <row r="4248" spans="2:32">
      <c r="B4248" s="2"/>
      <c r="AF4248" s="4"/>
    </row>
    <row r="4249" spans="2:32">
      <c r="B4249" s="2"/>
      <c r="AF4249" s="4"/>
    </row>
    <row r="4250" spans="2:32">
      <c r="B4250" s="2"/>
      <c r="AF4250" s="4"/>
    </row>
    <row r="4251" spans="2:32">
      <c r="B4251" s="2"/>
      <c r="AF4251" s="4"/>
    </row>
    <row r="4252" spans="2:32">
      <c r="B4252" s="2"/>
      <c r="AF4252" s="4"/>
    </row>
    <row r="4253" spans="2:32">
      <c r="B4253" s="2"/>
      <c r="AF4253" s="4"/>
    </row>
    <row r="4254" spans="2:32">
      <c r="B4254" s="2"/>
      <c r="AF4254" s="4"/>
    </row>
    <row r="4255" spans="2:32">
      <c r="B4255" s="2"/>
      <c r="AF4255" s="4"/>
    </row>
    <row r="4256" spans="2:32">
      <c r="B4256" s="2"/>
      <c r="AF4256" s="4"/>
    </row>
    <row r="4257" spans="2:32">
      <c r="B4257" s="2"/>
      <c r="AF4257" s="4"/>
    </row>
    <row r="4258" spans="2:32">
      <c r="B4258" s="2"/>
      <c r="AF4258" s="4"/>
    </row>
    <row r="4259" spans="2:32">
      <c r="B4259" s="2"/>
      <c r="AF4259" s="4"/>
    </row>
    <row r="4260" spans="2:32">
      <c r="B4260" s="2"/>
      <c r="AF4260" s="4"/>
    </row>
    <row r="4261" spans="2:32">
      <c r="B4261" s="2"/>
      <c r="AF4261" s="4"/>
    </row>
    <row r="4262" spans="2:32">
      <c r="B4262" s="2"/>
      <c r="AF4262" s="4"/>
    </row>
    <row r="4263" spans="2:32">
      <c r="B4263" s="2"/>
      <c r="AF4263" s="4"/>
    </row>
    <row r="4264" spans="2:32">
      <c r="B4264" s="2"/>
      <c r="AF4264" s="4"/>
    </row>
    <row r="4265" spans="2:32">
      <c r="B4265" s="2"/>
      <c r="AF4265" s="4"/>
    </row>
    <row r="4266" spans="2:32">
      <c r="B4266" s="2"/>
      <c r="AF4266" s="4"/>
    </row>
    <row r="4267" spans="2:32">
      <c r="B4267" s="2"/>
      <c r="AF4267" s="4"/>
    </row>
    <row r="4268" spans="2:32">
      <c r="B4268" s="2"/>
      <c r="AF4268" s="4"/>
    </row>
    <row r="4269" spans="2:32">
      <c r="B4269" s="2"/>
      <c r="AF4269" s="4"/>
    </row>
    <row r="4270" spans="2:32">
      <c r="B4270" s="2"/>
      <c r="AF4270" s="4"/>
    </row>
    <row r="4271" spans="2:32">
      <c r="B4271" s="2"/>
      <c r="AF4271" s="4"/>
    </row>
    <row r="4272" spans="2:32">
      <c r="B4272" s="2"/>
      <c r="AF4272" s="4"/>
    </row>
    <row r="4273" spans="2:32">
      <c r="B4273" s="2"/>
      <c r="AF4273" s="4"/>
    </row>
    <row r="4274" spans="2:32">
      <c r="B4274" s="2"/>
      <c r="AF4274" s="4"/>
    </row>
    <row r="4275" spans="2:32">
      <c r="B4275" s="2"/>
      <c r="AF4275" s="4"/>
    </row>
    <row r="4276" spans="2:32">
      <c r="B4276" s="2"/>
      <c r="AF4276" s="4"/>
    </row>
    <row r="4277" spans="2:32">
      <c r="B4277" s="2"/>
      <c r="AF4277" s="4"/>
    </row>
    <row r="4278" spans="2:32">
      <c r="B4278" s="2"/>
      <c r="AF4278" s="4"/>
    </row>
    <row r="4279" spans="2:32">
      <c r="B4279" s="2"/>
      <c r="AF4279" s="4"/>
    </row>
    <row r="4280" spans="2:32">
      <c r="B4280" s="2"/>
      <c r="AF4280" s="4"/>
    </row>
    <row r="4281" spans="2:32">
      <c r="B4281" s="2"/>
      <c r="AF4281" s="4"/>
    </row>
    <row r="4282" spans="2:32">
      <c r="B4282" s="2"/>
      <c r="AF4282" s="4"/>
    </row>
    <row r="4283" spans="2:32">
      <c r="B4283" s="2"/>
      <c r="AF4283" s="4"/>
    </row>
    <row r="4284" spans="2:32">
      <c r="B4284" s="2"/>
      <c r="AF4284" s="4"/>
    </row>
    <row r="4285" spans="2:32">
      <c r="B4285" s="2"/>
      <c r="AF4285" s="4"/>
    </row>
    <row r="4286" spans="2:32">
      <c r="B4286" s="2"/>
      <c r="AF4286" s="4"/>
    </row>
    <row r="4287" spans="2:32">
      <c r="B4287" s="2"/>
      <c r="AF4287" s="4"/>
    </row>
    <row r="4288" spans="2:32">
      <c r="B4288" s="2"/>
      <c r="AF4288" s="4"/>
    </row>
    <row r="4289" spans="2:32">
      <c r="B4289" s="2"/>
      <c r="AF4289" s="4"/>
    </row>
    <row r="4290" spans="2:32">
      <c r="B4290" s="2"/>
      <c r="AF4290" s="4"/>
    </row>
    <row r="4291" spans="2:32">
      <c r="B4291" s="2"/>
      <c r="AF4291" s="4"/>
    </row>
    <row r="4292" spans="2:32">
      <c r="B4292" s="2"/>
      <c r="AF4292" s="4"/>
    </row>
    <row r="4293" spans="2:32">
      <c r="B4293" s="2"/>
      <c r="AF4293" s="4"/>
    </row>
    <row r="4294" spans="2:32">
      <c r="B4294" s="2"/>
      <c r="AF4294" s="4"/>
    </row>
    <row r="4295" spans="2:32">
      <c r="B4295" s="2"/>
      <c r="AF4295" s="4"/>
    </row>
    <row r="4296" spans="2:32">
      <c r="B4296" s="2"/>
      <c r="AF4296" s="4"/>
    </row>
    <row r="4297" spans="2:32">
      <c r="B4297" s="2"/>
      <c r="AF4297" s="4"/>
    </row>
    <row r="4298" spans="2:32">
      <c r="B4298" s="2"/>
      <c r="AF4298" s="4"/>
    </row>
    <row r="4299" spans="2:32">
      <c r="B4299" s="2"/>
      <c r="AF4299" s="4"/>
    </row>
    <row r="4300" spans="2:32">
      <c r="B4300" s="2"/>
      <c r="AF4300" s="4"/>
    </row>
    <row r="4301" spans="2:32">
      <c r="B4301" s="2"/>
      <c r="AF4301" s="4"/>
    </row>
    <row r="4302" spans="2:32">
      <c r="B4302" s="2"/>
      <c r="AF4302" s="4"/>
    </row>
    <row r="4303" spans="2:32">
      <c r="B4303" s="2"/>
      <c r="AF4303" s="4"/>
    </row>
    <row r="4304" spans="2:32">
      <c r="B4304" s="2"/>
      <c r="AF4304" s="4"/>
    </row>
    <row r="4305" spans="2:32">
      <c r="B4305" s="2"/>
      <c r="AF4305" s="4"/>
    </row>
    <row r="4306" spans="2:32">
      <c r="B4306" s="2"/>
      <c r="AF4306" s="4"/>
    </row>
    <row r="4307" spans="2:32">
      <c r="B4307" s="2"/>
      <c r="AF4307" s="4"/>
    </row>
    <row r="4308" spans="2:32">
      <c r="B4308" s="2"/>
      <c r="AF4308" s="4"/>
    </row>
    <row r="4309" spans="2:32">
      <c r="B4309" s="2"/>
      <c r="AF4309" s="4"/>
    </row>
    <row r="4310" spans="2:32">
      <c r="B4310" s="2"/>
      <c r="AF4310" s="4"/>
    </row>
    <row r="4311" spans="2:32">
      <c r="B4311" s="2"/>
      <c r="AF4311" s="4"/>
    </row>
    <row r="4312" spans="2:32">
      <c r="B4312" s="2"/>
      <c r="AF4312" s="4"/>
    </row>
    <row r="4313" spans="2:32">
      <c r="B4313" s="2"/>
      <c r="AF4313" s="4"/>
    </row>
    <row r="4314" spans="2:32">
      <c r="B4314" s="2"/>
      <c r="AF4314" s="4"/>
    </row>
    <row r="4315" spans="2:32">
      <c r="B4315" s="2"/>
      <c r="AF4315" s="4"/>
    </row>
    <row r="4316" spans="2:32">
      <c r="B4316" s="2"/>
      <c r="AF4316" s="4"/>
    </row>
    <row r="4317" spans="2:32">
      <c r="B4317" s="2"/>
      <c r="AF4317" s="4"/>
    </row>
    <row r="4318" spans="2:32">
      <c r="B4318" s="2"/>
      <c r="AF4318" s="4"/>
    </row>
    <row r="4319" spans="2:32">
      <c r="B4319" s="2"/>
      <c r="AF4319" s="4"/>
    </row>
    <row r="4320" spans="2:32">
      <c r="B4320" s="2"/>
      <c r="AF4320" s="4"/>
    </row>
    <row r="4321" spans="2:32">
      <c r="B4321" s="2"/>
      <c r="AF4321" s="4"/>
    </row>
    <row r="4322" spans="2:32">
      <c r="B4322" s="2"/>
      <c r="AF4322" s="4"/>
    </row>
    <row r="4323" spans="2:32">
      <c r="B4323" s="2"/>
      <c r="AF4323" s="4"/>
    </row>
    <row r="4324" spans="2:32">
      <c r="B4324" s="2"/>
      <c r="AF4324" s="4"/>
    </row>
    <row r="4325" spans="2:32">
      <c r="B4325" s="2"/>
      <c r="AF4325" s="4"/>
    </row>
    <row r="4326" spans="2:32">
      <c r="B4326" s="2"/>
      <c r="AF4326" s="4"/>
    </row>
    <row r="4327" spans="2:32">
      <c r="B4327" s="2"/>
      <c r="AF4327" s="4"/>
    </row>
    <row r="4328" spans="2:32">
      <c r="B4328" s="2"/>
      <c r="AF4328" s="4"/>
    </row>
    <row r="4329" spans="2:32">
      <c r="B4329" s="2"/>
      <c r="AF4329" s="4"/>
    </row>
    <row r="4330" spans="2:32">
      <c r="B4330" s="2"/>
      <c r="AF4330" s="4"/>
    </row>
    <row r="4331" spans="2:32">
      <c r="B4331" s="2"/>
      <c r="AF4331" s="4"/>
    </row>
    <row r="4332" spans="2:32">
      <c r="B4332" s="2"/>
      <c r="AF4332" s="4"/>
    </row>
    <row r="4333" spans="2:32">
      <c r="B4333" s="2"/>
      <c r="AF4333" s="4"/>
    </row>
    <row r="4334" spans="2:32">
      <c r="B4334" s="2"/>
      <c r="AF4334" s="4"/>
    </row>
    <row r="4335" spans="2:32">
      <c r="B4335" s="2"/>
      <c r="AF4335" s="4"/>
    </row>
    <row r="4336" spans="2:32">
      <c r="B4336" s="2"/>
      <c r="AF4336" s="4"/>
    </row>
    <row r="4337" spans="2:32">
      <c r="B4337" s="2"/>
      <c r="AF4337" s="4"/>
    </row>
    <row r="4338" spans="2:32">
      <c r="B4338" s="2"/>
      <c r="AF4338" s="4"/>
    </row>
    <row r="4339" spans="2:32">
      <c r="B4339" s="2"/>
      <c r="AF4339" s="4"/>
    </row>
    <row r="4340" spans="2:32">
      <c r="B4340" s="2"/>
      <c r="AF4340" s="4"/>
    </row>
    <row r="4341" spans="2:32">
      <c r="B4341" s="2"/>
      <c r="AF4341" s="4"/>
    </row>
    <row r="4342" spans="2:32">
      <c r="B4342" s="2"/>
      <c r="AF4342" s="4"/>
    </row>
    <row r="4343" spans="2:32">
      <c r="B4343" s="2"/>
      <c r="AF4343" s="4"/>
    </row>
    <row r="4344" spans="2:32">
      <c r="B4344" s="2"/>
      <c r="AF4344" s="4"/>
    </row>
    <row r="4345" spans="2:32">
      <c r="B4345" s="2"/>
      <c r="AF4345" s="4"/>
    </row>
    <row r="4346" spans="2:32">
      <c r="B4346" s="2"/>
      <c r="AF4346" s="4"/>
    </row>
    <row r="4347" spans="2:32">
      <c r="B4347" s="2"/>
      <c r="AF4347" s="4"/>
    </row>
    <row r="4348" spans="2:32">
      <c r="B4348" s="2"/>
      <c r="AF4348" s="4"/>
    </row>
    <row r="4349" spans="2:32">
      <c r="B4349" s="2"/>
      <c r="AF4349" s="4"/>
    </row>
    <row r="4350" spans="2:32">
      <c r="B4350" s="2"/>
      <c r="AF4350" s="4"/>
    </row>
    <row r="4351" spans="2:32">
      <c r="B4351" s="2"/>
      <c r="AF4351" s="4"/>
    </row>
    <row r="4352" spans="2:32">
      <c r="B4352" s="2"/>
      <c r="AF4352" s="4"/>
    </row>
    <row r="4353" spans="2:32">
      <c r="B4353" s="2"/>
      <c r="AF4353" s="4"/>
    </row>
    <row r="4354" spans="2:32">
      <c r="B4354" s="2"/>
      <c r="AF4354" s="4"/>
    </row>
    <row r="4355" spans="2:32">
      <c r="B4355" s="2"/>
      <c r="AF4355" s="4"/>
    </row>
    <row r="4356" spans="2:32">
      <c r="B4356" s="2"/>
      <c r="AF4356" s="4"/>
    </row>
    <row r="4357" spans="2:32">
      <c r="B4357" s="2"/>
      <c r="AF4357" s="4"/>
    </row>
    <row r="4358" spans="2:32">
      <c r="B4358" s="2"/>
      <c r="AF4358" s="4"/>
    </row>
    <row r="4359" spans="2:32">
      <c r="B4359" s="2"/>
      <c r="AF4359" s="4"/>
    </row>
    <row r="4360" spans="2:32">
      <c r="B4360" s="2"/>
      <c r="AF4360" s="4"/>
    </row>
    <row r="4361" spans="2:32">
      <c r="B4361" s="2"/>
      <c r="AF4361" s="4"/>
    </row>
    <row r="4362" spans="2:32">
      <c r="B4362" s="2"/>
      <c r="AF4362" s="4"/>
    </row>
    <row r="4363" spans="2:32">
      <c r="B4363" s="2"/>
      <c r="AF4363" s="4"/>
    </row>
    <row r="4364" spans="2:32">
      <c r="B4364" s="2"/>
      <c r="AF4364" s="4"/>
    </row>
    <row r="4365" spans="2:32">
      <c r="B4365" s="2"/>
      <c r="AF4365" s="4"/>
    </row>
    <row r="4366" spans="2:32">
      <c r="B4366" s="2"/>
      <c r="AF4366" s="4"/>
    </row>
    <row r="4367" spans="2:32">
      <c r="B4367" s="2"/>
      <c r="AF4367" s="4"/>
    </row>
    <row r="4368" spans="2:32">
      <c r="B4368" s="2"/>
      <c r="AF4368" s="4"/>
    </row>
    <row r="4369" spans="2:32">
      <c r="B4369" s="2"/>
      <c r="AF4369" s="4"/>
    </row>
    <row r="4370" spans="2:32">
      <c r="B4370" s="2"/>
      <c r="AF4370" s="4"/>
    </row>
    <row r="4371" spans="2:32">
      <c r="B4371" s="2"/>
      <c r="AF4371" s="4"/>
    </row>
    <row r="4372" spans="2:32">
      <c r="B4372" s="2"/>
      <c r="AF4372" s="4"/>
    </row>
    <row r="4373" spans="2:32">
      <c r="B4373" s="2"/>
      <c r="AF4373" s="4"/>
    </row>
    <row r="4374" spans="2:32">
      <c r="B4374" s="2"/>
      <c r="AF4374" s="4"/>
    </row>
    <row r="4375" spans="2:32">
      <c r="B4375" s="2"/>
      <c r="AF4375" s="4"/>
    </row>
    <row r="4376" spans="2:32">
      <c r="B4376" s="2"/>
      <c r="AF4376" s="4"/>
    </row>
    <row r="4377" spans="2:32">
      <c r="B4377" s="2"/>
      <c r="AF4377" s="4"/>
    </row>
    <row r="4378" spans="2:32">
      <c r="B4378" s="2"/>
      <c r="AF4378" s="4"/>
    </row>
    <row r="4379" spans="2:32">
      <c r="B4379" s="2"/>
      <c r="AF4379" s="4"/>
    </row>
    <row r="4380" spans="2:32">
      <c r="B4380" s="2"/>
      <c r="AF4380" s="4"/>
    </row>
    <row r="4381" spans="2:32">
      <c r="B4381" s="2"/>
      <c r="AF4381" s="4"/>
    </row>
    <row r="4382" spans="2:32">
      <c r="B4382" s="2"/>
      <c r="AF4382" s="4"/>
    </row>
    <row r="4383" spans="2:32">
      <c r="B4383" s="2"/>
      <c r="AF4383" s="4"/>
    </row>
    <row r="4384" spans="2:32">
      <c r="B4384" s="2"/>
      <c r="AF4384" s="4"/>
    </row>
    <row r="4385" spans="2:32">
      <c r="B4385" s="2"/>
      <c r="AF4385" s="4"/>
    </row>
    <row r="4386" spans="2:32">
      <c r="B4386" s="2"/>
      <c r="AF4386" s="4"/>
    </row>
    <row r="4387" spans="2:32">
      <c r="B4387" s="2"/>
      <c r="AF4387" s="4"/>
    </row>
    <row r="4388" spans="2:32">
      <c r="B4388" s="2"/>
      <c r="AF4388" s="4"/>
    </row>
    <row r="4389" spans="2:32">
      <c r="B4389" s="2"/>
      <c r="AF4389" s="4"/>
    </row>
    <row r="4390" spans="2:32">
      <c r="B4390" s="2"/>
      <c r="AF4390" s="4"/>
    </row>
    <row r="4391" spans="2:32">
      <c r="B4391" s="2"/>
      <c r="AF4391" s="4"/>
    </row>
    <row r="4392" spans="2:32">
      <c r="B4392" s="2"/>
      <c r="AF4392" s="4"/>
    </row>
    <row r="4393" spans="2:32">
      <c r="B4393" s="2"/>
      <c r="AF4393" s="4"/>
    </row>
    <row r="4394" spans="2:32">
      <c r="B4394" s="2"/>
      <c r="AF4394" s="4"/>
    </row>
    <row r="4395" spans="2:32">
      <c r="B4395" s="2"/>
      <c r="AF4395" s="4"/>
    </row>
    <row r="4396" spans="2:32">
      <c r="B4396" s="2"/>
      <c r="AF4396" s="4"/>
    </row>
    <row r="4397" spans="2:32">
      <c r="B4397" s="2"/>
      <c r="AF4397" s="4"/>
    </row>
    <row r="4398" spans="2:32">
      <c r="B4398" s="2"/>
      <c r="AF4398" s="4"/>
    </row>
    <row r="4399" spans="2:32">
      <c r="B4399" s="2"/>
      <c r="AF4399" s="4"/>
    </row>
    <row r="4400" spans="2:32">
      <c r="B4400" s="2"/>
      <c r="AF4400" s="4"/>
    </row>
    <row r="4401" spans="2:32">
      <c r="B4401" s="2"/>
      <c r="AF4401" s="4"/>
    </row>
    <row r="4402" spans="2:32">
      <c r="B4402" s="2"/>
      <c r="AF4402" s="4"/>
    </row>
    <row r="4403" spans="2:32">
      <c r="B4403" s="2"/>
      <c r="AF4403" s="4"/>
    </row>
    <row r="4404" spans="2:32">
      <c r="B4404" s="2"/>
      <c r="AF4404" s="4"/>
    </row>
    <row r="4405" spans="2:32">
      <c r="B4405" s="2"/>
      <c r="AF4405" s="4"/>
    </row>
    <row r="4406" spans="2:32">
      <c r="B4406" s="2"/>
      <c r="AF4406" s="4"/>
    </row>
    <row r="4407" spans="2:32">
      <c r="B4407" s="2"/>
      <c r="AF4407" s="4"/>
    </row>
    <row r="4408" spans="2:32">
      <c r="B4408" s="2"/>
      <c r="AF4408" s="4"/>
    </row>
    <row r="4409" spans="2:32">
      <c r="B4409" s="2"/>
      <c r="AF4409" s="4"/>
    </row>
    <row r="4410" spans="2:32">
      <c r="B4410" s="2"/>
      <c r="AF4410" s="4"/>
    </row>
    <row r="4411" spans="2:32">
      <c r="B4411" s="2"/>
      <c r="AF4411" s="4"/>
    </row>
    <row r="4412" spans="2:32">
      <c r="B4412" s="2"/>
      <c r="AF4412" s="4"/>
    </row>
    <row r="4413" spans="2:32">
      <c r="B4413" s="2"/>
      <c r="AF4413" s="4"/>
    </row>
    <row r="4414" spans="2:32">
      <c r="B4414" s="2"/>
      <c r="AF4414" s="4"/>
    </row>
    <row r="4415" spans="2:32">
      <c r="B4415" s="2"/>
      <c r="AF4415" s="4"/>
    </row>
    <row r="4416" spans="2:32">
      <c r="B4416" s="2"/>
      <c r="AF4416" s="4"/>
    </row>
    <row r="4417" spans="2:32">
      <c r="B4417" s="2"/>
      <c r="AF4417" s="4"/>
    </row>
    <row r="4418" spans="2:32">
      <c r="B4418" s="2"/>
      <c r="AF4418" s="4"/>
    </row>
    <row r="4419" spans="2:32">
      <c r="B4419" s="2"/>
      <c r="AF4419" s="4"/>
    </row>
    <row r="4420" spans="2:32">
      <c r="B4420" s="2"/>
      <c r="AF4420" s="4"/>
    </row>
    <row r="4421" spans="2:32">
      <c r="B4421" s="2"/>
      <c r="AF4421" s="4"/>
    </row>
    <row r="4422" spans="2:32">
      <c r="B4422" s="2"/>
      <c r="AF4422" s="4"/>
    </row>
    <row r="4423" spans="2:32">
      <c r="B4423" s="2"/>
      <c r="AF4423" s="4"/>
    </row>
    <row r="4424" spans="2:32">
      <c r="B4424" s="2"/>
      <c r="AF4424" s="4"/>
    </row>
    <row r="4425" spans="2:32">
      <c r="B4425" s="2"/>
      <c r="AF4425" s="4"/>
    </row>
    <row r="4426" spans="2:32">
      <c r="B4426" s="2"/>
      <c r="AF4426" s="4"/>
    </row>
    <row r="4427" spans="2:32">
      <c r="B4427" s="2"/>
      <c r="AF4427" s="4"/>
    </row>
    <row r="4428" spans="2:32">
      <c r="B4428" s="2"/>
      <c r="AF4428" s="4"/>
    </row>
    <row r="4429" spans="2:32">
      <c r="B4429" s="2"/>
      <c r="AF4429" s="4"/>
    </row>
    <row r="4430" spans="2:32">
      <c r="B4430" s="2"/>
      <c r="AF4430" s="4"/>
    </row>
    <row r="4431" spans="2:32">
      <c r="B4431" s="2"/>
      <c r="AF4431" s="4"/>
    </row>
    <row r="4432" spans="2:32">
      <c r="B4432" s="2"/>
      <c r="AF4432" s="4"/>
    </row>
    <row r="4433" spans="2:32">
      <c r="B4433" s="2"/>
      <c r="AF4433" s="4"/>
    </row>
    <row r="4434" spans="2:32">
      <c r="B4434" s="2"/>
      <c r="AF4434" s="4"/>
    </row>
    <row r="4435" spans="2:32">
      <c r="B4435" s="2"/>
      <c r="AF4435" s="4"/>
    </row>
    <row r="4436" spans="2:32">
      <c r="B4436" s="2"/>
      <c r="AF4436" s="4"/>
    </row>
    <row r="4437" spans="2:32">
      <c r="B4437" s="2"/>
      <c r="AF4437" s="4"/>
    </row>
    <row r="4438" spans="2:32">
      <c r="B4438" s="2"/>
      <c r="AF4438" s="4"/>
    </row>
    <row r="4439" spans="2:32">
      <c r="B4439" s="2"/>
      <c r="AF4439" s="4"/>
    </row>
    <row r="4440" spans="2:32">
      <c r="B4440" s="2"/>
      <c r="AF4440" s="4"/>
    </row>
    <row r="4441" spans="2:32">
      <c r="B4441" s="2"/>
      <c r="AF4441" s="4"/>
    </row>
    <row r="4442" spans="2:32">
      <c r="B4442" s="2"/>
      <c r="AF4442" s="4"/>
    </row>
    <row r="4443" spans="2:32">
      <c r="B4443" s="2"/>
      <c r="AF4443" s="4"/>
    </row>
    <row r="4444" spans="2:32">
      <c r="B4444" s="2"/>
      <c r="AF4444" s="4"/>
    </row>
    <row r="4445" spans="2:32">
      <c r="B4445" s="2"/>
      <c r="AF4445" s="4"/>
    </row>
    <row r="4446" spans="2:32">
      <c r="B4446" s="2"/>
      <c r="AF4446" s="4"/>
    </row>
    <row r="4447" spans="2:32">
      <c r="B4447" s="2"/>
      <c r="AF4447" s="4"/>
    </row>
    <row r="4448" spans="2:32">
      <c r="B4448" s="2"/>
      <c r="AF4448" s="4"/>
    </row>
    <row r="4449" spans="2:32">
      <c r="B4449" s="2"/>
      <c r="AF4449" s="4"/>
    </row>
    <row r="4450" spans="2:32">
      <c r="B4450" s="2"/>
      <c r="AF4450" s="4"/>
    </row>
    <row r="4451" spans="2:32">
      <c r="B4451" s="2"/>
      <c r="AF4451" s="4"/>
    </row>
    <row r="4452" spans="2:32">
      <c r="B4452" s="2"/>
      <c r="AF4452" s="4"/>
    </row>
    <row r="4453" spans="2:32">
      <c r="B4453" s="2"/>
      <c r="AF4453" s="4"/>
    </row>
    <row r="4454" spans="2:32">
      <c r="B4454" s="2"/>
      <c r="AF4454" s="4"/>
    </row>
    <row r="4455" spans="2:32">
      <c r="B4455" s="2"/>
      <c r="AF4455" s="4"/>
    </row>
    <row r="4456" spans="2:32">
      <c r="B4456" s="2"/>
      <c r="AF4456" s="4"/>
    </row>
    <row r="4457" spans="2:32">
      <c r="B4457" s="2"/>
      <c r="AF4457" s="4"/>
    </row>
    <row r="4458" spans="2:32">
      <c r="B4458" s="2"/>
      <c r="AF4458" s="4"/>
    </row>
    <row r="4459" spans="2:32">
      <c r="B4459" s="2"/>
      <c r="AF4459" s="4"/>
    </row>
    <row r="4460" spans="2:32">
      <c r="B4460" s="2"/>
      <c r="AF4460" s="4"/>
    </row>
    <row r="4461" spans="2:32">
      <c r="B4461" s="2"/>
      <c r="AF4461" s="4"/>
    </row>
    <row r="4462" spans="2:32">
      <c r="B4462" s="2"/>
      <c r="AF4462" s="4"/>
    </row>
    <row r="4463" spans="2:32">
      <c r="B4463" s="2"/>
      <c r="AF4463" s="4"/>
    </row>
    <row r="4464" spans="2:32">
      <c r="B4464" s="2"/>
      <c r="AF4464" s="4"/>
    </row>
    <row r="4465" spans="2:32">
      <c r="B4465" s="2"/>
      <c r="AF4465" s="4"/>
    </row>
    <row r="4466" spans="2:32">
      <c r="B4466" s="2"/>
      <c r="AF4466" s="4"/>
    </row>
    <row r="4467" spans="2:32">
      <c r="B4467" s="2"/>
      <c r="AF4467" s="4"/>
    </row>
    <row r="4468" spans="2:32">
      <c r="B4468" s="2"/>
      <c r="AF4468" s="4"/>
    </row>
    <row r="4469" spans="2:32">
      <c r="B4469" s="2"/>
      <c r="AF4469" s="4"/>
    </row>
    <row r="4470" spans="2:32">
      <c r="B4470" s="2"/>
      <c r="AF4470" s="4"/>
    </row>
    <row r="4471" spans="2:32">
      <c r="B4471" s="2"/>
      <c r="AF4471" s="4"/>
    </row>
    <row r="4472" spans="2:32">
      <c r="B4472" s="2"/>
      <c r="AF4472" s="4"/>
    </row>
    <row r="4473" spans="2:32">
      <c r="B4473" s="2"/>
      <c r="AF4473" s="4"/>
    </row>
    <row r="4474" spans="2:32">
      <c r="B4474" s="2"/>
      <c r="AF4474" s="4"/>
    </row>
    <row r="4475" spans="2:32">
      <c r="B4475" s="2"/>
      <c r="AF4475" s="4"/>
    </row>
    <row r="4476" spans="2:32">
      <c r="B4476" s="2"/>
      <c r="AF4476" s="4"/>
    </row>
    <row r="4477" spans="2:32">
      <c r="B4477" s="2"/>
      <c r="AF4477" s="4"/>
    </row>
    <row r="4478" spans="2:32">
      <c r="B4478" s="2"/>
      <c r="AF4478" s="4"/>
    </row>
    <row r="4479" spans="2:32">
      <c r="B4479" s="2"/>
      <c r="AF4479" s="4"/>
    </row>
    <row r="4480" spans="2:32">
      <c r="B4480" s="2"/>
      <c r="AF4480" s="4"/>
    </row>
    <row r="4481" spans="2:32">
      <c r="B4481" s="2"/>
      <c r="AF4481" s="4"/>
    </row>
    <row r="4482" spans="2:32">
      <c r="B4482" s="2"/>
      <c r="AF4482" s="4"/>
    </row>
    <row r="4483" spans="2:32">
      <c r="B4483" s="2"/>
      <c r="AF4483" s="4"/>
    </row>
    <row r="4484" spans="2:32">
      <c r="B4484" s="2"/>
      <c r="AF4484" s="4"/>
    </row>
    <row r="4485" spans="2:32">
      <c r="B4485" s="2"/>
      <c r="AF4485" s="4"/>
    </row>
    <row r="4486" spans="2:32">
      <c r="B4486" s="2"/>
      <c r="AF4486" s="4"/>
    </row>
    <row r="4487" spans="2:32">
      <c r="B4487" s="2"/>
      <c r="AF4487" s="4"/>
    </row>
    <row r="4488" spans="2:32">
      <c r="B4488" s="2"/>
      <c r="AF4488" s="4"/>
    </row>
    <row r="4489" spans="2:32">
      <c r="B4489" s="2"/>
      <c r="AF4489" s="4"/>
    </row>
    <row r="4490" spans="2:32">
      <c r="B4490" s="2"/>
      <c r="AF4490" s="4"/>
    </row>
    <row r="4491" spans="2:32">
      <c r="B4491" s="2"/>
      <c r="AF4491" s="4"/>
    </row>
    <row r="4492" spans="2:32">
      <c r="B4492" s="2"/>
      <c r="AF4492" s="4"/>
    </row>
    <row r="4493" spans="2:32">
      <c r="B4493" s="2"/>
      <c r="AF4493" s="4"/>
    </row>
    <row r="4494" spans="2:32">
      <c r="B4494" s="2"/>
      <c r="AF4494" s="4"/>
    </row>
    <row r="4495" spans="2:32">
      <c r="B4495" s="2"/>
      <c r="AF4495" s="4"/>
    </row>
    <row r="4496" spans="2:32">
      <c r="B4496" s="2"/>
      <c r="AF4496" s="4"/>
    </row>
    <row r="4497" spans="2:32">
      <c r="B4497" s="2"/>
      <c r="AF4497" s="4"/>
    </row>
    <row r="4498" spans="2:32">
      <c r="B4498" s="2"/>
      <c r="AF4498" s="4"/>
    </row>
    <row r="4499" spans="2:32">
      <c r="B4499" s="2"/>
      <c r="AF4499" s="4"/>
    </row>
    <row r="4500" spans="2:32">
      <c r="B4500" s="2"/>
      <c r="AF4500" s="4"/>
    </row>
    <row r="4501" spans="2:32">
      <c r="B4501" s="2"/>
      <c r="AF4501" s="4"/>
    </row>
    <row r="4502" spans="2:32">
      <c r="B4502" s="2"/>
      <c r="AF4502" s="4"/>
    </row>
    <row r="4503" spans="2:32">
      <c r="B4503" s="2"/>
      <c r="AF4503" s="4"/>
    </row>
    <row r="4504" spans="2:32">
      <c r="B4504" s="2"/>
      <c r="AF4504" s="4"/>
    </row>
    <row r="4505" spans="2:32">
      <c r="B4505" s="2"/>
      <c r="AF4505" s="4"/>
    </row>
    <row r="4506" spans="2:32">
      <c r="B4506" s="2"/>
      <c r="AF4506" s="4"/>
    </row>
    <row r="4507" spans="2:32">
      <c r="B4507" s="2"/>
      <c r="AF4507" s="4"/>
    </row>
    <row r="4508" spans="2:32">
      <c r="B4508" s="2"/>
      <c r="AF4508" s="4"/>
    </row>
    <row r="4509" spans="2:32">
      <c r="B4509" s="2"/>
      <c r="AF4509" s="4"/>
    </row>
    <row r="4510" spans="2:32">
      <c r="B4510" s="2"/>
      <c r="AF4510" s="4"/>
    </row>
    <row r="4511" spans="2:32">
      <c r="B4511" s="2"/>
      <c r="AF4511" s="4"/>
    </row>
    <row r="4512" spans="2:32">
      <c r="B4512" s="2"/>
      <c r="AF4512" s="4"/>
    </row>
    <row r="4513" spans="2:32">
      <c r="B4513" s="2"/>
      <c r="AF4513" s="4"/>
    </row>
    <row r="4514" spans="2:32">
      <c r="B4514" s="2"/>
      <c r="AF4514" s="4"/>
    </row>
    <row r="4515" spans="2:32">
      <c r="B4515" s="2"/>
      <c r="AF4515" s="4"/>
    </row>
    <row r="4516" spans="2:32">
      <c r="B4516" s="2"/>
      <c r="AF4516" s="4"/>
    </row>
    <row r="4517" spans="2:32">
      <c r="B4517" s="2"/>
      <c r="AF4517" s="4"/>
    </row>
    <row r="4518" spans="2:32">
      <c r="B4518" s="2"/>
      <c r="AF4518" s="4"/>
    </row>
    <row r="4519" spans="2:32">
      <c r="B4519" s="2"/>
      <c r="AF4519" s="4"/>
    </row>
    <row r="4520" spans="2:32">
      <c r="B4520" s="2"/>
      <c r="AF4520" s="4"/>
    </row>
    <row r="4521" spans="2:32">
      <c r="B4521" s="2"/>
      <c r="AF4521" s="4"/>
    </row>
    <row r="4522" spans="2:32">
      <c r="B4522" s="2"/>
      <c r="AF4522" s="4"/>
    </row>
    <row r="4523" spans="2:32">
      <c r="B4523" s="2"/>
      <c r="AF4523" s="4"/>
    </row>
    <row r="4524" spans="2:32">
      <c r="B4524" s="2"/>
      <c r="AF4524" s="4"/>
    </row>
    <row r="4525" spans="2:32">
      <c r="B4525" s="2"/>
      <c r="AF4525" s="4"/>
    </row>
    <row r="4526" spans="2:32">
      <c r="B4526" s="2"/>
      <c r="AF4526" s="4"/>
    </row>
    <row r="4527" spans="2:32">
      <c r="B4527" s="2"/>
      <c r="AF4527" s="4"/>
    </row>
    <row r="4528" spans="2:32">
      <c r="B4528" s="2"/>
      <c r="AF4528" s="4"/>
    </row>
    <row r="4529" spans="2:32">
      <c r="B4529" s="2"/>
      <c r="AF4529" s="4"/>
    </row>
    <row r="4530" spans="2:32">
      <c r="B4530" s="2"/>
      <c r="AF4530" s="4"/>
    </row>
    <row r="4531" spans="2:32">
      <c r="B4531" s="2"/>
      <c r="AF4531" s="4"/>
    </row>
    <row r="4532" spans="2:32">
      <c r="B4532" s="2"/>
      <c r="AF4532" s="4"/>
    </row>
    <row r="4533" spans="2:32">
      <c r="B4533" s="2"/>
      <c r="AF4533" s="4"/>
    </row>
    <row r="4534" spans="2:32">
      <c r="B4534" s="2"/>
      <c r="AF4534" s="4"/>
    </row>
    <row r="4535" spans="2:32">
      <c r="B4535" s="2"/>
      <c r="AF4535" s="4"/>
    </row>
    <row r="4536" spans="2:32">
      <c r="B4536" s="2"/>
      <c r="AF4536" s="4"/>
    </row>
    <row r="4537" spans="2:32">
      <c r="B4537" s="2"/>
      <c r="AF4537" s="4"/>
    </row>
    <row r="4538" spans="2:32">
      <c r="B4538" s="2"/>
      <c r="AF4538" s="4"/>
    </row>
    <row r="4539" spans="2:32">
      <c r="B4539" s="2"/>
      <c r="AF4539" s="4"/>
    </row>
    <row r="4540" spans="2:32">
      <c r="B4540" s="2"/>
      <c r="AF4540" s="4"/>
    </row>
    <row r="4541" spans="2:32">
      <c r="B4541" s="2"/>
      <c r="AF4541" s="4"/>
    </row>
    <row r="4542" spans="2:32">
      <c r="B4542" s="2"/>
      <c r="AF4542" s="4"/>
    </row>
    <row r="4543" spans="2:32">
      <c r="B4543" s="2"/>
      <c r="AF4543" s="4"/>
    </row>
    <row r="4544" spans="2:32">
      <c r="B4544" s="2"/>
      <c r="AF4544" s="4"/>
    </row>
    <row r="4545" spans="2:32">
      <c r="B4545" s="2"/>
      <c r="AF4545" s="4"/>
    </row>
    <row r="4546" spans="2:32">
      <c r="B4546" s="2"/>
      <c r="AF4546" s="4"/>
    </row>
    <row r="4547" spans="2:32">
      <c r="B4547" s="2"/>
      <c r="AF4547" s="4"/>
    </row>
    <row r="4548" spans="2:32">
      <c r="B4548" s="2"/>
      <c r="AF4548" s="4"/>
    </row>
    <row r="4549" spans="2:32">
      <c r="B4549" s="2"/>
      <c r="AF4549" s="4"/>
    </row>
    <row r="4550" spans="2:32">
      <c r="B4550" s="2"/>
      <c r="AF4550" s="4"/>
    </row>
    <row r="4551" spans="2:32">
      <c r="B4551" s="2"/>
      <c r="AF4551" s="4"/>
    </row>
    <row r="4552" spans="2:32">
      <c r="B4552" s="2"/>
      <c r="AF4552" s="4"/>
    </row>
    <row r="4553" spans="2:32">
      <c r="B4553" s="2"/>
      <c r="AF4553" s="4"/>
    </row>
    <row r="4554" spans="2:32">
      <c r="B4554" s="2"/>
      <c r="AF4554" s="4"/>
    </row>
    <row r="4555" spans="2:32">
      <c r="B4555" s="2"/>
      <c r="AF4555" s="4"/>
    </row>
    <row r="4556" spans="2:32">
      <c r="B4556" s="2"/>
      <c r="AF4556" s="4"/>
    </row>
    <row r="4557" spans="2:32">
      <c r="B4557" s="2"/>
      <c r="AF4557" s="4"/>
    </row>
    <row r="4558" spans="2:32">
      <c r="B4558" s="2"/>
      <c r="AF4558" s="4"/>
    </row>
    <row r="4559" spans="2:32">
      <c r="B4559" s="2"/>
      <c r="AF4559" s="4"/>
    </row>
    <row r="4560" spans="2:32">
      <c r="B4560" s="2"/>
      <c r="AF4560" s="4"/>
    </row>
    <row r="4561" spans="2:32">
      <c r="B4561" s="2"/>
      <c r="AF4561" s="4"/>
    </row>
    <row r="4562" spans="2:32">
      <c r="B4562" s="2"/>
      <c r="AF4562" s="4"/>
    </row>
    <row r="4563" spans="2:32">
      <c r="B4563" s="2"/>
      <c r="AF4563" s="4"/>
    </row>
    <row r="4564" spans="2:32">
      <c r="B4564" s="2"/>
      <c r="AF4564" s="4"/>
    </row>
    <row r="4565" spans="2:32">
      <c r="B4565" s="2"/>
      <c r="AF4565" s="4"/>
    </row>
    <row r="4566" spans="2:32">
      <c r="B4566" s="2"/>
      <c r="AF4566" s="4"/>
    </row>
    <row r="4567" spans="2:32">
      <c r="B4567" s="2"/>
      <c r="AF4567" s="4"/>
    </row>
    <row r="4568" spans="2:32">
      <c r="B4568" s="2"/>
      <c r="AF4568" s="4"/>
    </row>
    <row r="4569" spans="2:32">
      <c r="B4569" s="2"/>
      <c r="AF4569" s="4"/>
    </row>
    <row r="4570" spans="2:32">
      <c r="B4570" s="2"/>
      <c r="AF4570" s="4"/>
    </row>
    <row r="4571" spans="2:32">
      <c r="B4571" s="2"/>
      <c r="AF4571" s="4"/>
    </row>
    <row r="4572" spans="2:32">
      <c r="B4572" s="2"/>
      <c r="AF4572" s="4"/>
    </row>
    <row r="4573" spans="2:32">
      <c r="B4573" s="2"/>
      <c r="AF4573" s="4"/>
    </row>
    <row r="4574" spans="2:32">
      <c r="B4574" s="2"/>
      <c r="AF4574" s="4"/>
    </row>
    <row r="4575" spans="2:32">
      <c r="B4575" s="2"/>
      <c r="AF4575" s="4"/>
    </row>
    <row r="4576" spans="2:32">
      <c r="B4576" s="2"/>
      <c r="AF4576" s="4"/>
    </row>
    <row r="4577" spans="2:32">
      <c r="B4577" s="2"/>
      <c r="AF4577" s="4"/>
    </row>
    <row r="4578" spans="2:32">
      <c r="B4578" s="2"/>
      <c r="AF4578" s="4"/>
    </row>
    <row r="4579" spans="2:32">
      <c r="B4579" s="2"/>
      <c r="AF4579" s="4"/>
    </row>
    <row r="4580" spans="2:32">
      <c r="B4580" s="2"/>
      <c r="AF4580" s="4"/>
    </row>
    <row r="4581" spans="2:32">
      <c r="B4581" s="2"/>
      <c r="AF4581" s="4"/>
    </row>
    <row r="4582" spans="2:32">
      <c r="B4582" s="2"/>
      <c r="AF4582" s="4"/>
    </row>
    <row r="4583" spans="2:32">
      <c r="B4583" s="2"/>
      <c r="AF4583" s="4"/>
    </row>
    <row r="4584" spans="2:32">
      <c r="B4584" s="2"/>
      <c r="AF4584" s="4"/>
    </row>
    <row r="4585" spans="2:32">
      <c r="B4585" s="2"/>
      <c r="AF4585" s="4"/>
    </row>
    <row r="4586" spans="2:32">
      <c r="B4586" s="2"/>
      <c r="AF4586" s="4"/>
    </row>
    <row r="4587" spans="2:32">
      <c r="B4587" s="2"/>
      <c r="AF4587" s="4"/>
    </row>
    <row r="4588" spans="2:32">
      <c r="B4588" s="2"/>
      <c r="AF4588" s="4"/>
    </row>
    <row r="4589" spans="2:32">
      <c r="B4589" s="2"/>
      <c r="AF4589" s="4"/>
    </row>
    <row r="4590" spans="2:32">
      <c r="B4590" s="2"/>
      <c r="AF4590" s="4"/>
    </row>
    <row r="4591" spans="2:32">
      <c r="B4591" s="2"/>
      <c r="AF4591" s="4"/>
    </row>
    <row r="4592" spans="2:32">
      <c r="B4592" s="2"/>
      <c r="AF4592" s="4"/>
    </row>
    <row r="4593" spans="2:32">
      <c r="B4593" s="2"/>
      <c r="AF4593" s="4"/>
    </row>
    <row r="4594" spans="2:32">
      <c r="B4594" s="2"/>
      <c r="AF4594" s="4"/>
    </row>
    <row r="4595" spans="2:32">
      <c r="B4595" s="2"/>
      <c r="AF4595" s="4"/>
    </row>
    <row r="4596" spans="2:32">
      <c r="B4596" s="2"/>
      <c r="AF4596" s="4"/>
    </row>
    <row r="4597" spans="2:32">
      <c r="B4597" s="2"/>
      <c r="AF4597" s="4"/>
    </row>
    <row r="4598" spans="2:32">
      <c r="B4598" s="2"/>
      <c r="AF4598" s="4"/>
    </row>
    <row r="4599" spans="2:32">
      <c r="B4599" s="2"/>
      <c r="AF4599" s="4"/>
    </row>
    <row r="4600" spans="2:32">
      <c r="B4600" s="2"/>
      <c r="AF4600" s="4"/>
    </row>
    <row r="4601" spans="2:32">
      <c r="B4601" s="2"/>
      <c r="AF4601" s="4"/>
    </row>
    <row r="4602" spans="2:32">
      <c r="B4602" s="2"/>
      <c r="AF4602" s="4"/>
    </row>
    <row r="4603" spans="2:32">
      <c r="B4603" s="2"/>
      <c r="AF4603" s="4"/>
    </row>
    <row r="4604" spans="2:32">
      <c r="B4604" s="2"/>
      <c r="AF4604" s="4"/>
    </row>
    <row r="4605" spans="2:32">
      <c r="B4605" s="2"/>
      <c r="AF4605" s="4"/>
    </row>
    <row r="4606" spans="2:32">
      <c r="B4606" s="2"/>
      <c r="AF4606" s="4"/>
    </row>
    <row r="4607" spans="2:32">
      <c r="B4607" s="2"/>
      <c r="AF4607" s="4"/>
    </row>
    <row r="4608" spans="2:32">
      <c r="B4608" s="2"/>
      <c r="AF4608" s="4"/>
    </row>
    <row r="4609" spans="2:32">
      <c r="B4609" s="2"/>
      <c r="AF4609" s="4"/>
    </row>
    <row r="4610" spans="2:32">
      <c r="B4610" s="2"/>
      <c r="AF4610" s="4"/>
    </row>
    <row r="4611" spans="2:32">
      <c r="B4611" s="2"/>
      <c r="AF4611" s="4"/>
    </row>
    <row r="4612" spans="2:32">
      <c r="B4612" s="2"/>
      <c r="AF4612" s="4"/>
    </row>
    <row r="4613" spans="2:32">
      <c r="B4613" s="2"/>
      <c r="AF4613" s="4"/>
    </row>
    <row r="4614" spans="2:32">
      <c r="B4614" s="2"/>
      <c r="AF4614" s="4"/>
    </row>
    <row r="4615" spans="2:32">
      <c r="B4615" s="2"/>
      <c r="AF4615" s="4"/>
    </row>
    <row r="4616" spans="2:32">
      <c r="B4616" s="2"/>
      <c r="AF4616" s="4"/>
    </row>
    <row r="4617" spans="2:32">
      <c r="B4617" s="2"/>
      <c r="AF4617" s="4"/>
    </row>
    <row r="4618" spans="2:32">
      <c r="B4618" s="2"/>
      <c r="AF4618" s="4"/>
    </row>
    <row r="4619" spans="2:32">
      <c r="B4619" s="2"/>
      <c r="AF4619" s="4"/>
    </row>
    <row r="4620" spans="2:32">
      <c r="B4620" s="2"/>
      <c r="AF4620" s="4"/>
    </row>
    <row r="4621" spans="2:32">
      <c r="B4621" s="2"/>
      <c r="AF4621" s="4"/>
    </row>
    <row r="4622" spans="2:32">
      <c r="B4622" s="2"/>
      <c r="AF4622" s="4"/>
    </row>
    <row r="4623" spans="2:32">
      <c r="B4623" s="2"/>
      <c r="AF4623" s="4"/>
    </row>
    <row r="4624" spans="2:32">
      <c r="B4624" s="2"/>
      <c r="AF4624" s="4"/>
    </row>
    <row r="4625" spans="2:32">
      <c r="B4625" s="2"/>
      <c r="AF4625" s="4"/>
    </row>
    <row r="4626" spans="2:32">
      <c r="B4626" s="2"/>
      <c r="AF4626" s="4"/>
    </row>
    <row r="4627" spans="2:32">
      <c r="B4627" s="2"/>
      <c r="AF4627" s="4"/>
    </row>
    <row r="4628" spans="2:32">
      <c r="B4628" s="2"/>
      <c r="AF4628" s="4"/>
    </row>
    <row r="4629" spans="2:32">
      <c r="B4629" s="2"/>
      <c r="AF4629" s="4"/>
    </row>
    <row r="4630" spans="2:32">
      <c r="B4630" s="2"/>
      <c r="AF4630" s="4"/>
    </row>
    <row r="4631" spans="2:32">
      <c r="B4631" s="2"/>
      <c r="AF4631" s="4"/>
    </row>
    <row r="4632" spans="2:32">
      <c r="B4632" s="2"/>
      <c r="AF4632" s="4"/>
    </row>
    <row r="4633" spans="2:32">
      <c r="B4633" s="2"/>
      <c r="AF4633" s="4"/>
    </row>
    <row r="4634" spans="2:32">
      <c r="B4634" s="2"/>
      <c r="AF4634" s="4"/>
    </row>
    <row r="4635" spans="2:32">
      <c r="B4635" s="2"/>
      <c r="AF4635" s="4"/>
    </row>
    <row r="4636" spans="2:32">
      <c r="B4636" s="2"/>
      <c r="AF4636" s="4"/>
    </row>
    <row r="4637" spans="2:32">
      <c r="B4637" s="2"/>
      <c r="AF4637" s="4"/>
    </row>
    <row r="4638" spans="2:32">
      <c r="B4638" s="2"/>
      <c r="AF4638" s="4"/>
    </row>
    <row r="4639" spans="2:32">
      <c r="B4639" s="2"/>
      <c r="AF4639" s="4"/>
    </row>
    <row r="4640" spans="2:32">
      <c r="B4640" s="2"/>
      <c r="AF4640" s="4"/>
    </row>
    <row r="4641" spans="2:32">
      <c r="B4641" s="2"/>
      <c r="AF4641" s="4"/>
    </row>
    <row r="4642" spans="2:32">
      <c r="B4642" s="2"/>
      <c r="AF4642" s="4"/>
    </row>
    <row r="4643" spans="2:32">
      <c r="B4643" s="2"/>
      <c r="AF4643" s="4"/>
    </row>
    <row r="4644" spans="2:32">
      <c r="B4644" s="2"/>
      <c r="AF4644" s="4"/>
    </row>
    <row r="4645" spans="2:32">
      <c r="B4645" s="2"/>
      <c r="AF4645" s="4"/>
    </row>
    <row r="4646" spans="2:32">
      <c r="B4646" s="2"/>
      <c r="AF4646" s="4"/>
    </row>
    <row r="4647" spans="2:32">
      <c r="B4647" s="2"/>
      <c r="AF4647" s="4"/>
    </row>
    <row r="4648" spans="2:32">
      <c r="B4648" s="2"/>
      <c r="AF4648" s="4"/>
    </row>
    <row r="4649" spans="2:32">
      <c r="B4649" s="2"/>
      <c r="AF4649" s="4"/>
    </row>
    <row r="4650" spans="2:32">
      <c r="B4650" s="2"/>
      <c r="AF4650" s="4"/>
    </row>
    <row r="4651" spans="2:32">
      <c r="B4651" s="2"/>
      <c r="AF4651" s="4"/>
    </row>
    <row r="4652" spans="2:32">
      <c r="B4652" s="2"/>
      <c r="AF4652" s="4"/>
    </row>
    <row r="4653" spans="2:32">
      <c r="B4653" s="2"/>
      <c r="AF4653" s="4"/>
    </row>
    <row r="4654" spans="2:32">
      <c r="B4654" s="2"/>
      <c r="AF4654" s="4"/>
    </row>
    <row r="4655" spans="2:32">
      <c r="B4655" s="2"/>
      <c r="AF4655" s="4"/>
    </row>
    <row r="4656" spans="2:32">
      <c r="B4656" s="2"/>
      <c r="AF4656" s="4"/>
    </row>
    <row r="4657" spans="2:32">
      <c r="B4657" s="2"/>
      <c r="AF4657" s="4"/>
    </row>
    <row r="4658" spans="2:32">
      <c r="B4658" s="2"/>
      <c r="AF4658" s="4"/>
    </row>
    <row r="4659" spans="2:32">
      <c r="B4659" s="2"/>
      <c r="AF4659" s="4"/>
    </row>
    <row r="4660" spans="2:32">
      <c r="B4660" s="2"/>
      <c r="AF4660" s="4"/>
    </row>
    <row r="4661" spans="2:32">
      <c r="B4661" s="2"/>
      <c r="AF4661" s="4"/>
    </row>
    <row r="4662" spans="2:32">
      <c r="B4662" s="2"/>
      <c r="AF4662" s="4"/>
    </row>
    <row r="4663" spans="2:32">
      <c r="B4663" s="2"/>
      <c r="AF4663" s="4"/>
    </row>
    <row r="4664" spans="2:32">
      <c r="B4664" s="2"/>
      <c r="AF4664" s="4"/>
    </row>
    <row r="4665" spans="2:32">
      <c r="B4665" s="2"/>
      <c r="AF4665" s="4"/>
    </row>
    <row r="4666" spans="2:32">
      <c r="B4666" s="2"/>
      <c r="AF4666" s="4"/>
    </row>
    <row r="4667" spans="2:32">
      <c r="B4667" s="2"/>
      <c r="AF4667" s="4"/>
    </row>
    <row r="4668" spans="2:32">
      <c r="B4668" s="2"/>
      <c r="AF4668" s="4"/>
    </row>
    <row r="4669" spans="2:32">
      <c r="B4669" s="2"/>
      <c r="AF4669" s="4"/>
    </row>
    <row r="4670" spans="2:32">
      <c r="B4670" s="2"/>
      <c r="AF4670" s="4"/>
    </row>
    <row r="4671" spans="2:32">
      <c r="B4671" s="2"/>
      <c r="AF4671" s="4"/>
    </row>
    <row r="4672" spans="2:32">
      <c r="B4672" s="2"/>
      <c r="AF4672" s="4"/>
    </row>
    <row r="4673" spans="2:32">
      <c r="B4673" s="2"/>
      <c r="AF4673" s="4"/>
    </row>
    <row r="4674" spans="2:32">
      <c r="B4674" s="2"/>
      <c r="AF4674" s="4"/>
    </row>
    <row r="4675" spans="2:32">
      <c r="B4675" s="2"/>
      <c r="AF4675" s="4"/>
    </row>
    <row r="4676" spans="2:32">
      <c r="B4676" s="2"/>
      <c r="AF4676" s="4"/>
    </row>
    <row r="4677" spans="2:32">
      <c r="B4677" s="2"/>
      <c r="AF4677" s="4"/>
    </row>
    <row r="4678" spans="2:32">
      <c r="B4678" s="2"/>
      <c r="AF4678" s="4"/>
    </row>
    <row r="4679" spans="2:32">
      <c r="B4679" s="2"/>
      <c r="AF4679" s="4"/>
    </row>
    <row r="4680" spans="2:32">
      <c r="B4680" s="2"/>
      <c r="AF4680" s="4"/>
    </row>
    <row r="4681" spans="2:32">
      <c r="B4681" s="2"/>
      <c r="AF4681" s="4"/>
    </row>
    <row r="4682" spans="2:32">
      <c r="B4682" s="2"/>
      <c r="AF4682" s="4"/>
    </row>
    <row r="4683" spans="2:32">
      <c r="B4683" s="2"/>
      <c r="AF4683" s="4"/>
    </row>
    <row r="4684" spans="2:32">
      <c r="B4684" s="2"/>
      <c r="AF4684" s="4"/>
    </row>
    <row r="4685" spans="2:32">
      <c r="B4685" s="2"/>
      <c r="AF4685" s="4"/>
    </row>
    <row r="4686" spans="2:32">
      <c r="B4686" s="2"/>
      <c r="AF4686" s="4"/>
    </row>
    <row r="4687" spans="2:32">
      <c r="B4687" s="2"/>
      <c r="AF4687" s="4"/>
    </row>
    <row r="4688" spans="2:32">
      <c r="B4688" s="2"/>
      <c r="AF4688" s="4"/>
    </row>
    <row r="4689" spans="2:32">
      <c r="B4689" s="2"/>
      <c r="AF4689" s="4"/>
    </row>
    <row r="4690" spans="2:32">
      <c r="B4690" s="2"/>
      <c r="AF4690" s="4"/>
    </row>
    <row r="4691" spans="2:32">
      <c r="B4691" s="2"/>
      <c r="AF4691" s="4"/>
    </row>
    <row r="4692" spans="2:32">
      <c r="B4692" s="2"/>
      <c r="AF4692" s="4"/>
    </row>
    <row r="4693" spans="2:32">
      <c r="B4693" s="2"/>
      <c r="AF4693" s="4"/>
    </row>
    <row r="4694" spans="2:32">
      <c r="B4694" s="2"/>
      <c r="AF4694" s="4"/>
    </row>
    <row r="4695" spans="2:32">
      <c r="B4695" s="2"/>
      <c r="AF4695" s="4"/>
    </row>
    <row r="4696" spans="2:32">
      <c r="B4696" s="2"/>
      <c r="AF4696" s="4"/>
    </row>
    <row r="4697" spans="2:32">
      <c r="B4697" s="2"/>
      <c r="AF4697" s="4"/>
    </row>
    <row r="4698" spans="2:32">
      <c r="B4698" s="2"/>
      <c r="AF4698" s="4"/>
    </row>
    <row r="4699" spans="2:32">
      <c r="B4699" s="2"/>
      <c r="AF4699" s="4"/>
    </row>
    <row r="4700" spans="2:32">
      <c r="B4700" s="2"/>
      <c r="AF4700" s="4"/>
    </row>
    <row r="4701" spans="2:32">
      <c r="B4701" s="2"/>
      <c r="AF4701" s="4"/>
    </row>
    <row r="4702" spans="2:32">
      <c r="B4702" s="2"/>
      <c r="AF4702" s="4"/>
    </row>
    <row r="4703" spans="2:32">
      <c r="B4703" s="2"/>
      <c r="AF4703" s="4"/>
    </row>
    <row r="4704" spans="2:32">
      <c r="B4704" s="2"/>
      <c r="AF4704" s="4"/>
    </row>
    <row r="4705" spans="2:32">
      <c r="B4705" s="2"/>
      <c r="AF4705" s="4"/>
    </row>
    <row r="4706" spans="2:32">
      <c r="B4706" s="2"/>
      <c r="AF4706" s="4"/>
    </row>
    <row r="4707" spans="2:32">
      <c r="B4707" s="2"/>
      <c r="AF4707" s="4"/>
    </row>
    <row r="4708" spans="2:32">
      <c r="B4708" s="2"/>
      <c r="AF4708" s="4"/>
    </row>
    <row r="4709" spans="2:32">
      <c r="B4709" s="2"/>
      <c r="AF4709" s="4"/>
    </row>
    <row r="4710" spans="2:32">
      <c r="B4710" s="2"/>
      <c r="AF4710" s="4"/>
    </row>
    <row r="4711" spans="2:32">
      <c r="B4711" s="2"/>
      <c r="AF4711" s="4"/>
    </row>
    <row r="4712" spans="2:32">
      <c r="B4712" s="2"/>
      <c r="AF4712" s="4"/>
    </row>
    <row r="4713" spans="2:32">
      <c r="B4713" s="2"/>
      <c r="AF4713" s="4"/>
    </row>
    <row r="4714" spans="2:32">
      <c r="B4714" s="2"/>
      <c r="AF4714" s="4"/>
    </row>
    <row r="4715" spans="2:32">
      <c r="B4715" s="2"/>
      <c r="AF4715" s="4"/>
    </row>
    <row r="4716" spans="2:32">
      <c r="B4716" s="2"/>
      <c r="AF4716" s="4"/>
    </row>
    <row r="4717" spans="2:32">
      <c r="B4717" s="2"/>
      <c r="AF4717" s="4"/>
    </row>
    <row r="4718" spans="2:32">
      <c r="B4718" s="2"/>
      <c r="AF4718" s="4"/>
    </row>
    <row r="4719" spans="2:32">
      <c r="B4719" s="2"/>
      <c r="AF4719" s="4"/>
    </row>
    <row r="4720" spans="2:32">
      <c r="B4720" s="2"/>
      <c r="AF4720" s="4"/>
    </row>
    <row r="4721" spans="2:32">
      <c r="B4721" s="2"/>
      <c r="AF4721" s="4"/>
    </row>
    <row r="4722" spans="2:32">
      <c r="B4722" s="2"/>
      <c r="AF4722" s="4"/>
    </row>
    <row r="4723" spans="2:32">
      <c r="B4723" s="2"/>
      <c r="AF4723" s="4"/>
    </row>
    <row r="4724" spans="2:32">
      <c r="B4724" s="2"/>
      <c r="AF4724" s="4"/>
    </row>
    <row r="4725" spans="2:32">
      <c r="B4725" s="2"/>
      <c r="AF4725" s="4"/>
    </row>
    <row r="4726" spans="2:32">
      <c r="B4726" s="2"/>
      <c r="AF4726" s="4"/>
    </row>
    <row r="4727" spans="2:32">
      <c r="B4727" s="2"/>
      <c r="AF4727" s="4"/>
    </row>
    <row r="4728" spans="2:32">
      <c r="B4728" s="2"/>
      <c r="AF4728" s="4"/>
    </row>
    <row r="4729" spans="2:32">
      <c r="B4729" s="2"/>
      <c r="AF4729" s="4"/>
    </row>
    <row r="4730" spans="2:32">
      <c r="B4730" s="2"/>
      <c r="AF4730" s="4"/>
    </row>
    <row r="4731" spans="2:32">
      <c r="B4731" s="2"/>
      <c r="AF4731" s="4"/>
    </row>
    <row r="4732" spans="2:32">
      <c r="B4732" s="2"/>
      <c r="AF4732" s="4"/>
    </row>
    <row r="4733" spans="2:32">
      <c r="B4733" s="2"/>
      <c r="AF4733" s="4"/>
    </row>
    <row r="4734" spans="2:32">
      <c r="B4734" s="2"/>
      <c r="AF4734" s="4"/>
    </row>
    <row r="4735" spans="2:32">
      <c r="B4735" s="2"/>
      <c r="AF4735" s="4"/>
    </row>
    <row r="4736" spans="2:32">
      <c r="B4736" s="2"/>
      <c r="AF4736" s="4"/>
    </row>
    <row r="4737" spans="2:32">
      <c r="B4737" s="2"/>
      <c r="AF4737" s="4"/>
    </row>
    <row r="4738" spans="2:32">
      <c r="B4738" s="2"/>
      <c r="AF4738" s="4"/>
    </row>
    <row r="4739" spans="2:32">
      <c r="B4739" s="2"/>
      <c r="AF4739" s="4"/>
    </row>
    <row r="4740" spans="2:32">
      <c r="B4740" s="2"/>
      <c r="AF4740" s="4"/>
    </row>
    <row r="4741" spans="2:32">
      <c r="B4741" s="2"/>
      <c r="AF4741" s="4"/>
    </row>
    <row r="4742" spans="2:32">
      <c r="B4742" s="2"/>
      <c r="AF4742" s="4"/>
    </row>
    <row r="4743" spans="2:32">
      <c r="B4743" s="2"/>
      <c r="AF4743" s="4"/>
    </row>
    <row r="4744" spans="2:32">
      <c r="B4744" s="2"/>
      <c r="AF4744" s="4"/>
    </row>
    <row r="4745" spans="2:32">
      <c r="B4745" s="2"/>
      <c r="AF4745" s="4"/>
    </row>
    <row r="4746" spans="2:32">
      <c r="B4746" s="2"/>
      <c r="AF4746" s="4"/>
    </row>
    <row r="4747" spans="2:32">
      <c r="B4747" s="2"/>
      <c r="AF4747" s="4"/>
    </row>
    <row r="4748" spans="2:32">
      <c r="B4748" s="2"/>
      <c r="AF4748" s="4"/>
    </row>
    <row r="4749" spans="2:32">
      <c r="B4749" s="2"/>
      <c r="AF4749" s="4"/>
    </row>
    <row r="4750" spans="2:32">
      <c r="B4750" s="2"/>
      <c r="AF4750" s="4"/>
    </row>
    <row r="4751" spans="2:32">
      <c r="B4751" s="2"/>
      <c r="AF4751" s="4"/>
    </row>
    <row r="4752" spans="2:32">
      <c r="B4752" s="2"/>
      <c r="AF4752" s="4"/>
    </row>
    <row r="4753" spans="2:32">
      <c r="B4753" s="2"/>
      <c r="AF4753" s="4"/>
    </row>
    <row r="4754" spans="2:32">
      <c r="B4754" s="2"/>
      <c r="AF4754" s="4"/>
    </row>
    <row r="4755" spans="2:32">
      <c r="B4755" s="2"/>
      <c r="AF4755" s="4"/>
    </row>
    <row r="4756" spans="2:32">
      <c r="B4756" s="2"/>
      <c r="AF4756" s="4"/>
    </row>
    <row r="4757" spans="2:32">
      <c r="B4757" s="2"/>
      <c r="AF4757" s="4"/>
    </row>
    <row r="4758" spans="2:32">
      <c r="B4758" s="2"/>
      <c r="AF4758" s="4"/>
    </row>
    <row r="4759" spans="2:32">
      <c r="B4759" s="2"/>
      <c r="AF4759" s="4"/>
    </row>
    <row r="4760" spans="2:32">
      <c r="B4760" s="2"/>
      <c r="AF4760" s="4"/>
    </row>
    <row r="4761" spans="2:32">
      <c r="B4761" s="2"/>
      <c r="AF4761" s="4"/>
    </row>
    <row r="4762" spans="2:32">
      <c r="B4762" s="2"/>
      <c r="AF4762" s="4"/>
    </row>
    <row r="4763" spans="2:32">
      <c r="B4763" s="2"/>
      <c r="AF4763" s="4"/>
    </row>
    <row r="4764" spans="2:32">
      <c r="B4764" s="2"/>
      <c r="AF4764" s="4"/>
    </row>
    <row r="4765" spans="2:32">
      <c r="B4765" s="2"/>
      <c r="AF4765" s="4"/>
    </row>
    <row r="4766" spans="2:32">
      <c r="B4766" s="2"/>
      <c r="AF4766" s="4"/>
    </row>
    <row r="4767" spans="2:32">
      <c r="B4767" s="2"/>
      <c r="AF4767" s="4"/>
    </row>
    <row r="4768" spans="2:32">
      <c r="B4768" s="2"/>
      <c r="AF4768" s="4"/>
    </row>
    <row r="4769" spans="2:32">
      <c r="B4769" s="2"/>
      <c r="AF4769" s="4"/>
    </row>
    <row r="4770" spans="2:32">
      <c r="B4770" s="2"/>
      <c r="AF4770" s="4"/>
    </row>
    <row r="4771" spans="2:32">
      <c r="B4771" s="2"/>
      <c r="AF4771" s="4"/>
    </row>
    <row r="4772" spans="2:32">
      <c r="B4772" s="2"/>
      <c r="AF4772" s="4"/>
    </row>
    <row r="4773" spans="2:32">
      <c r="B4773" s="2"/>
      <c r="AF4773" s="4"/>
    </row>
    <row r="4774" spans="2:32">
      <c r="B4774" s="2"/>
      <c r="AF4774" s="4"/>
    </row>
    <row r="4775" spans="2:32">
      <c r="B4775" s="2"/>
      <c r="AF4775" s="4"/>
    </row>
    <row r="4776" spans="2:32">
      <c r="B4776" s="2"/>
      <c r="AF4776" s="4"/>
    </row>
    <row r="4777" spans="2:32">
      <c r="B4777" s="2"/>
      <c r="AF4777" s="4"/>
    </row>
    <row r="4778" spans="2:32">
      <c r="B4778" s="2"/>
      <c r="AF4778" s="4"/>
    </row>
    <row r="4779" spans="2:32">
      <c r="B4779" s="2"/>
      <c r="AF4779" s="4"/>
    </row>
    <row r="4780" spans="2:32">
      <c r="B4780" s="2"/>
      <c r="AF4780" s="4"/>
    </row>
    <row r="4781" spans="2:32">
      <c r="B4781" s="2"/>
      <c r="AF4781" s="4"/>
    </row>
    <row r="4782" spans="2:32">
      <c r="B4782" s="2"/>
      <c r="AF4782" s="4"/>
    </row>
    <row r="4783" spans="2:32">
      <c r="B4783" s="2"/>
      <c r="AF4783" s="4"/>
    </row>
    <row r="4784" spans="2:32">
      <c r="B4784" s="2"/>
      <c r="AF4784" s="4"/>
    </row>
    <row r="4785" spans="2:32">
      <c r="B4785" s="2"/>
      <c r="AF4785" s="4"/>
    </row>
    <row r="4786" spans="2:32">
      <c r="B4786" s="2"/>
      <c r="AF4786" s="4"/>
    </row>
    <row r="4787" spans="2:32">
      <c r="B4787" s="2"/>
      <c r="AF4787" s="4"/>
    </row>
    <row r="4788" spans="2:32">
      <c r="B4788" s="2"/>
      <c r="AF4788" s="4"/>
    </row>
    <row r="4789" spans="2:32">
      <c r="B4789" s="2"/>
      <c r="AF4789" s="4"/>
    </row>
    <row r="4790" spans="2:32">
      <c r="B4790" s="2"/>
      <c r="AF4790" s="4"/>
    </row>
    <row r="4791" spans="2:32">
      <c r="B4791" s="2"/>
      <c r="AF4791" s="4"/>
    </row>
    <row r="4792" spans="2:32">
      <c r="B4792" s="2"/>
      <c r="AF4792" s="4"/>
    </row>
    <row r="4793" spans="2:32">
      <c r="B4793" s="2"/>
      <c r="AF4793" s="4"/>
    </row>
    <row r="4794" spans="2:32">
      <c r="B4794" s="2"/>
      <c r="AF4794" s="4"/>
    </row>
    <row r="4795" spans="2:32">
      <c r="B4795" s="2"/>
      <c r="AF4795" s="4"/>
    </row>
    <row r="4796" spans="2:32">
      <c r="B4796" s="2"/>
      <c r="AF4796" s="4"/>
    </row>
    <row r="4797" spans="2:32">
      <c r="B4797" s="2"/>
      <c r="AF4797" s="4"/>
    </row>
    <row r="4798" spans="2:32">
      <c r="B4798" s="2"/>
      <c r="AF4798" s="4"/>
    </row>
    <row r="4799" spans="2:32">
      <c r="B4799" s="2"/>
      <c r="AF4799" s="4"/>
    </row>
    <row r="4800" spans="2:32">
      <c r="B4800" s="2"/>
      <c r="AF4800" s="4"/>
    </row>
    <row r="4801" spans="2:32">
      <c r="B4801" s="2"/>
      <c r="AF4801" s="4"/>
    </row>
    <row r="4802" spans="2:32">
      <c r="B4802" s="2"/>
      <c r="AF4802" s="4"/>
    </row>
    <row r="4803" spans="2:32">
      <c r="B4803" s="2"/>
      <c r="AF4803" s="4"/>
    </row>
    <row r="4804" spans="2:32">
      <c r="B4804" s="2"/>
      <c r="AF4804" s="4"/>
    </row>
    <row r="4805" spans="2:32">
      <c r="B4805" s="2"/>
      <c r="AF4805" s="4"/>
    </row>
    <row r="4806" spans="2:32">
      <c r="B4806" s="2"/>
      <c r="AF4806" s="4"/>
    </row>
    <row r="4807" spans="2:32">
      <c r="B4807" s="2"/>
      <c r="AF4807" s="4"/>
    </row>
    <row r="4808" spans="2:32">
      <c r="B4808" s="2"/>
      <c r="AF4808" s="4"/>
    </row>
    <row r="4809" spans="2:32">
      <c r="B4809" s="2"/>
      <c r="AF4809" s="4"/>
    </row>
    <row r="4810" spans="2:32">
      <c r="B4810" s="2"/>
      <c r="AF4810" s="4"/>
    </row>
    <row r="4811" spans="2:32">
      <c r="B4811" s="2"/>
      <c r="AF4811" s="4"/>
    </row>
    <row r="4812" spans="2:32">
      <c r="B4812" s="2"/>
      <c r="AF4812" s="4"/>
    </row>
    <row r="4813" spans="2:32">
      <c r="B4813" s="2"/>
      <c r="AF4813" s="4"/>
    </row>
    <row r="4814" spans="2:32">
      <c r="B4814" s="2"/>
      <c r="AF4814" s="4"/>
    </row>
    <row r="4815" spans="2:32">
      <c r="B4815" s="2"/>
      <c r="AF4815" s="4"/>
    </row>
    <row r="4816" spans="2:32">
      <c r="B4816" s="2"/>
      <c r="AF4816" s="4"/>
    </row>
    <row r="4817" spans="2:32">
      <c r="B4817" s="2"/>
      <c r="AF4817" s="4"/>
    </row>
    <row r="4818" spans="2:32">
      <c r="B4818" s="2"/>
      <c r="AF4818" s="4"/>
    </row>
    <row r="4819" spans="2:32">
      <c r="B4819" s="2"/>
      <c r="AF4819" s="4"/>
    </row>
    <row r="4820" spans="2:32">
      <c r="B4820" s="2"/>
      <c r="AF4820" s="4"/>
    </row>
    <row r="4821" spans="2:32">
      <c r="B4821" s="2"/>
      <c r="AF4821" s="4"/>
    </row>
    <row r="4822" spans="2:32">
      <c r="B4822" s="2"/>
      <c r="AF4822" s="4"/>
    </row>
    <row r="4823" spans="2:32">
      <c r="B4823" s="2"/>
      <c r="AF4823" s="4"/>
    </row>
    <row r="4824" spans="2:32">
      <c r="B4824" s="2"/>
      <c r="AF4824" s="4"/>
    </row>
    <row r="4825" spans="2:32">
      <c r="B4825" s="2"/>
      <c r="AF4825" s="4"/>
    </row>
    <row r="4826" spans="2:32">
      <c r="B4826" s="2"/>
      <c r="AF4826" s="4"/>
    </row>
    <row r="4827" spans="2:32">
      <c r="B4827" s="2"/>
      <c r="AF4827" s="4"/>
    </row>
    <row r="4828" spans="2:32">
      <c r="B4828" s="2"/>
      <c r="AF4828" s="4"/>
    </row>
    <row r="4829" spans="2:32">
      <c r="B4829" s="2"/>
      <c r="AF4829" s="4"/>
    </row>
    <row r="4830" spans="2:32">
      <c r="B4830" s="2"/>
      <c r="AF4830" s="4"/>
    </row>
    <row r="4831" spans="2:32">
      <c r="B4831" s="2"/>
      <c r="AF4831" s="4"/>
    </row>
    <row r="4832" spans="2:32">
      <c r="B4832" s="2"/>
      <c r="AF4832" s="4"/>
    </row>
    <row r="4833" spans="2:32">
      <c r="B4833" s="2"/>
      <c r="AF4833" s="4"/>
    </row>
    <row r="4834" spans="2:32">
      <c r="B4834" s="2"/>
      <c r="AF4834" s="4"/>
    </row>
    <row r="4835" spans="2:32">
      <c r="B4835" s="2"/>
      <c r="AF4835" s="4"/>
    </row>
    <row r="4836" spans="2:32">
      <c r="B4836" s="2"/>
      <c r="AF4836" s="4"/>
    </row>
    <row r="4837" spans="2:32">
      <c r="B4837" s="2"/>
      <c r="AF4837" s="4"/>
    </row>
    <row r="4838" spans="2:32">
      <c r="B4838" s="2"/>
      <c r="AF4838" s="4"/>
    </row>
    <row r="4839" spans="2:32">
      <c r="B4839" s="2"/>
      <c r="AF4839" s="4"/>
    </row>
    <row r="4840" spans="2:32">
      <c r="B4840" s="2"/>
      <c r="AF4840" s="4"/>
    </row>
    <row r="4841" spans="2:32">
      <c r="B4841" s="2"/>
      <c r="AF4841" s="4"/>
    </row>
    <row r="4842" spans="2:32">
      <c r="B4842" s="2"/>
      <c r="AF4842" s="4"/>
    </row>
    <row r="4843" spans="2:32">
      <c r="B4843" s="2"/>
      <c r="AF4843" s="4"/>
    </row>
    <row r="4844" spans="2:32">
      <c r="B4844" s="2"/>
      <c r="AF4844" s="4"/>
    </row>
    <row r="4845" spans="2:32">
      <c r="B4845" s="2"/>
      <c r="AF4845" s="4"/>
    </row>
    <row r="4846" spans="2:32">
      <c r="B4846" s="2"/>
      <c r="AF4846" s="4"/>
    </row>
    <row r="4847" spans="2:32">
      <c r="B4847" s="2"/>
      <c r="AF4847" s="4"/>
    </row>
    <row r="4848" spans="2:32">
      <c r="B4848" s="2"/>
      <c r="AF4848" s="4"/>
    </row>
    <row r="4849" spans="2:32">
      <c r="B4849" s="2"/>
      <c r="AF4849" s="4"/>
    </row>
    <row r="4850" spans="2:32">
      <c r="B4850" s="2"/>
      <c r="AF4850" s="4"/>
    </row>
    <row r="4851" spans="2:32">
      <c r="B4851" s="2"/>
      <c r="AF4851" s="4"/>
    </row>
    <row r="4852" spans="2:32">
      <c r="B4852" s="2"/>
      <c r="AF4852" s="4"/>
    </row>
    <row r="4853" spans="2:32">
      <c r="B4853" s="2"/>
      <c r="AF4853" s="4"/>
    </row>
    <row r="4854" spans="2:32">
      <c r="B4854" s="2"/>
      <c r="AF4854" s="4"/>
    </row>
    <row r="4855" spans="2:32">
      <c r="B4855" s="2"/>
      <c r="AF4855" s="4"/>
    </row>
    <row r="4856" spans="2:32">
      <c r="B4856" s="2"/>
      <c r="AF4856" s="4"/>
    </row>
    <row r="4857" spans="2:32">
      <c r="B4857" s="2"/>
      <c r="AF4857" s="4"/>
    </row>
    <row r="4858" spans="2:32">
      <c r="B4858" s="2"/>
      <c r="AF4858" s="4"/>
    </row>
    <row r="4859" spans="2:32">
      <c r="B4859" s="2"/>
      <c r="AF4859" s="4"/>
    </row>
    <row r="4860" spans="2:32">
      <c r="B4860" s="2"/>
      <c r="AF4860" s="4"/>
    </row>
    <row r="4861" spans="2:32">
      <c r="B4861" s="2"/>
      <c r="AF4861" s="4"/>
    </row>
    <row r="4862" spans="2:32">
      <c r="B4862" s="2"/>
      <c r="AF4862" s="4"/>
    </row>
    <row r="4863" spans="2:32">
      <c r="B4863" s="2"/>
      <c r="AF4863" s="4"/>
    </row>
    <row r="4864" spans="2:32">
      <c r="B4864" s="2"/>
      <c r="AF4864" s="4"/>
    </row>
    <row r="4865" spans="2:32">
      <c r="B4865" s="2"/>
      <c r="AF4865" s="4"/>
    </row>
    <row r="4866" spans="2:32">
      <c r="B4866" s="2"/>
      <c r="AF4866" s="4"/>
    </row>
    <row r="4867" spans="2:32">
      <c r="B4867" s="2"/>
      <c r="AF4867" s="4"/>
    </row>
    <row r="4868" spans="2:32">
      <c r="B4868" s="2"/>
      <c r="AF4868" s="4"/>
    </row>
    <row r="4869" spans="2:32">
      <c r="B4869" s="2"/>
      <c r="AF4869" s="4"/>
    </row>
    <row r="4870" spans="2:32">
      <c r="B4870" s="2"/>
      <c r="AF4870" s="4"/>
    </row>
    <row r="4871" spans="2:32">
      <c r="B4871" s="2"/>
      <c r="AF4871" s="4"/>
    </row>
    <row r="4872" spans="2:32">
      <c r="B4872" s="2"/>
      <c r="AF4872" s="4"/>
    </row>
    <row r="4873" spans="2:32">
      <c r="B4873" s="2"/>
      <c r="AF4873" s="4"/>
    </row>
    <row r="4874" spans="2:32">
      <c r="B4874" s="2"/>
      <c r="AF4874" s="4"/>
    </row>
    <row r="4875" spans="2:32">
      <c r="B4875" s="2"/>
      <c r="AF4875" s="4"/>
    </row>
    <row r="4876" spans="2:32">
      <c r="B4876" s="2"/>
      <c r="AF4876" s="4"/>
    </row>
    <row r="4877" spans="2:32">
      <c r="B4877" s="2"/>
      <c r="AF4877" s="4"/>
    </row>
    <row r="4878" spans="2:32">
      <c r="B4878" s="2"/>
      <c r="AF4878" s="4"/>
    </row>
    <row r="4879" spans="2:32">
      <c r="B4879" s="2"/>
      <c r="AF4879" s="4"/>
    </row>
    <row r="4880" spans="2:32">
      <c r="B4880" s="2"/>
      <c r="AF4880" s="4"/>
    </row>
    <row r="4881" spans="2:32">
      <c r="B4881" s="2"/>
      <c r="AF4881" s="4"/>
    </row>
    <row r="4882" spans="2:32">
      <c r="B4882" s="2"/>
      <c r="AF4882" s="4"/>
    </row>
    <row r="4883" spans="2:32">
      <c r="B4883" s="2"/>
      <c r="AF4883" s="4"/>
    </row>
    <row r="4884" spans="2:32">
      <c r="B4884" s="2"/>
      <c r="AF4884" s="4"/>
    </row>
    <row r="4885" spans="2:32">
      <c r="B4885" s="2"/>
      <c r="AF4885" s="4"/>
    </row>
    <row r="4886" spans="2:32">
      <c r="B4886" s="2"/>
      <c r="AF4886" s="4"/>
    </row>
    <row r="4887" spans="2:32">
      <c r="B4887" s="2"/>
      <c r="AF4887" s="4"/>
    </row>
    <row r="4888" spans="2:32">
      <c r="B4888" s="2"/>
      <c r="AF4888" s="4"/>
    </row>
    <row r="4889" spans="2:32">
      <c r="B4889" s="2"/>
      <c r="AF4889" s="4"/>
    </row>
    <row r="4890" spans="2:32">
      <c r="B4890" s="2"/>
      <c r="AF4890" s="4"/>
    </row>
    <row r="4891" spans="2:32">
      <c r="B4891" s="2"/>
      <c r="AF4891" s="4"/>
    </row>
    <row r="4892" spans="2:32">
      <c r="B4892" s="2"/>
      <c r="AF4892" s="4"/>
    </row>
    <row r="4893" spans="2:32">
      <c r="B4893" s="2"/>
      <c r="AF4893" s="4"/>
    </row>
    <row r="4894" spans="2:32">
      <c r="B4894" s="2"/>
      <c r="AF4894" s="4"/>
    </row>
    <row r="4895" spans="2:32">
      <c r="B4895" s="2"/>
      <c r="AF4895" s="4"/>
    </row>
    <row r="4896" spans="2:32">
      <c r="B4896" s="2"/>
      <c r="AF4896" s="4"/>
    </row>
    <row r="4897" spans="2:32">
      <c r="B4897" s="2"/>
      <c r="AF4897" s="4"/>
    </row>
    <row r="4898" spans="2:32">
      <c r="B4898" s="2"/>
      <c r="AF4898" s="4"/>
    </row>
    <row r="4899" spans="2:32">
      <c r="B4899" s="2"/>
      <c r="AF4899" s="4"/>
    </row>
    <row r="4900" spans="2:32">
      <c r="B4900" s="2"/>
      <c r="AF4900" s="4"/>
    </row>
    <row r="4901" spans="2:32">
      <c r="B4901" s="2"/>
      <c r="AF4901" s="4"/>
    </row>
    <row r="4902" spans="2:32">
      <c r="B4902" s="2"/>
      <c r="AF4902" s="4"/>
    </row>
    <row r="4903" spans="2:32">
      <c r="B4903" s="2"/>
      <c r="AF4903" s="4"/>
    </row>
    <row r="4904" spans="2:32">
      <c r="B4904" s="2"/>
      <c r="AF4904" s="4"/>
    </row>
    <row r="4905" spans="2:32">
      <c r="B4905" s="2"/>
      <c r="AF4905" s="4"/>
    </row>
    <row r="4906" spans="2:32">
      <c r="B4906" s="2"/>
      <c r="AF4906" s="4"/>
    </row>
    <row r="4907" spans="2:32">
      <c r="B4907" s="2"/>
      <c r="AF4907" s="4"/>
    </row>
    <row r="4908" spans="2:32">
      <c r="B4908" s="2"/>
      <c r="AF4908" s="4"/>
    </row>
    <row r="4909" spans="2:32">
      <c r="B4909" s="2"/>
      <c r="AF4909" s="4"/>
    </row>
    <row r="4910" spans="2:32">
      <c r="B4910" s="2"/>
      <c r="AF4910" s="4"/>
    </row>
    <row r="4911" spans="2:32">
      <c r="B4911" s="2"/>
      <c r="AF4911" s="4"/>
    </row>
    <row r="4912" spans="2:32">
      <c r="B4912" s="2"/>
      <c r="AF4912" s="4"/>
    </row>
    <row r="4913" spans="2:32">
      <c r="B4913" s="2"/>
      <c r="AF4913" s="4"/>
    </row>
    <row r="4914" spans="2:32">
      <c r="B4914" s="2"/>
      <c r="AF4914" s="4"/>
    </row>
    <row r="4915" spans="2:32">
      <c r="B4915" s="2"/>
      <c r="AF4915" s="4"/>
    </row>
    <row r="4916" spans="2:32">
      <c r="B4916" s="2"/>
      <c r="AF4916" s="4"/>
    </row>
    <row r="4917" spans="2:32">
      <c r="B4917" s="2"/>
      <c r="AF4917" s="4"/>
    </row>
    <row r="4918" spans="2:32">
      <c r="B4918" s="2"/>
      <c r="AF4918" s="4"/>
    </row>
    <row r="4919" spans="2:32">
      <c r="B4919" s="2"/>
      <c r="AF4919" s="4"/>
    </row>
    <row r="4920" spans="2:32">
      <c r="B4920" s="2"/>
      <c r="AF4920" s="4"/>
    </row>
    <row r="4921" spans="2:32">
      <c r="B4921" s="2"/>
      <c r="AF4921" s="4"/>
    </row>
    <row r="4922" spans="2:32">
      <c r="B4922" s="2"/>
      <c r="AF4922" s="4"/>
    </row>
    <row r="4923" spans="2:32">
      <c r="B4923" s="2"/>
      <c r="AF4923" s="4"/>
    </row>
    <row r="4924" spans="2:32">
      <c r="B4924" s="2"/>
      <c r="AF4924" s="4"/>
    </row>
    <row r="4925" spans="2:32">
      <c r="B4925" s="2"/>
      <c r="AF4925" s="4"/>
    </row>
    <row r="4926" spans="2:32">
      <c r="B4926" s="2"/>
      <c r="AF4926" s="4"/>
    </row>
    <row r="4927" spans="2:32">
      <c r="B4927" s="2"/>
      <c r="AF4927" s="4"/>
    </row>
    <row r="4928" spans="2:32">
      <c r="B4928" s="2"/>
      <c r="AF4928" s="4"/>
    </row>
    <row r="4929" spans="2:32">
      <c r="B4929" s="2"/>
      <c r="AF4929" s="4"/>
    </row>
    <row r="4930" spans="2:32">
      <c r="B4930" s="2"/>
      <c r="AF4930" s="4"/>
    </row>
    <row r="4931" spans="2:32">
      <c r="B4931" s="2"/>
      <c r="AF4931" s="4"/>
    </row>
    <row r="4932" spans="2:32">
      <c r="B4932" s="2"/>
      <c r="AF4932" s="4"/>
    </row>
    <row r="4933" spans="2:32">
      <c r="B4933" s="2"/>
      <c r="AF4933" s="4"/>
    </row>
    <row r="4934" spans="2:32">
      <c r="B4934" s="2"/>
      <c r="AF4934" s="4"/>
    </row>
    <row r="4935" spans="2:32">
      <c r="B4935" s="2"/>
      <c r="AF4935" s="4"/>
    </row>
    <row r="4936" spans="2:32">
      <c r="B4936" s="2"/>
      <c r="AF4936" s="4"/>
    </row>
    <row r="4937" spans="2:32">
      <c r="B4937" s="2"/>
      <c r="AF4937" s="4"/>
    </row>
    <row r="4938" spans="2:32">
      <c r="B4938" s="2"/>
      <c r="AF4938" s="4"/>
    </row>
    <row r="4939" spans="2:32">
      <c r="B4939" s="2"/>
      <c r="AF4939" s="4"/>
    </row>
    <row r="4940" spans="2:32">
      <c r="B4940" s="2"/>
      <c r="AF4940" s="4"/>
    </row>
    <row r="4941" spans="2:32">
      <c r="B4941" s="2"/>
      <c r="AF4941" s="4"/>
    </row>
    <row r="4942" spans="2:32">
      <c r="B4942" s="2"/>
      <c r="AF4942" s="4"/>
    </row>
    <row r="4943" spans="2:32">
      <c r="B4943" s="2"/>
      <c r="AF4943" s="4"/>
    </row>
    <row r="4944" spans="2:32">
      <c r="B4944" s="2"/>
      <c r="AF4944" s="4"/>
    </row>
    <row r="4945" spans="2:32">
      <c r="B4945" s="2"/>
      <c r="AF4945" s="4"/>
    </row>
    <row r="4946" spans="2:32">
      <c r="B4946" s="2"/>
      <c r="AF4946" s="4"/>
    </row>
    <row r="4947" spans="2:32">
      <c r="B4947" s="2"/>
      <c r="AF4947" s="4"/>
    </row>
    <row r="4948" spans="2:32">
      <c r="B4948" s="2"/>
      <c r="AF4948" s="4"/>
    </row>
    <row r="4949" spans="2:32">
      <c r="B4949" s="2"/>
      <c r="AF4949" s="4"/>
    </row>
    <row r="4950" spans="2:32">
      <c r="B4950" s="2"/>
      <c r="AF4950" s="4"/>
    </row>
    <row r="4951" spans="2:32">
      <c r="B4951" s="2"/>
      <c r="AF4951" s="4"/>
    </row>
    <row r="4952" spans="2:32">
      <c r="B4952" s="2"/>
      <c r="AF4952" s="4"/>
    </row>
    <row r="4953" spans="2:32">
      <c r="B4953" s="2"/>
      <c r="AF4953" s="4"/>
    </row>
    <row r="4954" spans="2:32">
      <c r="B4954" s="2"/>
      <c r="AF4954" s="4"/>
    </row>
    <row r="4955" spans="2:32">
      <c r="B4955" s="2"/>
      <c r="AF4955" s="4"/>
    </row>
    <row r="4956" spans="2:32">
      <c r="B4956" s="2"/>
      <c r="AF4956" s="4"/>
    </row>
    <row r="4957" spans="2:32">
      <c r="B4957" s="2"/>
      <c r="AF4957" s="4"/>
    </row>
    <row r="4958" spans="2:32">
      <c r="B4958" s="2"/>
      <c r="AF4958" s="4"/>
    </row>
    <row r="4959" spans="2:32">
      <c r="B4959" s="2"/>
      <c r="AF4959" s="4"/>
    </row>
    <row r="4960" spans="2:32">
      <c r="B4960" s="2"/>
      <c r="AF4960" s="4"/>
    </row>
    <row r="4961" spans="2:32">
      <c r="B4961" s="2"/>
      <c r="AF4961" s="4"/>
    </row>
    <row r="4962" spans="2:32">
      <c r="B4962" s="2"/>
      <c r="AF4962" s="4"/>
    </row>
    <row r="4963" spans="2:32">
      <c r="B4963" s="2"/>
      <c r="AF4963" s="4"/>
    </row>
    <row r="4964" spans="2:32">
      <c r="B4964" s="2"/>
      <c r="AF4964" s="4"/>
    </row>
    <row r="4965" spans="2:32">
      <c r="B4965" s="2"/>
      <c r="AF4965" s="4"/>
    </row>
    <row r="4966" spans="2:32">
      <c r="B4966" s="2"/>
      <c r="AF4966" s="4"/>
    </row>
    <row r="4967" spans="2:32">
      <c r="B4967" s="2"/>
      <c r="AF4967" s="4"/>
    </row>
    <row r="4968" spans="2:32">
      <c r="B4968" s="2"/>
      <c r="AF4968" s="4"/>
    </row>
    <row r="4969" spans="2:32">
      <c r="B4969" s="2"/>
      <c r="AF4969" s="4"/>
    </row>
    <row r="4970" spans="2:32">
      <c r="B4970" s="2"/>
      <c r="AF4970" s="4"/>
    </row>
    <row r="4971" spans="2:32">
      <c r="B4971" s="2"/>
      <c r="AF4971" s="4"/>
    </row>
    <row r="4972" spans="2:32">
      <c r="B4972" s="2"/>
      <c r="AF4972" s="4"/>
    </row>
    <row r="4973" spans="2:32">
      <c r="B4973" s="2"/>
      <c r="AF4973" s="4"/>
    </row>
    <row r="4974" spans="2:32">
      <c r="B4974" s="2"/>
      <c r="AF4974" s="4"/>
    </row>
    <row r="4975" spans="2:32">
      <c r="B4975" s="2"/>
      <c r="AF4975" s="4"/>
    </row>
    <row r="4976" spans="2:32">
      <c r="B4976" s="2"/>
      <c r="AF4976" s="4"/>
    </row>
    <row r="4977" spans="2:32">
      <c r="B4977" s="2"/>
      <c r="AF4977" s="4"/>
    </row>
    <row r="4978" spans="2:32">
      <c r="B4978" s="2"/>
      <c r="AF4978" s="4"/>
    </row>
    <row r="4979" spans="2:32">
      <c r="B4979" s="2"/>
      <c r="AF4979" s="4"/>
    </row>
    <row r="4980" spans="2:32">
      <c r="B4980" s="2"/>
      <c r="AF4980" s="4"/>
    </row>
    <row r="4981" spans="2:32">
      <c r="B4981" s="2"/>
      <c r="AF4981" s="4"/>
    </row>
    <row r="4982" spans="2:32">
      <c r="B4982" s="2"/>
      <c r="AF4982" s="4"/>
    </row>
    <row r="4983" spans="2:32">
      <c r="B4983" s="2"/>
      <c r="AF4983" s="4"/>
    </row>
    <row r="4984" spans="2:32">
      <c r="B4984" s="2"/>
      <c r="AF4984" s="4"/>
    </row>
    <row r="4985" spans="2:32">
      <c r="B4985" s="2"/>
      <c r="AF4985" s="4"/>
    </row>
    <row r="4986" spans="2:32">
      <c r="B4986" s="2"/>
      <c r="AF4986" s="4"/>
    </row>
    <row r="4987" spans="2:32">
      <c r="B4987" s="2"/>
      <c r="AF4987" s="4"/>
    </row>
    <row r="4988" spans="2:32">
      <c r="B4988" s="2"/>
      <c r="AF4988" s="4"/>
    </row>
    <row r="4989" spans="2:32">
      <c r="B4989" s="2"/>
      <c r="AF4989" s="4"/>
    </row>
    <row r="4990" spans="2:32">
      <c r="B4990" s="2"/>
      <c r="AF4990" s="4"/>
    </row>
    <row r="4991" spans="2:32">
      <c r="B4991" s="2"/>
      <c r="AF4991" s="4"/>
    </row>
    <row r="4992" spans="2:32">
      <c r="B4992" s="2"/>
      <c r="AF4992" s="4"/>
    </row>
    <row r="4993" spans="2:32">
      <c r="B4993" s="2"/>
      <c r="AF4993" s="4"/>
    </row>
    <row r="4994" spans="2:32">
      <c r="B4994" s="2"/>
      <c r="AF4994" s="4"/>
    </row>
    <row r="4995" spans="2:32">
      <c r="B4995" s="2"/>
      <c r="AF4995" s="4"/>
    </row>
    <row r="4996" spans="2:32">
      <c r="B4996" s="2"/>
      <c r="AF4996" s="4"/>
    </row>
    <row r="4997" spans="2:32">
      <c r="B4997" s="2"/>
      <c r="AF4997" s="4"/>
    </row>
    <row r="4998" spans="2:32">
      <c r="B4998" s="2"/>
      <c r="AF4998" s="4"/>
    </row>
    <row r="4999" spans="2:32">
      <c r="B4999" s="2"/>
      <c r="AF4999" s="4"/>
    </row>
    <row r="5000" spans="2:32">
      <c r="B5000" s="2"/>
      <c r="AF5000" s="4"/>
    </row>
    <row r="5001" spans="2:32">
      <c r="B5001" s="2"/>
      <c r="AF5001" s="4"/>
    </row>
    <row r="5002" spans="2:32">
      <c r="B5002" s="2"/>
      <c r="AF5002" s="4"/>
    </row>
    <row r="5003" spans="2:32">
      <c r="B5003" s="2"/>
      <c r="AF5003" s="4"/>
    </row>
    <row r="5004" spans="2:32">
      <c r="B5004" s="2"/>
      <c r="AF5004" s="4"/>
    </row>
    <row r="5005" spans="2:32">
      <c r="B5005" s="2"/>
      <c r="AF5005" s="4"/>
    </row>
    <row r="5006" spans="2:32">
      <c r="B5006" s="2"/>
      <c r="AF5006" s="4"/>
    </row>
    <row r="5007" spans="2:32">
      <c r="B5007" s="2"/>
      <c r="AF5007" s="4"/>
    </row>
    <row r="5008" spans="2:32">
      <c r="B5008" s="2"/>
      <c r="AF5008" s="4"/>
    </row>
    <row r="5009" spans="2:32">
      <c r="B5009" s="2"/>
      <c r="AF5009" s="4"/>
    </row>
    <row r="5010" spans="2:32">
      <c r="B5010" s="2"/>
      <c r="AF5010" s="4"/>
    </row>
    <row r="5011" spans="2:32">
      <c r="B5011" s="2"/>
      <c r="AF5011" s="4"/>
    </row>
    <row r="5012" spans="2:32">
      <c r="B5012" s="2"/>
      <c r="AF5012" s="4"/>
    </row>
    <row r="5013" spans="2:32">
      <c r="B5013" s="2"/>
      <c r="AF5013" s="4"/>
    </row>
    <row r="5014" spans="2:32">
      <c r="B5014" s="2"/>
      <c r="AF5014" s="4"/>
    </row>
    <row r="5015" spans="2:32">
      <c r="B5015" s="2"/>
      <c r="AF5015" s="4"/>
    </row>
    <row r="5016" spans="2:32">
      <c r="B5016" s="2"/>
      <c r="AF5016" s="4"/>
    </row>
    <row r="5017" spans="2:32">
      <c r="B5017" s="2"/>
      <c r="AF5017" s="4"/>
    </row>
    <row r="5018" spans="2:32">
      <c r="B5018" s="2"/>
      <c r="AF5018" s="4"/>
    </row>
    <row r="5019" spans="2:32">
      <c r="B5019" s="2"/>
      <c r="AF5019" s="4"/>
    </row>
    <row r="5020" spans="2:32">
      <c r="B5020" s="2"/>
      <c r="AF5020" s="4"/>
    </row>
    <row r="5021" spans="2:32">
      <c r="B5021" s="2"/>
      <c r="AF5021" s="4"/>
    </row>
    <row r="5022" spans="2:32">
      <c r="B5022" s="2"/>
      <c r="AF5022" s="4"/>
    </row>
    <row r="5023" spans="2:32">
      <c r="B5023" s="2"/>
      <c r="AF5023" s="4"/>
    </row>
    <row r="5024" spans="2:32">
      <c r="B5024" s="2"/>
      <c r="AF5024" s="4"/>
    </row>
    <row r="5025" spans="2:32">
      <c r="B5025" s="2"/>
      <c r="AF5025" s="4"/>
    </row>
    <row r="5026" spans="2:32">
      <c r="B5026" s="2"/>
      <c r="AF5026" s="4"/>
    </row>
    <row r="5027" spans="2:32">
      <c r="B5027" s="2"/>
      <c r="AF5027" s="4"/>
    </row>
    <row r="5028" spans="2:32">
      <c r="B5028" s="2"/>
      <c r="AF5028" s="4"/>
    </row>
    <row r="5029" spans="2:32">
      <c r="B5029" s="2"/>
      <c r="AF5029" s="4"/>
    </row>
    <row r="5030" spans="2:32">
      <c r="B5030" s="2"/>
      <c r="AF5030" s="4"/>
    </row>
    <row r="5031" spans="2:32">
      <c r="B5031" s="2"/>
      <c r="AF5031" s="4"/>
    </row>
    <row r="5032" spans="2:32">
      <c r="B5032" s="2"/>
      <c r="AF5032" s="4"/>
    </row>
    <row r="5033" spans="2:32">
      <c r="B5033" s="2"/>
      <c r="AF5033" s="4"/>
    </row>
    <row r="5034" spans="2:32">
      <c r="B5034" s="2"/>
      <c r="AF5034" s="4"/>
    </row>
    <row r="5035" spans="2:32">
      <c r="B5035" s="2"/>
      <c r="AF5035" s="4"/>
    </row>
    <row r="5036" spans="2:32">
      <c r="B5036" s="2"/>
      <c r="AF5036" s="4"/>
    </row>
    <row r="5037" spans="2:32">
      <c r="B5037" s="2"/>
      <c r="AF5037" s="4"/>
    </row>
    <row r="5038" spans="2:32">
      <c r="B5038" s="2"/>
      <c r="AF5038" s="4"/>
    </row>
    <row r="5039" spans="2:32">
      <c r="B5039" s="2"/>
      <c r="AF5039" s="4"/>
    </row>
    <row r="5040" spans="2:32">
      <c r="B5040" s="2"/>
      <c r="AF5040" s="4"/>
    </row>
    <row r="5041" spans="2:32">
      <c r="B5041" s="2"/>
      <c r="AF5041" s="4"/>
    </row>
    <row r="5042" spans="2:32">
      <c r="B5042" s="2"/>
      <c r="AF5042" s="4"/>
    </row>
    <row r="5043" spans="2:32">
      <c r="B5043" s="2"/>
      <c r="AF5043" s="4"/>
    </row>
    <row r="5044" spans="2:32">
      <c r="B5044" s="2"/>
      <c r="AF5044" s="4"/>
    </row>
    <row r="5045" spans="2:32">
      <c r="B5045" s="2"/>
      <c r="AF5045" s="4"/>
    </row>
    <row r="5046" spans="2:32">
      <c r="B5046" s="2"/>
      <c r="AF5046" s="4"/>
    </row>
    <row r="5047" spans="2:32">
      <c r="B5047" s="2"/>
      <c r="AF5047" s="4"/>
    </row>
    <row r="5048" spans="2:32">
      <c r="B5048" s="2"/>
      <c r="AF5048" s="4"/>
    </row>
    <row r="5049" spans="2:32">
      <c r="B5049" s="2"/>
      <c r="AF5049" s="4"/>
    </row>
    <row r="5050" spans="2:32">
      <c r="B5050" s="2"/>
      <c r="AF5050" s="4"/>
    </row>
    <row r="5051" spans="2:32">
      <c r="B5051" s="2"/>
      <c r="AF5051" s="4"/>
    </row>
    <row r="5052" spans="2:32">
      <c r="B5052" s="2"/>
      <c r="AF5052" s="4"/>
    </row>
    <row r="5053" spans="2:32">
      <c r="B5053" s="2"/>
      <c r="AF5053" s="4"/>
    </row>
    <row r="5054" spans="2:32">
      <c r="B5054" s="2"/>
      <c r="AF5054" s="4"/>
    </row>
    <row r="5055" spans="2:32">
      <c r="B5055" s="2"/>
      <c r="AF5055" s="4"/>
    </row>
    <row r="5056" spans="2:32">
      <c r="B5056" s="2"/>
      <c r="AF5056" s="4"/>
    </row>
    <row r="5057" spans="2:32">
      <c r="B5057" s="2"/>
      <c r="AF5057" s="4"/>
    </row>
    <row r="5058" spans="2:32">
      <c r="B5058" s="2"/>
      <c r="AF5058" s="4"/>
    </row>
    <row r="5059" spans="2:32">
      <c r="B5059" s="2"/>
      <c r="AF5059" s="4"/>
    </row>
    <row r="5060" spans="2:32">
      <c r="B5060" s="2"/>
      <c r="AF5060" s="4"/>
    </row>
    <row r="5061" spans="2:32">
      <c r="B5061" s="2"/>
      <c r="AF5061" s="4"/>
    </row>
    <row r="5062" spans="2:32">
      <c r="B5062" s="2"/>
      <c r="AF5062" s="4"/>
    </row>
    <row r="5063" spans="2:32">
      <c r="B5063" s="2"/>
      <c r="AF5063" s="4"/>
    </row>
    <row r="5064" spans="2:32">
      <c r="B5064" s="2"/>
      <c r="AF5064" s="4"/>
    </row>
    <row r="5065" spans="2:32">
      <c r="B5065" s="2"/>
      <c r="AF5065" s="4"/>
    </row>
    <row r="5066" spans="2:32">
      <c r="B5066" s="2"/>
      <c r="AF5066" s="4"/>
    </row>
    <row r="5067" spans="2:32">
      <c r="B5067" s="2"/>
      <c r="AF5067" s="4"/>
    </row>
    <row r="5068" spans="2:32">
      <c r="B5068" s="2"/>
      <c r="AF5068" s="4"/>
    </row>
    <row r="5069" spans="2:32">
      <c r="B5069" s="2"/>
      <c r="AF5069" s="4"/>
    </row>
    <row r="5070" spans="2:32">
      <c r="B5070" s="2"/>
      <c r="AF5070" s="4"/>
    </row>
    <row r="5071" spans="2:32">
      <c r="B5071" s="2"/>
      <c r="AF5071" s="4"/>
    </row>
    <row r="5072" spans="2:32">
      <c r="B5072" s="2"/>
      <c r="AF5072" s="4"/>
    </row>
    <row r="5073" spans="2:32">
      <c r="B5073" s="2"/>
      <c r="AF5073" s="4"/>
    </row>
    <row r="5074" spans="2:32">
      <c r="B5074" s="2"/>
      <c r="AF5074" s="4"/>
    </row>
    <row r="5075" spans="2:32">
      <c r="B5075" s="2"/>
      <c r="AF5075" s="4"/>
    </row>
    <row r="5076" spans="2:32">
      <c r="B5076" s="2"/>
      <c r="AF5076" s="4"/>
    </row>
    <row r="5077" spans="2:32">
      <c r="B5077" s="2"/>
      <c r="AF5077" s="4"/>
    </row>
    <row r="5078" spans="2:32">
      <c r="B5078" s="2"/>
      <c r="AF5078" s="4"/>
    </row>
    <row r="5079" spans="2:32">
      <c r="B5079" s="2"/>
      <c r="AF5079" s="4"/>
    </row>
    <row r="5080" spans="2:32">
      <c r="B5080" s="2"/>
      <c r="AF5080" s="4"/>
    </row>
    <row r="5081" spans="2:32">
      <c r="B5081" s="2"/>
      <c r="AF5081" s="4"/>
    </row>
    <row r="5082" spans="2:32">
      <c r="B5082" s="2"/>
      <c r="AF5082" s="4"/>
    </row>
    <row r="5083" spans="2:32">
      <c r="B5083" s="2"/>
      <c r="AF5083" s="4"/>
    </row>
    <row r="5084" spans="2:32">
      <c r="B5084" s="2"/>
      <c r="AF5084" s="4"/>
    </row>
    <row r="5085" spans="2:32">
      <c r="B5085" s="2"/>
      <c r="AF5085" s="4"/>
    </row>
    <row r="5086" spans="2:32">
      <c r="B5086" s="2"/>
      <c r="AF5086" s="4"/>
    </row>
    <row r="5087" spans="2:32">
      <c r="B5087" s="2"/>
      <c r="AF5087" s="4"/>
    </row>
    <row r="5088" spans="2:32">
      <c r="B5088" s="2"/>
      <c r="AF5088" s="4"/>
    </row>
    <row r="5089" spans="2:32">
      <c r="B5089" s="2"/>
      <c r="AF5089" s="4"/>
    </row>
    <row r="5090" spans="2:32">
      <c r="B5090" s="2"/>
      <c r="AF5090" s="4"/>
    </row>
    <row r="5091" spans="2:32">
      <c r="B5091" s="2"/>
      <c r="AF5091" s="4"/>
    </row>
    <row r="5092" spans="2:32">
      <c r="B5092" s="2"/>
      <c r="AF5092" s="4"/>
    </row>
    <row r="5093" spans="2:32">
      <c r="B5093" s="2"/>
      <c r="AF5093" s="4"/>
    </row>
    <row r="5094" spans="2:32">
      <c r="B5094" s="2"/>
      <c r="AF5094" s="4"/>
    </row>
    <row r="5095" spans="2:32">
      <c r="B5095" s="2"/>
      <c r="AF5095" s="4"/>
    </row>
    <row r="5096" spans="2:32">
      <c r="B5096" s="2"/>
      <c r="AF5096" s="4"/>
    </row>
    <row r="5097" spans="2:32">
      <c r="B5097" s="2"/>
      <c r="AF5097" s="4"/>
    </row>
    <row r="5098" spans="2:32">
      <c r="B5098" s="2"/>
      <c r="AF5098" s="4"/>
    </row>
    <row r="5099" spans="2:32">
      <c r="B5099" s="2"/>
      <c r="AF5099" s="4"/>
    </row>
    <row r="5100" spans="2:32">
      <c r="B5100" s="2"/>
      <c r="AF5100" s="4"/>
    </row>
    <row r="5101" spans="2:32">
      <c r="B5101" s="2"/>
      <c r="AF5101" s="4"/>
    </row>
    <row r="5102" spans="2:32">
      <c r="B5102" s="2"/>
      <c r="AF5102" s="4"/>
    </row>
    <row r="5103" spans="2:32">
      <c r="B5103" s="2"/>
      <c r="AF5103" s="4"/>
    </row>
    <row r="5104" spans="2:32">
      <c r="B5104" s="2"/>
      <c r="AF5104" s="4"/>
    </row>
    <row r="5105" spans="2:32">
      <c r="B5105" s="2"/>
      <c r="AF5105" s="4"/>
    </row>
    <row r="5106" spans="2:32">
      <c r="B5106" s="2"/>
      <c r="AF5106" s="4"/>
    </row>
    <row r="5107" spans="2:32">
      <c r="B5107" s="2"/>
      <c r="AF5107" s="4"/>
    </row>
    <row r="5108" spans="2:32">
      <c r="B5108" s="2"/>
      <c r="AF5108" s="4"/>
    </row>
    <row r="5109" spans="2:32">
      <c r="B5109" s="2"/>
      <c r="AF5109" s="4"/>
    </row>
    <row r="5110" spans="2:32">
      <c r="B5110" s="2"/>
      <c r="AF5110" s="4"/>
    </row>
    <row r="5111" spans="2:32">
      <c r="B5111" s="2"/>
      <c r="AF5111" s="4"/>
    </row>
    <row r="5112" spans="2:32">
      <c r="B5112" s="2"/>
      <c r="AF5112" s="4"/>
    </row>
    <row r="5113" spans="2:32">
      <c r="B5113" s="2"/>
      <c r="AF5113" s="4"/>
    </row>
    <row r="5114" spans="2:32">
      <c r="B5114" s="2"/>
      <c r="AF5114" s="4"/>
    </row>
    <row r="5115" spans="2:32">
      <c r="B5115" s="2"/>
      <c r="AF5115" s="4"/>
    </row>
    <row r="5116" spans="2:32">
      <c r="B5116" s="2"/>
      <c r="AF5116" s="4"/>
    </row>
    <row r="5117" spans="2:32">
      <c r="B5117" s="2"/>
      <c r="AF5117" s="4"/>
    </row>
    <row r="5118" spans="2:32">
      <c r="B5118" s="2"/>
      <c r="AF5118" s="4"/>
    </row>
    <row r="5119" spans="2:32">
      <c r="B5119" s="2"/>
      <c r="AF5119" s="4"/>
    </row>
    <row r="5120" spans="2:32">
      <c r="B5120" s="2"/>
      <c r="AF5120" s="4"/>
    </row>
    <row r="5121" spans="2:32">
      <c r="B5121" s="2"/>
      <c r="AF5121" s="4"/>
    </row>
    <row r="5122" spans="2:32">
      <c r="B5122" s="2"/>
      <c r="AF5122" s="4"/>
    </row>
    <row r="5123" spans="2:32">
      <c r="B5123" s="2"/>
      <c r="AF5123" s="4"/>
    </row>
    <row r="5124" spans="2:32">
      <c r="B5124" s="2"/>
      <c r="AF5124" s="4"/>
    </row>
    <row r="5125" spans="2:32">
      <c r="B5125" s="2"/>
      <c r="AF5125" s="4"/>
    </row>
    <row r="5126" spans="2:32">
      <c r="B5126" s="2"/>
      <c r="AF5126" s="4"/>
    </row>
    <row r="5127" spans="2:32">
      <c r="B5127" s="2"/>
      <c r="AF5127" s="4"/>
    </row>
    <row r="5128" spans="2:32">
      <c r="B5128" s="2"/>
      <c r="AF5128" s="4"/>
    </row>
    <row r="5129" spans="2:32">
      <c r="B5129" s="2"/>
      <c r="AF5129" s="4"/>
    </row>
    <row r="5130" spans="2:32">
      <c r="B5130" s="2"/>
      <c r="AF5130" s="4"/>
    </row>
    <row r="5131" spans="2:32">
      <c r="B5131" s="2"/>
      <c r="AF5131" s="4"/>
    </row>
    <row r="5132" spans="2:32">
      <c r="B5132" s="2"/>
      <c r="AF5132" s="4"/>
    </row>
    <row r="5133" spans="2:32">
      <c r="B5133" s="2"/>
      <c r="AF5133" s="4"/>
    </row>
    <row r="5134" spans="2:32">
      <c r="B5134" s="2"/>
      <c r="AF5134" s="4"/>
    </row>
    <row r="5135" spans="2:32">
      <c r="B5135" s="2"/>
      <c r="AF5135" s="4"/>
    </row>
    <row r="5136" spans="2:32">
      <c r="B5136" s="2"/>
      <c r="AF5136" s="4"/>
    </row>
    <row r="5137" spans="2:32">
      <c r="B5137" s="2"/>
      <c r="AF5137" s="4"/>
    </row>
    <row r="5138" spans="2:32">
      <c r="B5138" s="2"/>
      <c r="AF5138" s="4"/>
    </row>
    <row r="5139" spans="2:32">
      <c r="B5139" s="2"/>
      <c r="AF5139" s="4"/>
    </row>
    <row r="5140" spans="2:32">
      <c r="B5140" s="2"/>
      <c r="AF5140" s="4"/>
    </row>
    <row r="5141" spans="2:32">
      <c r="B5141" s="2"/>
      <c r="AF5141" s="4"/>
    </row>
    <row r="5142" spans="2:32">
      <c r="B5142" s="2"/>
      <c r="AF5142" s="4"/>
    </row>
    <row r="5143" spans="2:32">
      <c r="B5143" s="2"/>
      <c r="AF5143" s="4"/>
    </row>
    <row r="5144" spans="2:32">
      <c r="B5144" s="2"/>
      <c r="AF5144" s="4"/>
    </row>
    <row r="5145" spans="2:32">
      <c r="B5145" s="2"/>
      <c r="AF5145" s="4"/>
    </row>
    <row r="5146" spans="2:32">
      <c r="B5146" s="2"/>
      <c r="AF5146" s="4"/>
    </row>
    <row r="5147" spans="2:32">
      <c r="B5147" s="2"/>
      <c r="AF5147" s="4"/>
    </row>
    <row r="5148" spans="2:32">
      <c r="B5148" s="2"/>
      <c r="AF5148" s="4"/>
    </row>
    <row r="5149" spans="2:32">
      <c r="B5149" s="2"/>
      <c r="AF5149" s="4"/>
    </row>
    <row r="5150" spans="2:32">
      <c r="B5150" s="2"/>
      <c r="AF5150" s="4"/>
    </row>
    <row r="5151" spans="2:32">
      <c r="B5151" s="2"/>
      <c r="AF5151" s="4"/>
    </row>
    <row r="5152" spans="2:32">
      <c r="B5152" s="2"/>
      <c r="AF5152" s="4"/>
    </row>
    <row r="5153" spans="2:32">
      <c r="B5153" s="2"/>
      <c r="AF5153" s="4"/>
    </row>
    <row r="5154" spans="2:32">
      <c r="B5154" s="2"/>
      <c r="AF5154" s="4"/>
    </row>
    <row r="5155" spans="2:32">
      <c r="B5155" s="2"/>
      <c r="AF5155" s="4"/>
    </row>
    <row r="5156" spans="2:32">
      <c r="B5156" s="2"/>
      <c r="AF5156" s="4"/>
    </row>
    <row r="5157" spans="2:32">
      <c r="B5157" s="2"/>
      <c r="AF5157" s="4"/>
    </row>
    <row r="5158" spans="2:32">
      <c r="B5158" s="2"/>
      <c r="AF5158" s="4"/>
    </row>
    <row r="5159" spans="2:32">
      <c r="B5159" s="2"/>
      <c r="AF5159" s="4"/>
    </row>
    <row r="5160" spans="2:32">
      <c r="B5160" s="2"/>
      <c r="AF5160" s="4"/>
    </row>
    <row r="5161" spans="2:32">
      <c r="B5161" s="2"/>
      <c r="AF5161" s="4"/>
    </row>
    <row r="5162" spans="2:32">
      <c r="B5162" s="2"/>
      <c r="AF5162" s="4"/>
    </row>
    <row r="5163" spans="2:32">
      <c r="B5163" s="2"/>
      <c r="AF5163" s="4"/>
    </row>
    <row r="5164" spans="2:32">
      <c r="B5164" s="2"/>
      <c r="AF5164" s="4"/>
    </row>
    <row r="5165" spans="2:32">
      <c r="B5165" s="2"/>
      <c r="AF5165" s="4"/>
    </row>
    <row r="5166" spans="2:32">
      <c r="B5166" s="2"/>
      <c r="AF5166" s="4"/>
    </row>
    <row r="5167" spans="2:32">
      <c r="B5167" s="2"/>
      <c r="AF5167" s="4"/>
    </row>
    <row r="5168" spans="2:32">
      <c r="B5168" s="2"/>
      <c r="AF5168" s="4"/>
    </row>
    <row r="5169" spans="2:32">
      <c r="B5169" s="2"/>
      <c r="AF5169" s="4"/>
    </row>
    <row r="5170" spans="2:32">
      <c r="B5170" s="2"/>
      <c r="AF5170" s="4"/>
    </row>
    <row r="5171" spans="2:32">
      <c r="B5171" s="2"/>
      <c r="AF5171" s="4"/>
    </row>
    <row r="5172" spans="2:32">
      <c r="B5172" s="2"/>
      <c r="AF5172" s="4"/>
    </row>
    <row r="5173" spans="2:32">
      <c r="B5173" s="2"/>
      <c r="AF5173" s="4"/>
    </row>
    <row r="5174" spans="2:32">
      <c r="B5174" s="2"/>
      <c r="AF5174" s="4"/>
    </row>
    <row r="5175" spans="2:32">
      <c r="B5175" s="2"/>
      <c r="AF5175" s="4"/>
    </row>
    <row r="5176" spans="2:32">
      <c r="B5176" s="2"/>
      <c r="AF5176" s="4"/>
    </row>
    <row r="5177" spans="2:32">
      <c r="B5177" s="2"/>
      <c r="AF5177" s="4"/>
    </row>
    <row r="5178" spans="2:32">
      <c r="B5178" s="2"/>
      <c r="AF5178" s="4"/>
    </row>
    <row r="5179" spans="2:32">
      <c r="B5179" s="2"/>
      <c r="AF5179" s="4"/>
    </row>
    <row r="5180" spans="2:32">
      <c r="B5180" s="2"/>
      <c r="AF5180" s="4"/>
    </row>
    <row r="5181" spans="2:32">
      <c r="B5181" s="2"/>
      <c r="AF5181" s="4"/>
    </row>
    <row r="5182" spans="2:32">
      <c r="B5182" s="2"/>
      <c r="AF5182" s="4"/>
    </row>
    <row r="5183" spans="2:32">
      <c r="B5183" s="2"/>
      <c r="AF5183" s="4"/>
    </row>
    <row r="5184" spans="2:32">
      <c r="B5184" s="2"/>
      <c r="AF5184" s="4"/>
    </row>
    <row r="5185" spans="2:32">
      <c r="B5185" s="2"/>
      <c r="AF5185" s="4"/>
    </row>
    <row r="5186" spans="2:32">
      <c r="B5186" s="2"/>
      <c r="AF5186" s="4"/>
    </row>
    <row r="5187" spans="2:32">
      <c r="B5187" s="2"/>
      <c r="AF5187" s="4"/>
    </row>
    <row r="5188" spans="2:32">
      <c r="B5188" s="2"/>
      <c r="AF5188" s="4"/>
    </row>
    <row r="5189" spans="2:32">
      <c r="B5189" s="2"/>
      <c r="AF5189" s="4"/>
    </row>
    <row r="5190" spans="2:32">
      <c r="B5190" s="2"/>
      <c r="AF5190" s="4"/>
    </row>
    <row r="5191" spans="2:32">
      <c r="B5191" s="2"/>
      <c r="AF5191" s="4"/>
    </row>
    <row r="5192" spans="2:32">
      <c r="B5192" s="2"/>
      <c r="AF5192" s="4"/>
    </row>
    <row r="5193" spans="2:32">
      <c r="B5193" s="2"/>
      <c r="AF5193" s="4"/>
    </row>
    <row r="5194" spans="2:32">
      <c r="B5194" s="2"/>
      <c r="AF5194" s="4"/>
    </row>
    <row r="5195" spans="2:32">
      <c r="B5195" s="2"/>
      <c r="AF5195" s="4"/>
    </row>
    <row r="5196" spans="2:32">
      <c r="B5196" s="2"/>
      <c r="AF5196" s="4"/>
    </row>
    <row r="5197" spans="2:32">
      <c r="B5197" s="2"/>
      <c r="AF5197" s="4"/>
    </row>
    <row r="5198" spans="2:32">
      <c r="B5198" s="2"/>
      <c r="AF5198" s="4"/>
    </row>
    <row r="5199" spans="2:32">
      <c r="B5199" s="2"/>
      <c r="AF5199" s="4"/>
    </row>
    <row r="5200" spans="2:32">
      <c r="B5200" s="2"/>
      <c r="AF5200" s="4"/>
    </row>
    <row r="5201" spans="2:32">
      <c r="B5201" s="2"/>
      <c r="AF5201" s="4"/>
    </row>
    <row r="5202" spans="2:32">
      <c r="B5202" s="2"/>
      <c r="AF5202" s="4"/>
    </row>
    <row r="5203" spans="2:32">
      <c r="B5203" s="2"/>
      <c r="AF5203" s="4"/>
    </row>
    <row r="5204" spans="2:32">
      <c r="B5204" s="2"/>
      <c r="AF5204" s="4"/>
    </row>
    <row r="5205" spans="2:32">
      <c r="B5205" s="2"/>
      <c r="AF5205" s="4"/>
    </row>
    <row r="5206" spans="2:32">
      <c r="B5206" s="2"/>
      <c r="AF5206" s="4"/>
    </row>
    <row r="5207" spans="2:32">
      <c r="B5207" s="2"/>
      <c r="AF5207" s="4"/>
    </row>
    <row r="5208" spans="2:32">
      <c r="B5208" s="2"/>
      <c r="AF5208" s="4"/>
    </row>
    <row r="5209" spans="2:32">
      <c r="B5209" s="2"/>
      <c r="AF5209" s="4"/>
    </row>
    <row r="5210" spans="2:32">
      <c r="B5210" s="2"/>
      <c r="AF5210" s="4"/>
    </row>
    <row r="5211" spans="2:32">
      <c r="B5211" s="2"/>
      <c r="AF5211" s="4"/>
    </row>
    <row r="5212" spans="2:32">
      <c r="B5212" s="2"/>
      <c r="AF5212" s="4"/>
    </row>
    <row r="5213" spans="2:32">
      <c r="B5213" s="2"/>
      <c r="AF5213" s="4"/>
    </row>
    <row r="5214" spans="2:32">
      <c r="B5214" s="2"/>
      <c r="AF5214" s="4"/>
    </row>
    <row r="5215" spans="2:32">
      <c r="B5215" s="2"/>
      <c r="AF5215" s="4"/>
    </row>
    <row r="5216" spans="2:32">
      <c r="B5216" s="2"/>
      <c r="AF5216" s="4"/>
    </row>
    <row r="5217" spans="2:32">
      <c r="B5217" s="2"/>
      <c r="AF5217" s="4"/>
    </row>
    <row r="5218" spans="2:32">
      <c r="B5218" s="2"/>
      <c r="AF5218" s="4"/>
    </row>
    <row r="5219" spans="2:32">
      <c r="B5219" s="2"/>
      <c r="AF5219" s="4"/>
    </row>
    <row r="5220" spans="2:32">
      <c r="B5220" s="2"/>
      <c r="AF5220" s="4"/>
    </row>
    <row r="5221" spans="2:32">
      <c r="B5221" s="2"/>
      <c r="AF5221" s="4"/>
    </row>
    <row r="5222" spans="2:32">
      <c r="B5222" s="2"/>
      <c r="AF5222" s="4"/>
    </row>
    <row r="5223" spans="2:32">
      <c r="B5223" s="2"/>
      <c r="AF5223" s="4"/>
    </row>
    <row r="5224" spans="2:32">
      <c r="B5224" s="2"/>
      <c r="AF5224" s="4"/>
    </row>
    <row r="5225" spans="2:32">
      <c r="B5225" s="2"/>
      <c r="AF5225" s="4"/>
    </row>
    <row r="5226" spans="2:32">
      <c r="B5226" s="2"/>
      <c r="AF5226" s="4"/>
    </row>
    <row r="5227" spans="2:32">
      <c r="B5227" s="2"/>
      <c r="AF5227" s="4"/>
    </row>
    <row r="5228" spans="2:32">
      <c r="B5228" s="2"/>
      <c r="AF5228" s="4"/>
    </row>
    <row r="5229" spans="2:32">
      <c r="B5229" s="2"/>
      <c r="AF5229" s="4"/>
    </row>
    <row r="5230" spans="2:32">
      <c r="B5230" s="2"/>
      <c r="AF5230" s="4"/>
    </row>
    <row r="5231" spans="2:32">
      <c r="B5231" s="2"/>
      <c r="AF5231" s="4"/>
    </row>
    <row r="5232" spans="2:32">
      <c r="B5232" s="2"/>
      <c r="AF5232" s="4"/>
    </row>
    <row r="5233" spans="2:32">
      <c r="B5233" s="2"/>
      <c r="AF5233" s="4"/>
    </row>
    <row r="5234" spans="2:32">
      <c r="B5234" s="2"/>
      <c r="AF5234" s="4"/>
    </row>
    <row r="5235" spans="2:32">
      <c r="B5235" s="2"/>
      <c r="AF5235" s="4"/>
    </row>
    <row r="5236" spans="2:32">
      <c r="B5236" s="2"/>
      <c r="AF5236" s="4"/>
    </row>
    <row r="5237" spans="2:32">
      <c r="B5237" s="2"/>
      <c r="AF5237" s="4"/>
    </row>
    <row r="5238" spans="2:32">
      <c r="B5238" s="2"/>
      <c r="AF5238" s="4"/>
    </row>
    <row r="5239" spans="2:32">
      <c r="B5239" s="2"/>
      <c r="AF5239" s="4"/>
    </row>
    <row r="5240" spans="2:32">
      <c r="B5240" s="2"/>
      <c r="AF5240" s="4"/>
    </row>
    <row r="5241" spans="2:32">
      <c r="B5241" s="2"/>
      <c r="AF5241" s="4"/>
    </row>
    <row r="5242" spans="2:32">
      <c r="B5242" s="2"/>
      <c r="AF5242" s="4"/>
    </row>
    <row r="5243" spans="2:32">
      <c r="B5243" s="2"/>
      <c r="AF5243" s="4"/>
    </row>
    <row r="5244" spans="2:32">
      <c r="B5244" s="2"/>
      <c r="AF5244" s="4"/>
    </row>
    <row r="5245" spans="2:32">
      <c r="B5245" s="2"/>
      <c r="AF5245" s="4"/>
    </row>
    <row r="5246" spans="2:32">
      <c r="B5246" s="2"/>
      <c r="AF5246" s="4"/>
    </row>
    <row r="5247" spans="2:32">
      <c r="B5247" s="2"/>
      <c r="AF5247" s="4"/>
    </row>
    <row r="5248" spans="2:32">
      <c r="B5248" s="2"/>
      <c r="AF5248" s="4"/>
    </row>
    <row r="5249" spans="2:32">
      <c r="B5249" s="2"/>
      <c r="AF5249" s="4"/>
    </row>
    <row r="5250" spans="2:32">
      <c r="B5250" s="2"/>
      <c r="AF5250" s="4"/>
    </row>
    <row r="5251" spans="2:32">
      <c r="B5251" s="2"/>
      <c r="AF5251" s="4"/>
    </row>
    <row r="5252" spans="2:32">
      <c r="B5252" s="2"/>
      <c r="AF5252" s="4"/>
    </row>
    <row r="5253" spans="2:32">
      <c r="B5253" s="2"/>
      <c r="AF5253" s="4"/>
    </row>
    <row r="5254" spans="2:32">
      <c r="B5254" s="2"/>
      <c r="AF5254" s="4"/>
    </row>
    <row r="5255" spans="2:32">
      <c r="B5255" s="2"/>
      <c r="AF5255" s="4"/>
    </row>
    <row r="5256" spans="2:32">
      <c r="B5256" s="2"/>
      <c r="AF5256" s="4"/>
    </row>
    <row r="5257" spans="2:32">
      <c r="B5257" s="2"/>
      <c r="AF5257" s="4"/>
    </row>
    <row r="5258" spans="2:32">
      <c r="B5258" s="2"/>
      <c r="AF5258" s="4"/>
    </row>
    <row r="5259" spans="2:32">
      <c r="B5259" s="2"/>
      <c r="AF5259" s="4"/>
    </row>
    <row r="5260" spans="2:32">
      <c r="B5260" s="2"/>
      <c r="AF5260" s="4"/>
    </row>
    <row r="5261" spans="2:32">
      <c r="B5261" s="2"/>
      <c r="AF5261" s="4"/>
    </row>
    <row r="5262" spans="2:32">
      <c r="B5262" s="2"/>
      <c r="AF5262" s="4"/>
    </row>
    <row r="5263" spans="2:32">
      <c r="B5263" s="2"/>
      <c r="AF5263" s="4"/>
    </row>
    <row r="5264" spans="2:32">
      <c r="B5264" s="2"/>
      <c r="AF5264" s="4"/>
    </row>
    <row r="5265" spans="2:32">
      <c r="B5265" s="2"/>
      <c r="AF5265" s="4"/>
    </row>
    <row r="5266" spans="2:32">
      <c r="B5266" s="2"/>
      <c r="AF5266" s="4"/>
    </row>
    <row r="5267" spans="2:32">
      <c r="B5267" s="2"/>
      <c r="AF5267" s="4"/>
    </row>
    <row r="5268" spans="2:32">
      <c r="B5268" s="2"/>
      <c r="AF5268" s="4"/>
    </row>
    <row r="5269" spans="2:32">
      <c r="B5269" s="2"/>
      <c r="AF5269" s="4"/>
    </row>
    <row r="5270" spans="2:32">
      <c r="B5270" s="2"/>
      <c r="AF5270" s="4"/>
    </row>
    <row r="5271" spans="2:32">
      <c r="B5271" s="2"/>
      <c r="AF5271" s="4"/>
    </row>
    <row r="5272" spans="2:32">
      <c r="B5272" s="2"/>
      <c r="AF5272" s="4"/>
    </row>
    <row r="5273" spans="2:32">
      <c r="B5273" s="2"/>
      <c r="AF5273" s="4"/>
    </row>
    <row r="5274" spans="2:32">
      <c r="B5274" s="2"/>
      <c r="AF5274" s="4"/>
    </row>
    <row r="5275" spans="2:32">
      <c r="B5275" s="2"/>
      <c r="AF5275" s="4"/>
    </row>
    <row r="5276" spans="2:32">
      <c r="B5276" s="2"/>
      <c r="AF5276" s="4"/>
    </row>
    <row r="5277" spans="2:32">
      <c r="B5277" s="2"/>
      <c r="AF5277" s="4"/>
    </row>
    <row r="5278" spans="2:32">
      <c r="B5278" s="2"/>
      <c r="AF5278" s="4"/>
    </row>
    <row r="5279" spans="2:32">
      <c r="B5279" s="2"/>
      <c r="AF5279" s="4"/>
    </row>
    <row r="5280" spans="2:32">
      <c r="B5280" s="2"/>
      <c r="AF5280" s="4"/>
    </row>
    <row r="5281" spans="2:32">
      <c r="B5281" s="2"/>
      <c r="AF5281" s="4"/>
    </row>
    <row r="5282" spans="2:32">
      <c r="B5282" s="2"/>
      <c r="AF5282" s="4"/>
    </row>
    <row r="5283" spans="2:32">
      <c r="B5283" s="2"/>
      <c r="AF5283" s="4"/>
    </row>
    <row r="5284" spans="2:32">
      <c r="B5284" s="2"/>
      <c r="AF5284" s="4"/>
    </row>
    <row r="5285" spans="2:32">
      <c r="B5285" s="2"/>
      <c r="AF5285" s="4"/>
    </row>
    <row r="5286" spans="2:32">
      <c r="B5286" s="2"/>
      <c r="AF5286" s="4"/>
    </row>
    <row r="5287" spans="2:32">
      <c r="B5287" s="2"/>
      <c r="AF5287" s="4"/>
    </row>
    <row r="5288" spans="2:32">
      <c r="B5288" s="2"/>
      <c r="AF5288" s="4"/>
    </row>
    <row r="5289" spans="2:32">
      <c r="B5289" s="2"/>
      <c r="AF5289" s="4"/>
    </row>
    <row r="5290" spans="2:32">
      <c r="B5290" s="2"/>
      <c r="AF5290" s="4"/>
    </row>
    <row r="5291" spans="2:32">
      <c r="B5291" s="2"/>
      <c r="AF5291" s="4"/>
    </row>
    <row r="5292" spans="2:32">
      <c r="B5292" s="2"/>
      <c r="AF5292" s="4"/>
    </row>
    <row r="5293" spans="2:32">
      <c r="B5293" s="2"/>
      <c r="AF5293" s="4"/>
    </row>
    <row r="5294" spans="2:32">
      <c r="B5294" s="2"/>
      <c r="AF5294" s="4"/>
    </row>
    <row r="5295" spans="2:32">
      <c r="B5295" s="2"/>
      <c r="AF5295" s="4"/>
    </row>
    <row r="5296" spans="2:32">
      <c r="B5296" s="2"/>
      <c r="AF5296" s="4"/>
    </row>
    <row r="5297" spans="2:32">
      <c r="B5297" s="2"/>
      <c r="AF5297" s="4"/>
    </row>
    <row r="5298" spans="2:32">
      <c r="B5298" s="2"/>
      <c r="AF5298" s="4"/>
    </row>
    <row r="5299" spans="2:32">
      <c r="B5299" s="2"/>
      <c r="AF5299" s="4"/>
    </row>
    <row r="5300" spans="2:32">
      <c r="B5300" s="2"/>
      <c r="AF5300" s="4"/>
    </row>
    <row r="5301" spans="2:32">
      <c r="B5301" s="2"/>
      <c r="AF5301" s="4"/>
    </row>
    <row r="5302" spans="2:32">
      <c r="B5302" s="2"/>
      <c r="AF5302" s="4"/>
    </row>
    <row r="5303" spans="2:32">
      <c r="B5303" s="2"/>
      <c r="AF5303" s="4"/>
    </row>
    <row r="5304" spans="2:32">
      <c r="B5304" s="2"/>
      <c r="AF5304" s="4"/>
    </row>
    <row r="5305" spans="2:32">
      <c r="B5305" s="2"/>
      <c r="AF5305" s="4"/>
    </row>
    <row r="5306" spans="2:32">
      <c r="B5306" s="2"/>
      <c r="AF5306" s="4"/>
    </row>
    <row r="5307" spans="2:32">
      <c r="B5307" s="2"/>
      <c r="AF5307" s="4"/>
    </row>
    <row r="5308" spans="2:32">
      <c r="B5308" s="2"/>
      <c r="AF5308" s="4"/>
    </row>
    <row r="5309" spans="2:32">
      <c r="B5309" s="2"/>
      <c r="AF5309" s="4"/>
    </row>
    <row r="5310" spans="2:32">
      <c r="B5310" s="2"/>
      <c r="AF5310" s="4"/>
    </row>
    <row r="5311" spans="2:32">
      <c r="B5311" s="2"/>
      <c r="AF5311" s="4"/>
    </row>
    <row r="5312" spans="2:32">
      <c r="B5312" s="2"/>
      <c r="AF5312" s="4"/>
    </row>
    <row r="5313" spans="2:32">
      <c r="B5313" s="2"/>
      <c r="AF5313" s="4"/>
    </row>
    <row r="5314" spans="2:32">
      <c r="B5314" s="2"/>
      <c r="AF5314" s="4"/>
    </row>
    <row r="5315" spans="2:32">
      <c r="B5315" s="2"/>
      <c r="AF5315" s="4"/>
    </row>
    <row r="5316" spans="2:32">
      <c r="B5316" s="2"/>
      <c r="AF5316" s="4"/>
    </row>
    <row r="5317" spans="2:32">
      <c r="B5317" s="2"/>
      <c r="AF5317" s="4"/>
    </row>
    <row r="5318" spans="2:32">
      <c r="B5318" s="2"/>
      <c r="AF5318" s="4"/>
    </row>
    <row r="5319" spans="2:32">
      <c r="B5319" s="2"/>
      <c r="AF5319" s="4"/>
    </row>
    <row r="5320" spans="2:32">
      <c r="B5320" s="2"/>
      <c r="AF5320" s="4"/>
    </row>
    <row r="5321" spans="2:32">
      <c r="B5321" s="2"/>
      <c r="AF5321" s="4"/>
    </row>
    <row r="5322" spans="2:32">
      <c r="B5322" s="2"/>
      <c r="AF5322" s="4"/>
    </row>
    <row r="5323" spans="2:32">
      <c r="B5323" s="2"/>
      <c r="AF5323" s="4"/>
    </row>
    <row r="5324" spans="2:32">
      <c r="B5324" s="2"/>
      <c r="AF5324" s="4"/>
    </row>
    <row r="5325" spans="2:32">
      <c r="B5325" s="2"/>
      <c r="AF5325" s="4"/>
    </row>
    <row r="5326" spans="2:32">
      <c r="B5326" s="2"/>
      <c r="AF5326" s="4"/>
    </row>
    <row r="5327" spans="2:32">
      <c r="B5327" s="2"/>
      <c r="AF5327" s="4"/>
    </row>
    <row r="5328" spans="2:32">
      <c r="B5328" s="2"/>
      <c r="AF5328" s="4"/>
    </row>
    <row r="5329" spans="2:32">
      <c r="B5329" s="2"/>
      <c r="AF5329" s="4"/>
    </row>
    <row r="5330" spans="2:32">
      <c r="B5330" s="2"/>
      <c r="AF5330" s="4"/>
    </row>
    <row r="5331" spans="2:32">
      <c r="B5331" s="2"/>
      <c r="AF5331" s="4"/>
    </row>
    <row r="5332" spans="2:32">
      <c r="B5332" s="2"/>
      <c r="AF5332" s="4"/>
    </row>
    <row r="5333" spans="2:32">
      <c r="B5333" s="2"/>
      <c r="AF5333" s="4"/>
    </row>
    <row r="5334" spans="2:32">
      <c r="B5334" s="2"/>
      <c r="AF5334" s="4"/>
    </row>
    <row r="5335" spans="2:32">
      <c r="B5335" s="2"/>
      <c r="AF5335" s="4"/>
    </row>
    <row r="5336" spans="2:32">
      <c r="B5336" s="2"/>
      <c r="AF5336" s="4"/>
    </row>
    <row r="5337" spans="2:32">
      <c r="B5337" s="2"/>
      <c r="AF5337" s="4"/>
    </row>
    <row r="5338" spans="2:32">
      <c r="B5338" s="2"/>
      <c r="AF5338" s="4"/>
    </row>
    <row r="5339" spans="2:32">
      <c r="B5339" s="2"/>
      <c r="AF5339" s="4"/>
    </row>
    <row r="5340" spans="2:32">
      <c r="B5340" s="2"/>
      <c r="AF5340" s="4"/>
    </row>
    <row r="5341" spans="2:32">
      <c r="B5341" s="2"/>
      <c r="AF5341" s="4"/>
    </row>
    <row r="5342" spans="2:32">
      <c r="B5342" s="2"/>
      <c r="AF5342" s="4"/>
    </row>
    <row r="5343" spans="2:32">
      <c r="B5343" s="2"/>
      <c r="AF5343" s="4"/>
    </row>
    <row r="5344" spans="2:32">
      <c r="B5344" s="2"/>
      <c r="AF5344" s="4"/>
    </row>
    <row r="5345" spans="2:32">
      <c r="B5345" s="2"/>
      <c r="AF5345" s="4"/>
    </row>
    <row r="5346" spans="2:32">
      <c r="B5346" s="2"/>
      <c r="AF5346" s="4"/>
    </row>
    <row r="5347" spans="2:32">
      <c r="B5347" s="2"/>
      <c r="AF5347" s="4"/>
    </row>
    <row r="5348" spans="2:32">
      <c r="B5348" s="2"/>
      <c r="AF5348" s="4"/>
    </row>
    <row r="5349" spans="2:32">
      <c r="B5349" s="2"/>
      <c r="AF5349" s="4"/>
    </row>
    <row r="5350" spans="2:32">
      <c r="B5350" s="2"/>
      <c r="AF5350" s="4"/>
    </row>
    <row r="5351" spans="2:32">
      <c r="B5351" s="2"/>
      <c r="AF5351" s="4"/>
    </row>
    <row r="5352" spans="2:32">
      <c r="B5352" s="2"/>
      <c r="AF5352" s="4"/>
    </row>
    <row r="5353" spans="2:32">
      <c r="B5353" s="2"/>
      <c r="AF5353" s="4"/>
    </row>
    <row r="5354" spans="2:32">
      <c r="B5354" s="2"/>
      <c r="AF5354" s="4"/>
    </row>
    <row r="5355" spans="2:32">
      <c r="B5355" s="2"/>
      <c r="AF5355" s="4"/>
    </row>
    <row r="5356" spans="2:32">
      <c r="B5356" s="2"/>
      <c r="AF5356" s="4"/>
    </row>
    <row r="5357" spans="2:32">
      <c r="B5357" s="2"/>
      <c r="AF5357" s="4"/>
    </row>
    <row r="5358" spans="2:32">
      <c r="B5358" s="2"/>
      <c r="AF5358" s="4"/>
    </row>
    <row r="5359" spans="2:32">
      <c r="B5359" s="2"/>
      <c r="AF5359" s="4"/>
    </row>
    <row r="5360" spans="2:32">
      <c r="B5360" s="2"/>
      <c r="AF5360" s="4"/>
    </row>
    <row r="5361" spans="2:32">
      <c r="B5361" s="2"/>
      <c r="AF5361" s="4"/>
    </row>
    <row r="5362" spans="2:32">
      <c r="B5362" s="2"/>
      <c r="AF5362" s="4"/>
    </row>
    <row r="5363" spans="2:32">
      <c r="B5363" s="2"/>
      <c r="AF5363" s="4"/>
    </row>
    <row r="5364" spans="2:32">
      <c r="B5364" s="2"/>
      <c r="AF5364" s="4"/>
    </row>
    <row r="5365" spans="2:32">
      <c r="B5365" s="2"/>
      <c r="AF5365" s="4"/>
    </row>
    <row r="5366" spans="2:32">
      <c r="B5366" s="2"/>
      <c r="AF5366" s="4"/>
    </row>
    <row r="5367" spans="2:32">
      <c r="B5367" s="2"/>
      <c r="AF5367" s="4"/>
    </row>
    <row r="5368" spans="2:32">
      <c r="B5368" s="2"/>
      <c r="AF5368" s="4"/>
    </row>
    <row r="5369" spans="2:32">
      <c r="B5369" s="2"/>
      <c r="AF5369" s="4"/>
    </row>
    <row r="5370" spans="2:32">
      <c r="B5370" s="2"/>
      <c r="AF5370" s="4"/>
    </row>
    <row r="5371" spans="2:32">
      <c r="B5371" s="2"/>
      <c r="AF5371" s="4"/>
    </row>
    <row r="5372" spans="2:32">
      <c r="B5372" s="2"/>
      <c r="AF5372" s="4"/>
    </row>
    <row r="5373" spans="2:32">
      <c r="B5373" s="2"/>
      <c r="AF5373" s="4"/>
    </row>
    <row r="5374" spans="2:32">
      <c r="B5374" s="2"/>
      <c r="AF5374" s="4"/>
    </row>
    <row r="5375" spans="2:32">
      <c r="B5375" s="2"/>
      <c r="AF5375" s="4"/>
    </row>
    <row r="5376" spans="2:32">
      <c r="B5376" s="2"/>
      <c r="AF5376" s="4"/>
    </row>
    <row r="5377" spans="2:32">
      <c r="B5377" s="2"/>
      <c r="AF5377" s="4"/>
    </row>
    <row r="5378" spans="2:32">
      <c r="B5378" s="2"/>
      <c r="AF5378" s="4"/>
    </row>
    <row r="5379" spans="2:32">
      <c r="B5379" s="2"/>
      <c r="AF5379" s="4"/>
    </row>
    <row r="5380" spans="2:32">
      <c r="B5380" s="2"/>
      <c r="AF5380" s="4"/>
    </row>
    <row r="5381" spans="2:32">
      <c r="B5381" s="2"/>
      <c r="AF5381" s="4"/>
    </row>
    <row r="5382" spans="2:32">
      <c r="B5382" s="2"/>
      <c r="AF5382" s="4"/>
    </row>
    <row r="5383" spans="2:32">
      <c r="B5383" s="2"/>
      <c r="AF5383" s="4"/>
    </row>
    <row r="5384" spans="2:32">
      <c r="B5384" s="2"/>
      <c r="AF5384" s="4"/>
    </row>
    <row r="5385" spans="2:32">
      <c r="B5385" s="2"/>
      <c r="AF5385" s="4"/>
    </row>
    <row r="5386" spans="2:32">
      <c r="B5386" s="2"/>
      <c r="AF5386" s="4"/>
    </row>
    <row r="5387" spans="2:32">
      <c r="B5387" s="2"/>
      <c r="AF5387" s="4"/>
    </row>
    <row r="5388" spans="2:32">
      <c r="B5388" s="2"/>
      <c r="AF5388" s="4"/>
    </row>
    <row r="5389" spans="2:32">
      <c r="B5389" s="2"/>
      <c r="AF5389" s="4"/>
    </row>
    <row r="5390" spans="2:32">
      <c r="B5390" s="2"/>
      <c r="AF5390" s="4"/>
    </row>
    <row r="5391" spans="2:32">
      <c r="B5391" s="2"/>
      <c r="AF5391" s="4"/>
    </row>
    <row r="5392" spans="2:32">
      <c r="B5392" s="2"/>
      <c r="AF5392" s="4"/>
    </row>
    <row r="5393" spans="2:32">
      <c r="B5393" s="2"/>
      <c r="AF5393" s="4"/>
    </row>
    <row r="5394" spans="2:32">
      <c r="B5394" s="2"/>
      <c r="AF5394" s="4"/>
    </row>
    <row r="5395" spans="2:32">
      <c r="B5395" s="2"/>
      <c r="AF5395" s="4"/>
    </row>
    <row r="5396" spans="2:32">
      <c r="B5396" s="2"/>
      <c r="AF5396" s="4"/>
    </row>
    <row r="5397" spans="2:32">
      <c r="B5397" s="2"/>
      <c r="AF5397" s="4"/>
    </row>
    <row r="5398" spans="2:32">
      <c r="B5398" s="2"/>
      <c r="AF5398" s="4"/>
    </row>
    <row r="5399" spans="2:32">
      <c r="B5399" s="2"/>
      <c r="AF5399" s="4"/>
    </row>
    <row r="5400" spans="2:32">
      <c r="B5400" s="2"/>
      <c r="AF5400" s="4"/>
    </row>
    <row r="5401" spans="2:32">
      <c r="B5401" s="2"/>
      <c r="AF5401" s="4"/>
    </row>
    <row r="5402" spans="2:32">
      <c r="B5402" s="2"/>
      <c r="AF5402" s="4"/>
    </row>
    <row r="5403" spans="2:32">
      <c r="B5403" s="2"/>
      <c r="AF5403" s="4"/>
    </row>
    <row r="5404" spans="2:32">
      <c r="B5404" s="2"/>
      <c r="AF5404" s="4"/>
    </row>
    <row r="5405" spans="2:32">
      <c r="B5405" s="2"/>
      <c r="AF5405" s="4"/>
    </row>
    <row r="5406" spans="2:32">
      <c r="B5406" s="2"/>
      <c r="AF5406" s="4"/>
    </row>
    <row r="5407" spans="2:32">
      <c r="B5407" s="2"/>
      <c r="AF5407" s="4"/>
    </row>
    <row r="5408" spans="2:32">
      <c r="B5408" s="2"/>
      <c r="AF5408" s="4"/>
    </row>
    <row r="5409" spans="2:32">
      <c r="B5409" s="2"/>
      <c r="AF5409" s="4"/>
    </row>
    <row r="5410" spans="2:32">
      <c r="B5410" s="2"/>
      <c r="AF5410" s="4"/>
    </row>
    <row r="5411" spans="2:32">
      <c r="B5411" s="2"/>
      <c r="AF5411" s="4"/>
    </row>
    <row r="5412" spans="2:32">
      <c r="B5412" s="2"/>
      <c r="AF5412" s="4"/>
    </row>
    <row r="5413" spans="2:32">
      <c r="B5413" s="2"/>
      <c r="AF5413" s="4"/>
    </row>
    <row r="5414" spans="2:32">
      <c r="B5414" s="2"/>
      <c r="AF5414" s="4"/>
    </row>
    <row r="5415" spans="2:32">
      <c r="B5415" s="2"/>
      <c r="AF5415" s="4"/>
    </row>
    <row r="5416" spans="2:32">
      <c r="B5416" s="2"/>
      <c r="AF5416" s="4"/>
    </row>
    <row r="5417" spans="2:32">
      <c r="B5417" s="2"/>
      <c r="AF5417" s="4"/>
    </row>
    <row r="5418" spans="2:32">
      <c r="B5418" s="2"/>
      <c r="AF5418" s="4"/>
    </row>
    <row r="5419" spans="2:32">
      <c r="B5419" s="2"/>
      <c r="AF5419" s="4"/>
    </row>
    <row r="5420" spans="2:32">
      <c r="B5420" s="2"/>
      <c r="AF5420" s="4"/>
    </row>
    <row r="5421" spans="2:32">
      <c r="B5421" s="2"/>
      <c r="AF5421" s="4"/>
    </row>
    <row r="5422" spans="2:32">
      <c r="B5422" s="2"/>
      <c r="AF5422" s="4"/>
    </row>
    <row r="5423" spans="2:32">
      <c r="B5423" s="2"/>
      <c r="AF5423" s="4"/>
    </row>
    <row r="5424" spans="2:32">
      <c r="B5424" s="2"/>
      <c r="AF5424" s="4"/>
    </row>
    <row r="5425" spans="2:32">
      <c r="B5425" s="2"/>
      <c r="AF5425" s="4"/>
    </row>
    <row r="5426" spans="2:32">
      <c r="B5426" s="2"/>
      <c r="AF5426" s="4"/>
    </row>
    <row r="5427" spans="2:32">
      <c r="B5427" s="2"/>
      <c r="AF5427" s="4"/>
    </row>
    <row r="5428" spans="2:32">
      <c r="B5428" s="2"/>
      <c r="AF5428" s="4"/>
    </row>
    <row r="5429" spans="2:32">
      <c r="B5429" s="2"/>
      <c r="AF5429" s="4"/>
    </row>
    <row r="5430" spans="2:32">
      <c r="B5430" s="2"/>
      <c r="AF5430" s="4"/>
    </row>
    <row r="5431" spans="2:32">
      <c r="B5431" s="2"/>
      <c r="AF5431" s="4"/>
    </row>
    <row r="5432" spans="2:32">
      <c r="B5432" s="2"/>
      <c r="AF5432" s="4"/>
    </row>
    <row r="5433" spans="2:32">
      <c r="B5433" s="2"/>
      <c r="AF5433" s="4"/>
    </row>
    <row r="5434" spans="2:32">
      <c r="B5434" s="2"/>
      <c r="AF5434" s="4"/>
    </row>
    <row r="5435" spans="2:32">
      <c r="B5435" s="2"/>
      <c r="AF5435" s="4"/>
    </row>
    <row r="5436" spans="2:32">
      <c r="B5436" s="2"/>
      <c r="AF5436" s="4"/>
    </row>
    <row r="5437" spans="2:32">
      <c r="B5437" s="2"/>
      <c r="AF5437" s="4"/>
    </row>
    <row r="5438" spans="2:32">
      <c r="B5438" s="2"/>
      <c r="AF5438" s="4"/>
    </row>
    <row r="5439" spans="2:32">
      <c r="B5439" s="2"/>
      <c r="AF5439" s="4"/>
    </row>
    <row r="5440" spans="2:32">
      <c r="B5440" s="2"/>
      <c r="AF5440" s="4"/>
    </row>
    <row r="5441" spans="2:32">
      <c r="B5441" s="2"/>
      <c r="AF5441" s="4"/>
    </row>
    <row r="5442" spans="2:32">
      <c r="B5442" s="2"/>
      <c r="AF5442" s="4"/>
    </row>
    <row r="5443" spans="2:32">
      <c r="B5443" s="2"/>
      <c r="AF5443" s="4"/>
    </row>
    <row r="5444" spans="2:32">
      <c r="B5444" s="2"/>
      <c r="AF5444" s="4"/>
    </row>
    <row r="5445" spans="2:32">
      <c r="B5445" s="2"/>
      <c r="AF5445" s="4"/>
    </row>
    <row r="5446" spans="2:32">
      <c r="B5446" s="2"/>
      <c r="AF5446" s="4"/>
    </row>
    <row r="5447" spans="2:32">
      <c r="B5447" s="2"/>
      <c r="AF5447" s="4"/>
    </row>
    <row r="5448" spans="2:32">
      <c r="B5448" s="2"/>
      <c r="AF5448" s="4"/>
    </row>
    <row r="5449" spans="2:32">
      <c r="B5449" s="2"/>
      <c r="AF5449" s="4"/>
    </row>
    <row r="5450" spans="2:32">
      <c r="B5450" s="2"/>
      <c r="AF5450" s="4"/>
    </row>
    <row r="5451" spans="2:32">
      <c r="B5451" s="2"/>
      <c r="AF5451" s="4"/>
    </row>
    <row r="5452" spans="2:32">
      <c r="B5452" s="2"/>
      <c r="AF5452" s="4"/>
    </row>
    <row r="5453" spans="2:32">
      <c r="B5453" s="2"/>
      <c r="AF5453" s="4"/>
    </row>
    <row r="5454" spans="2:32">
      <c r="B5454" s="2"/>
      <c r="AF5454" s="4"/>
    </row>
    <row r="5455" spans="2:32">
      <c r="B5455" s="2"/>
      <c r="AF5455" s="4"/>
    </row>
    <row r="5456" spans="2:32">
      <c r="B5456" s="2"/>
      <c r="AF5456" s="4"/>
    </row>
    <row r="5457" spans="2:32">
      <c r="B5457" s="2"/>
      <c r="AF5457" s="4"/>
    </row>
    <row r="5458" spans="2:32">
      <c r="B5458" s="2"/>
      <c r="AF5458" s="4"/>
    </row>
    <row r="5459" spans="2:32">
      <c r="B5459" s="2"/>
      <c r="AF5459" s="4"/>
    </row>
    <row r="5460" spans="2:32">
      <c r="B5460" s="2"/>
      <c r="AF5460" s="4"/>
    </row>
    <row r="5461" spans="2:32">
      <c r="B5461" s="2"/>
      <c r="AF5461" s="4"/>
    </row>
    <row r="5462" spans="2:32">
      <c r="B5462" s="2"/>
      <c r="AF5462" s="4"/>
    </row>
    <row r="5463" spans="2:32">
      <c r="B5463" s="2"/>
      <c r="AF5463" s="4"/>
    </row>
    <row r="5464" spans="2:32">
      <c r="B5464" s="2"/>
      <c r="AF5464" s="4"/>
    </row>
    <row r="5465" spans="2:32">
      <c r="B5465" s="2"/>
      <c r="AF5465" s="4"/>
    </row>
    <row r="5466" spans="2:32">
      <c r="B5466" s="2"/>
      <c r="AF5466" s="4"/>
    </row>
    <row r="5467" spans="2:32">
      <c r="B5467" s="2"/>
      <c r="AF5467" s="4"/>
    </row>
    <row r="5468" spans="2:32">
      <c r="B5468" s="2"/>
      <c r="AF5468" s="4"/>
    </row>
    <row r="5469" spans="2:32">
      <c r="B5469" s="2"/>
      <c r="AF5469" s="4"/>
    </row>
    <row r="5470" spans="2:32">
      <c r="B5470" s="2"/>
      <c r="AF5470" s="4"/>
    </row>
    <row r="5471" spans="2:32">
      <c r="B5471" s="2"/>
      <c r="AF5471" s="4"/>
    </row>
    <row r="5472" spans="2:32">
      <c r="B5472" s="2"/>
      <c r="AF5472" s="4"/>
    </row>
    <row r="5473" spans="2:32">
      <c r="B5473" s="2"/>
      <c r="AF5473" s="4"/>
    </row>
    <row r="5474" spans="2:32">
      <c r="B5474" s="2"/>
      <c r="AF5474" s="4"/>
    </row>
    <row r="5475" spans="2:32">
      <c r="B5475" s="2"/>
      <c r="AF5475" s="4"/>
    </row>
    <row r="5476" spans="2:32">
      <c r="B5476" s="2"/>
      <c r="AF5476" s="4"/>
    </row>
    <row r="5477" spans="2:32">
      <c r="B5477" s="2"/>
      <c r="AF5477" s="4"/>
    </row>
    <row r="5478" spans="2:32">
      <c r="B5478" s="2"/>
      <c r="AF5478" s="4"/>
    </row>
    <row r="5479" spans="2:32">
      <c r="B5479" s="2"/>
      <c r="AF5479" s="4"/>
    </row>
    <row r="5480" spans="2:32">
      <c r="B5480" s="2"/>
      <c r="AF5480" s="4"/>
    </row>
    <row r="5481" spans="2:32">
      <c r="B5481" s="2"/>
      <c r="AF5481" s="4"/>
    </row>
    <row r="5482" spans="2:32">
      <c r="B5482" s="2"/>
      <c r="AF5482" s="4"/>
    </row>
    <row r="5483" spans="2:32">
      <c r="B5483" s="2"/>
      <c r="AF5483" s="4"/>
    </row>
    <row r="5484" spans="2:32">
      <c r="B5484" s="2"/>
      <c r="AF5484" s="4"/>
    </row>
    <row r="5485" spans="2:32">
      <c r="B5485" s="2"/>
      <c r="AF5485" s="4"/>
    </row>
    <row r="5486" spans="2:32">
      <c r="B5486" s="2"/>
      <c r="AF5486" s="4"/>
    </row>
    <row r="5487" spans="2:32">
      <c r="B5487" s="2"/>
      <c r="AF5487" s="4"/>
    </row>
    <row r="5488" spans="2:32">
      <c r="B5488" s="2"/>
      <c r="AF5488" s="4"/>
    </row>
    <row r="5489" spans="2:32">
      <c r="B5489" s="2"/>
      <c r="AF5489" s="4"/>
    </row>
    <row r="5490" spans="2:32">
      <c r="B5490" s="2"/>
      <c r="AF5490" s="4"/>
    </row>
    <row r="5491" spans="2:32">
      <c r="B5491" s="2"/>
      <c r="AF5491" s="4"/>
    </row>
    <row r="5492" spans="2:32">
      <c r="B5492" s="2"/>
      <c r="AF5492" s="4"/>
    </row>
    <row r="5493" spans="2:32">
      <c r="B5493" s="2"/>
      <c r="AF5493" s="4"/>
    </row>
    <row r="5494" spans="2:32">
      <c r="B5494" s="2"/>
      <c r="AF5494" s="4"/>
    </row>
    <row r="5495" spans="2:32">
      <c r="B5495" s="2"/>
      <c r="AF5495" s="4"/>
    </row>
    <row r="5496" spans="2:32">
      <c r="B5496" s="2"/>
      <c r="AF5496" s="4"/>
    </row>
    <row r="5497" spans="2:32">
      <c r="B5497" s="2"/>
      <c r="AF5497" s="4"/>
    </row>
    <row r="5498" spans="2:32">
      <c r="B5498" s="2"/>
      <c r="AF5498" s="4"/>
    </row>
    <row r="5499" spans="2:32">
      <c r="B5499" s="2"/>
      <c r="AF5499" s="4"/>
    </row>
    <row r="5500" spans="2:32">
      <c r="B5500" s="2"/>
      <c r="AF5500" s="4"/>
    </row>
    <row r="5501" spans="2:32">
      <c r="B5501" s="2"/>
      <c r="AF5501" s="4"/>
    </row>
    <row r="5502" spans="2:32">
      <c r="B5502" s="2"/>
      <c r="AF5502" s="4"/>
    </row>
    <row r="5503" spans="2:32">
      <c r="B5503" s="2"/>
      <c r="AF5503" s="4"/>
    </row>
    <row r="5504" spans="2:32">
      <c r="B5504" s="2"/>
      <c r="AF5504" s="4"/>
    </row>
    <row r="5505" spans="2:32">
      <c r="B5505" s="2"/>
      <c r="AF5505" s="4"/>
    </row>
    <row r="5506" spans="2:32">
      <c r="B5506" s="2"/>
      <c r="AF5506" s="4"/>
    </row>
    <row r="5507" spans="2:32">
      <c r="B5507" s="2"/>
      <c r="AF5507" s="4"/>
    </row>
    <row r="5508" spans="2:32">
      <c r="B5508" s="2"/>
      <c r="AF5508" s="4"/>
    </row>
    <row r="5509" spans="2:32">
      <c r="B5509" s="2"/>
      <c r="AF5509" s="4"/>
    </row>
    <row r="5510" spans="2:32">
      <c r="B5510" s="2"/>
      <c r="AF5510" s="4"/>
    </row>
    <row r="5511" spans="2:32">
      <c r="B5511" s="2"/>
      <c r="AF5511" s="4"/>
    </row>
    <row r="5512" spans="2:32">
      <c r="B5512" s="2"/>
      <c r="AF5512" s="4"/>
    </row>
    <row r="5513" spans="2:32">
      <c r="B5513" s="2"/>
      <c r="AF5513" s="4"/>
    </row>
    <row r="5514" spans="2:32">
      <c r="B5514" s="2"/>
      <c r="AF5514" s="4"/>
    </row>
    <row r="5515" spans="2:32">
      <c r="B5515" s="2"/>
      <c r="AF5515" s="4"/>
    </row>
    <row r="5516" spans="2:32">
      <c r="B5516" s="2"/>
      <c r="AF5516" s="4"/>
    </row>
    <row r="5517" spans="2:32">
      <c r="B5517" s="2"/>
      <c r="AF5517" s="4"/>
    </row>
    <row r="5518" spans="2:32">
      <c r="B5518" s="2"/>
      <c r="AF5518" s="4"/>
    </row>
    <row r="5519" spans="2:32">
      <c r="B5519" s="2"/>
      <c r="AF5519" s="4"/>
    </row>
    <row r="5520" spans="2:32">
      <c r="B5520" s="2"/>
      <c r="AF5520" s="4"/>
    </row>
    <row r="5521" spans="2:32">
      <c r="B5521" s="2"/>
      <c r="AF5521" s="4"/>
    </row>
    <row r="5522" spans="2:32">
      <c r="B5522" s="2"/>
      <c r="AF5522" s="4"/>
    </row>
    <row r="5523" spans="2:32">
      <c r="B5523" s="2"/>
      <c r="AF5523" s="4"/>
    </row>
    <row r="5524" spans="2:32">
      <c r="B5524" s="2"/>
      <c r="AF5524" s="4"/>
    </row>
    <row r="5525" spans="2:32">
      <c r="B5525" s="2"/>
      <c r="AF5525" s="4"/>
    </row>
    <row r="5526" spans="2:32">
      <c r="B5526" s="2"/>
      <c r="AF5526" s="4"/>
    </row>
    <row r="5527" spans="2:32">
      <c r="B5527" s="2"/>
      <c r="AF5527" s="4"/>
    </row>
    <row r="5528" spans="2:32">
      <c r="B5528" s="2"/>
      <c r="AF5528" s="4"/>
    </row>
    <row r="5529" spans="2:32">
      <c r="B5529" s="2"/>
      <c r="AF5529" s="4"/>
    </row>
    <row r="5530" spans="2:32">
      <c r="B5530" s="2"/>
      <c r="AF5530" s="4"/>
    </row>
    <row r="5531" spans="2:32">
      <c r="B5531" s="2"/>
      <c r="AF5531" s="4"/>
    </row>
    <row r="5532" spans="2:32">
      <c r="B5532" s="2"/>
      <c r="AF5532" s="4"/>
    </row>
    <row r="5533" spans="2:32">
      <c r="B5533" s="2"/>
      <c r="AF5533" s="4"/>
    </row>
    <row r="5534" spans="2:32">
      <c r="B5534" s="2"/>
      <c r="AF5534" s="4"/>
    </row>
    <row r="5535" spans="2:32">
      <c r="B5535" s="2"/>
      <c r="AF5535" s="4"/>
    </row>
    <row r="5536" spans="2:32">
      <c r="B5536" s="2"/>
      <c r="AF5536" s="4"/>
    </row>
    <row r="5537" spans="2:32">
      <c r="B5537" s="2"/>
      <c r="AF5537" s="4"/>
    </row>
    <row r="5538" spans="2:32">
      <c r="B5538" s="2"/>
      <c r="AF5538" s="4"/>
    </row>
    <row r="5539" spans="2:32">
      <c r="B5539" s="2"/>
      <c r="AF5539" s="4"/>
    </row>
    <row r="5540" spans="2:32">
      <c r="B5540" s="2"/>
      <c r="AF5540" s="4"/>
    </row>
    <row r="5541" spans="2:32">
      <c r="B5541" s="2"/>
      <c r="AF5541" s="4"/>
    </row>
    <row r="5542" spans="2:32">
      <c r="B5542" s="2"/>
      <c r="AF5542" s="4"/>
    </row>
    <row r="5543" spans="2:32">
      <c r="B5543" s="2"/>
      <c r="AF5543" s="4"/>
    </row>
    <row r="5544" spans="2:32">
      <c r="B5544" s="2"/>
      <c r="AF5544" s="4"/>
    </row>
    <row r="5545" spans="2:32">
      <c r="B5545" s="2"/>
      <c r="AF5545" s="4"/>
    </row>
    <row r="5546" spans="2:32">
      <c r="B5546" s="2"/>
      <c r="AF5546" s="4"/>
    </row>
    <row r="5547" spans="2:32">
      <c r="B5547" s="2"/>
      <c r="AF5547" s="4"/>
    </row>
    <row r="5548" spans="2:32">
      <c r="B5548" s="2"/>
      <c r="AF5548" s="4"/>
    </row>
    <row r="5549" spans="2:32">
      <c r="B5549" s="2"/>
      <c r="AF5549" s="4"/>
    </row>
    <row r="5550" spans="2:32">
      <c r="B5550" s="2"/>
      <c r="AF5550" s="4"/>
    </row>
    <row r="5551" spans="2:32">
      <c r="B5551" s="2"/>
      <c r="AF5551" s="4"/>
    </row>
    <row r="5552" spans="2:32">
      <c r="B5552" s="2"/>
      <c r="AF5552" s="4"/>
    </row>
    <row r="5553" spans="2:32">
      <c r="B5553" s="2"/>
      <c r="AF5553" s="4"/>
    </row>
    <row r="5554" spans="2:32">
      <c r="B5554" s="2"/>
      <c r="AF5554" s="4"/>
    </row>
    <row r="5555" spans="2:32">
      <c r="B5555" s="2"/>
      <c r="AF5555" s="4"/>
    </row>
    <row r="5556" spans="2:32">
      <c r="B5556" s="2"/>
      <c r="AF5556" s="4"/>
    </row>
    <row r="5557" spans="2:32">
      <c r="B5557" s="2"/>
      <c r="AF5557" s="4"/>
    </row>
    <row r="5558" spans="2:32">
      <c r="B5558" s="2"/>
      <c r="AF5558" s="4"/>
    </row>
    <row r="5559" spans="2:32">
      <c r="B5559" s="2"/>
      <c r="AF5559" s="4"/>
    </row>
    <row r="5560" spans="2:32">
      <c r="B5560" s="2"/>
      <c r="AF5560" s="4"/>
    </row>
    <row r="5561" spans="2:32">
      <c r="B5561" s="2"/>
      <c r="AF5561" s="4"/>
    </row>
    <row r="5562" spans="2:32">
      <c r="B5562" s="2"/>
      <c r="AF5562" s="4"/>
    </row>
    <row r="5563" spans="2:32">
      <c r="B5563" s="2"/>
      <c r="AF5563" s="4"/>
    </row>
    <row r="5564" spans="2:32">
      <c r="B5564" s="2"/>
      <c r="AF5564" s="4"/>
    </row>
    <row r="5565" spans="2:32">
      <c r="B5565" s="2"/>
      <c r="AF5565" s="4"/>
    </row>
    <row r="5566" spans="2:32">
      <c r="B5566" s="2"/>
      <c r="AF5566" s="4"/>
    </row>
    <row r="5567" spans="2:32">
      <c r="B5567" s="2"/>
      <c r="AF5567" s="4"/>
    </row>
    <row r="5568" spans="2:32">
      <c r="B5568" s="2"/>
      <c r="AF5568" s="4"/>
    </row>
    <row r="5569" spans="2:32">
      <c r="B5569" s="2"/>
      <c r="AF5569" s="4"/>
    </row>
    <row r="5570" spans="2:32">
      <c r="B5570" s="2"/>
      <c r="AF5570" s="4"/>
    </row>
    <row r="5571" spans="2:32">
      <c r="B5571" s="2"/>
      <c r="AF5571" s="4"/>
    </row>
    <row r="5572" spans="2:32">
      <c r="B5572" s="2"/>
      <c r="AF5572" s="4"/>
    </row>
    <row r="5573" spans="2:32">
      <c r="B5573" s="2"/>
      <c r="AF5573" s="4"/>
    </row>
    <row r="5574" spans="2:32">
      <c r="B5574" s="2"/>
      <c r="AF5574" s="4"/>
    </row>
    <row r="5575" spans="2:32">
      <c r="B5575" s="2"/>
      <c r="AF5575" s="4"/>
    </row>
    <row r="5576" spans="2:32">
      <c r="B5576" s="2"/>
      <c r="AF5576" s="4"/>
    </row>
    <row r="5577" spans="2:32">
      <c r="B5577" s="2"/>
      <c r="AF5577" s="4"/>
    </row>
    <row r="5578" spans="2:32">
      <c r="B5578" s="2"/>
      <c r="AF5578" s="4"/>
    </row>
    <row r="5579" spans="2:32">
      <c r="B5579" s="2"/>
      <c r="AF5579" s="4"/>
    </row>
    <row r="5580" spans="2:32">
      <c r="B5580" s="2"/>
      <c r="AF5580" s="4"/>
    </row>
    <row r="5581" spans="2:32">
      <c r="B5581" s="2"/>
      <c r="AF5581" s="4"/>
    </row>
    <row r="5582" spans="2:32">
      <c r="B5582" s="2"/>
      <c r="AF5582" s="4"/>
    </row>
    <row r="5583" spans="2:32">
      <c r="B5583" s="2"/>
      <c r="AF5583" s="4"/>
    </row>
    <row r="5584" spans="2:32">
      <c r="B5584" s="2"/>
      <c r="AF5584" s="4"/>
    </row>
    <row r="5585" spans="2:32">
      <c r="B5585" s="2"/>
      <c r="AF5585" s="4"/>
    </row>
    <row r="5586" spans="2:32">
      <c r="B5586" s="2"/>
      <c r="AF5586" s="4"/>
    </row>
    <row r="5587" spans="2:32">
      <c r="B5587" s="2"/>
      <c r="AF5587" s="4"/>
    </row>
    <row r="5588" spans="2:32">
      <c r="B5588" s="2"/>
      <c r="AF5588" s="4"/>
    </row>
    <row r="5589" spans="2:32">
      <c r="B5589" s="2"/>
      <c r="AF5589" s="4"/>
    </row>
    <row r="5590" spans="2:32">
      <c r="B5590" s="2"/>
      <c r="AF5590" s="4"/>
    </row>
    <row r="5591" spans="2:32">
      <c r="B5591" s="2"/>
      <c r="AF5591" s="4"/>
    </row>
    <row r="5592" spans="2:32">
      <c r="B5592" s="2"/>
      <c r="AF5592" s="4"/>
    </row>
    <row r="5593" spans="2:32">
      <c r="B5593" s="2"/>
      <c r="AF5593" s="4"/>
    </row>
    <row r="5594" spans="2:32">
      <c r="B5594" s="2"/>
      <c r="AF5594" s="4"/>
    </row>
    <row r="5595" spans="2:32">
      <c r="B5595" s="2"/>
      <c r="AF5595" s="4"/>
    </row>
    <row r="5596" spans="2:32">
      <c r="B5596" s="2"/>
      <c r="AF5596" s="4"/>
    </row>
    <row r="5597" spans="2:32">
      <c r="B5597" s="2"/>
      <c r="AF5597" s="4"/>
    </row>
    <row r="5598" spans="2:32">
      <c r="B5598" s="2"/>
      <c r="AF5598" s="4"/>
    </row>
    <row r="5599" spans="2:32">
      <c r="B5599" s="2"/>
      <c r="AF5599" s="4"/>
    </row>
    <row r="5600" spans="2:32">
      <c r="B5600" s="2"/>
      <c r="AF5600" s="4"/>
    </row>
    <row r="5601" spans="2:32">
      <c r="B5601" s="2"/>
      <c r="AF5601" s="4"/>
    </row>
    <row r="5602" spans="2:32">
      <c r="B5602" s="2"/>
      <c r="AF5602" s="4"/>
    </row>
    <row r="5603" spans="2:32">
      <c r="B5603" s="2"/>
      <c r="AF5603" s="4"/>
    </row>
    <row r="5604" spans="2:32">
      <c r="B5604" s="2"/>
      <c r="AF5604" s="4"/>
    </row>
    <row r="5605" spans="2:32">
      <c r="B5605" s="2"/>
      <c r="AF5605" s="4"/>
    </row>
    <row r="5606" spans="2:32">
      <c r="B5606" s="2"/>
      <c r="AF5606" s="4"/>
    </row>
    <row r="5607" spans="2:32">
      <c r="B5607" s="2"/>
      <c r="AF5607" s="4"/>
    </row>
    <row r="5608" spans="2:32">
      <c r="B5608" s="2"/>
      <c r="AF5608" s="4"/>
    </row>
    <row r="5609" spans="2:32">
      <c r="B5609" s="2"/>
      <c r="AF5609" s="4"/>
    </row>
    <row r="5610" spans="2:32">
      <c r="B5610" s="2"/>
      <c r="AF5610" s="4"/>
    </row>
    <row r="5611" spans="2:32">
      <c r="B5611" s="2"/>
      <c r="AF5611" s="4"/>
    </row>
    <row r="5612" spans="2:32">
      <c r="B5612" s="2"/>
      <c r="AF5612" s="4"/>
    </row>
    <row r="5613" spans="2:32">
      <c r="B5613" s="2"/>
      <c r="AF5613" s="4"/>
    </row>
    <row r="5614" spans="2:32">
      <c r="B5614" s="2"/>
      <c r="AF5614" s="4"/>
    </row>
    <row r="5615" spans="2:32">
      <c r="B5615" s="2"/>
      <c r="AF5615" s="4"/>
    </row>
    <row r="5616" spans="2:32">
      <c r="B5616" s="2"/>
      <c r="AF5616" s="4"/>
    </row>
    <row r="5617" spans="2:32">
      <c r="B5617" s="2"/>
      <c r="AF5617" s="4"/>
    </row>
    <row r="5618" spans="2:32">
      <c r="B5618" s="2"/>
      <c r="AF5618" s="4"/>
    </row>
    <row r="5619" spans="2:32">
      <c r="B5619" s="2"/>
      <c r="AF5619" s="4"/>
    </row>
    <row r="5620" spans="2:32">
      <c r="B5620" s="2"/>
      <c r="AF5620" s="4"/>
    </row>
    <row r="5621" spans="2:32">
      <c r="B5621" s="2"/>
      <c r="AF5621" s="4"/>
    </row>
    <row r="5622" spans="2:32">
      <c r="B5622" s="2"/>
      <c r="AF5622" s="4"/>
    </row>
    <row r="5623" spans="2:32">
      <c r="B5623" s="2"/>
      <c r="AF5623" s="4"/>
    </row>
    <row r="5624" spans="2:32">
      <c r="B5624" s="2"/>
      <c r="AF5624" s="4"/>
    </row>
    <row r="5625" spans="2:32">
      <c r="B5625" s="2"/>
      <c r="AF5625" s="4"/>
    </row>
    <row r="5626" spans="2:32">
      <c r="B5626" s="2"/>
      <c r="AF5626" s="4"/>
    </row>
    <row r="5627" spans="2:32">
      <c r="B5627" s="2"/>
      <c r="AF5627" s="4"/>
    </row>
    <row r="5628" spans="2:32">
      <c r="B5628" s="2"/>
      <c r="AF5628" s="4"/>
    </row>
    <row r="5629" spans="2:32">
      <c r="B5629" s="2"/>
      <c r="AF5629" s="4"/>
    </row>
    <row r="5630" spans="2:32">
      <c r="B5630" s="2"/>
      <c r="AF5630" s="4"/>
    </row>
    <row r="5631" spans="2:32">
      <c r="B5631" s="2"/>
      <c r="AF5631" s="4"/>
    </row>
    <row r="5632" spans="2:32">
      <c r="B5632" s="2"/>
      <c r="AF5632" s="4"/>
    </row>
    <row r="5633" spans="2:32">
      <c r="B5633" s="2"/>
      <c r="AF5633" s="4"/>
    </row>
    <row r="5634" spans="2:32">
      <c r="B5634" s="2"/>
      <c r="AF5634" s="4"/>
    </row>
    <row r="5635" spans="2:32">
      <c r="B5635" s="2"/>
      <c r="AF5635" s="4"/>
    </row>
    <row r="5636" spans="2:32">
      <c r="B5636" s="2"/>
      <c r="AF5636" s="4"/>
    </row>
    <row r="5637" spans="2:32">
      <c r="B5637" s="2"/>
      <c r="AF5637" s="4"/>
    </row>
    <row r="5638" spans="2:32">
      <c r="B5638" s="2"/>
      <c r="AF5638" s="4"/>
    </row>
    <row r="5639" spans="2:32">
      <c r="B5639" s="2"/>
      <c r="AF5639" s="4"/>
    </row>
    <row r="5640" spans="2:32">
      <c r="B5640" s="2"/>
      <c r="AF5640" s="4"/>
    </row>
    <row r="5641" spans="2:32">
      <c r="B5641" s="2"/>
      <c r="AF5641" s="4"/>
    </row>
    <row r="5642" spans="2:32">
      <c r="B5642" s="2"/>
      <c r="AF5642" s="4"/>
    </row>
    <row r="5643" spans="2:32">
      <c r="B5643" s="2"/>
      <c r="AF5643" s="4"/>
    </row>
    <row r="5644" spans="2:32">
      <c r="B5644" s="2"/>
      <c r="AF5644" s="4"/>
    </row>
    <row r="5645" spans="2:32">
      <c r="B5645" s="2"/>
      <c r="AF5645" s="4"/>
    </row>
    <row r="5646" spans="2:32">
      <c r="B5646" s="2"/>
      <c r="AF5646" s="4"/>
    </row>
    <row r="5647" spans="2:32">
      <c r="B5647" s="2"/>
      <c r="AF5647" s="4"/>
    </row>
    <row r="5648" spans="2:32">
      <c r="B5648" s="2"/>
      <c r="AF5648" s="4"/>
    </row>
    <row r="5649" spans="2:32">
      <c r="B5649" s="2"/>
      <c r="AF5649" s="4"/>
    </row>
    <row r="5650" spans="2:32">
      <c r="B5650" s="2"/>
      <c r="AF5650" s="4"/>
    </row>
    <row r="5651" spans="2:32">
      <c r="B5651" s="2"/>
      <c r="AF5651" s="4"/>
    </row>
    <row r="5652" spans="2:32">
      <c r="B5652" s="2"/>
      <c r="AF5652" s="4"/>
    </row>
    <row r="5653" spans="2:32">
      <c r="B5653" s="2"/>
      <c r="AF5653" s="4"/>
    </row>
    <row r="5654" spans="2:32">
      <c r="B5654" s="2"/>
      <c r="AF5654" s="4"/>
    </row>
    <row r="5655" spans="2:32">
      <c r="B5655" s="2"/>
      <c r="AF5655" s="4"/>
    </row>
    <row r="5656" spans="2:32">
      <c r="B5656" s="2"/>
      <c r="AF5656" s="4"/>
    </row>
    <row r="5657" spans="2:32">
      <c r="B5657" s="2"/>
      <c r="AF5657" s="4"/>
    </row>
    <row r="5658" spans="2:32">
      <c r="B5658" s="2"/>
      <c r="AF5658" s="4"/>
    </row>
    <row r="5659" spans="2:32">
      <c r="B5659" s="2"/>
      <c r="AF5659" s="4"/>
    </row>
    <row r="5660" spans="2:32">
      <c r="B5660" s="2"/>
      <c r="AF5660" s="4"/>
    </row>
    <row r="5661" spans="2:32">
      <c r="B5661" s="2"/>
      <c r="AF5661" s="4"/>
    </row>
    <row r="5662" spans="2:32">
      <c r="B5662" s="2"/>
      <c r="AF5662" s="4"/>
    </row>
    <row r="5663" spans="2:32">
      <c r="B5663" s="2"/>
      <c r="AF5663" s="4"/>
    </row>
    <row r="5664" spans="2:32">
      <c r="B5664" s="2"/>
      <c r="AF5664" s="4"/>
    </row>
    <row r="5665" spans="2:32">
      <c r="B5665" s="2"/>
      <c r="AF5665" s="4"/>
    </row>
    <row r="5666" spans="2:32">
      <c r="B5666" s="2"/>
      <c r="AF5666" s="4"/>
    </row>
    <row r="5667" spans="2:32">
      <c r="B5667" s="2"/>
      <c r="AF5667" s="4"/>
    </row>
    <row r="5668" spans="2:32">
      <c r="B5668" s="2"/>
      <c r="AF5668" s="4"/>
    </row>
    <row r="5669" spans="2:32">
      <c r="B5669" s="2"/>
      <c r="AF5669" s="4"/>
    </row>
    <row r="5670" spans="2:32">
      <c r="B5670" s="2"/>
      <c r="AF5670" s="4"/>
    </row>
    <row r="5671" spans="2:32">
      <c r="B5671" s="2"/>
      <c r="AF5671" s="4"/>
    </row>
    <row r="5672" spans="2:32">
      <c r="B5672" s="2"/>
      <c r="AF5672" s="4"/>
    </row>
    <row r="5673" spans="2:32">
      <c r="B5673" s="2"/>
      <c r="AF5673" s="4"/>
    </row>
    <row r="5674" spans="2:32">
      <c r="B5674" s="2"/>
      <c r="AF5674" s="4"/>
    </row>
    <row r="5675" spans="2:32">
      <c r="B5675" s="2"/>
      <c r="AF5675" s="4"/>
    </row>
    <row r="5676" spans="2:32">
      <c r="B5676" s="2"/>
      <c r="AF5676" s="4"/>
    </row>
    <row r="5677" spans="2:32">
      <c r="B5677" s="2"/>
      <c r="AF5677" s="4"/>
    </row>
    <row r="5678" spans="2:32">
      <c r="B5678" s="2"/>
      <c r="AF5678" s="4"/>
    </row>
    <row r="5679" spans="2:32">
      <c r="B5679" s="2"/>
      <c r="AF5679" s="4"/>
    </row>
    <row r="5680" spans="2:32">
      <c r="B5680" s="2"/>
      <c r="AF5680" s="4"/>
    </row>
    <row r="5681" spans="2:32">
      <c r="B5681" s="2"/>
      <c r="AF5681" s="4"/>
    </row>
    <row r="5682" spans="2:32">
      <c r="B5682" s="2"/>
      <c r="AF5682" s="4"/>
    </row>
    <row r="5683" spans="2:32">
      <c r="B5683" s="2"/>
      <c r="AF5683" s="4"/>
    </row>
    <row r="5684" spans="2:32">
      <c r="B5684" s="2"/>
      <c r="AF5684" s="4"/>
    </row>
    <row r="5685" spans="2:32">
      <c r="B5685" s="2"/>
      <c r="AF5685" s="4"/>
    </row>
    <row r="5686" spans="2:32">
      <c r="B5686" s="2"/>
      <c r="AF5686" s="4"/>
    </row>
    <row r="5687" spans="2:32">
      <c r="B5687" s="2"/>
      <c r="AF5687" s="4"/>
    </row>
    <row r="5688" spans="2:32">
      <c r="B5688" s="2"/>
      <c r="AF5688" s="4"/>
    </row>
    <row r="5689" spans="2:32">
      <c r="B5689" s="2"/>
      <c r="AF5689" s="4"/>
    </row>
    <row r="5690" spans="2:32">
      <c r="B5690" s="2"/>
      <c r="AF5690" s="4"/>
    </row>
    <row r="5691" spans="2:32">
      <c r="B5691" s="2"/>
      <c r="AF5691" s="4"/>
    </row>
    <row r="5692" spans="2:32">
      <c r="B5692" s="2"/>
      <c r="AF5692" s="4"/>
    </row>
    <row r="5693" spans="2:32">
      <c r="B5693" s="2"/>
      <c r="AF5693" s="4"/>
    </row>
    <row r="5694" spans="2:32">
      <c r="B5694" s="2"/>
      <c r="AF5694" s="4"/>
    </row>
    <row r="5695" spans="2:32">
      <c r="B5695" s="2"/>
      <c r="AF5695" s="4"/>
    </row>
    <row r="5696" spans="2:32">
      <c r="B5696" s="2"/>
      <c r="AF5696" s="4"/>
    </row>
    <row r="5697" spans="2:32">
      <c r="B5697" s="2"/>
      <c r="AF5697" s="4"/>
    </row>
    <row r="5698" spans="2:32">
      <c r="B5698" s="2"/>
      <c r="AF5698" s="4"/>
    </row>
    <row r="5699" spans="2:32">
      <c r="B5699" s="2"/>
      <c r="AF5699" s="4"/>
    </row>
    <row r="5700" spans="2:32">
      <c r="B5700" s="2"/>
      <c r="AF5700" s="4"/>
    </row>
    <row r="5701" spans="2:32">
      <c r="B5701" s="2"/>
      <c r="AF5701" s="4"/>
    </row>
    <row r="5702" spans="2:32">
      <c r="B5702" s="2"/>
      <c r="AF5702" s="4"/>
    </row>
    <row r="5703" spans="2:32">
      <c r="B5703" s="2"/>
      <c r="AF5703" s="4"/>
    </row>
    <row r="5704" spans="2:32">
      <c r="B5704" s="2"/>
      <c r="AF5704" s="4"/>
    </row>
    <row r="5705" spans="2:32">
      <c r="B5705" s="2"/>
      <c r="AF5705" s="4"/>
    </row>
    <row r="5706" spans="2:32">
      <c r="B5706" s="2"/>
      <c r="AF5706" s="4"/>
    </row>
    <row r="5707" spans="2:32">
      <c r="B5707" s="2"/>
      <c r="AF5707" s="4"/>
    </row>
    <row r="5708" spans="2:32">
      <c r="B5708" s="2"/>
      <c r="AF5708" s="4"/>
    </row>
    <row r="5709" spans="2:32">
      <c r="B5709" s="2"/>
      <c r="AF5709" s="4"/>
    </row>
    <row r="5710" spans="2:32">
      <c r="B5710" s="2"/>
      <c r="AF5710" s="4"/>
    </row>
    <row r="5711" spans="2:32">
      <c r="B5711" s="2"/>
      <c r="AF5711" s="4"/>
    </row>
    <row r="5712" spans="2:32">
      <c r="B5712" s="2"/>
      <c r="AF5712" s="4"/>
    </row>
    <row r="5713" spans="2:32">
      <c r="B5713" s="2"/>
      <c r="AF5713" s="4"/>
    </row>
    <row r="5714" spans="2:32">
      <c r="B5714" s="2"/>
      <c r="AF5714" s="4"/>
    </row>
    <row r="5715" spans="2:32">
      <c r="B5715" s="2"/>
      <c r="AF5715" s="4"/>
    </row>
    <row r="5716" spans="2:32">
      <c r="B5716" s="2"/>
      <c r="AF5716" s="4"/>
    </row>
    <row r="5717" spans="2:32">
      <c r="B5717" s="2"/>
      <c r="AF5717" s="4"/>
    </row>
    <row r="5718" spans="2:32">
      <c r="B5718" s="2"/>
      <c r="AF5718" s="4"/>
    </row>
    <row r="5719" spans="2:32">
      <c r="B5719" s="2"/>
      <c r="AF5719" s="4"/>
    </row>
    <row r="5720" spans="2:32">
      <c r="B5720" s="2"/>
      <c r="AF5720" s="4"/>
    </row>
    <row r="5721" spans="2:32">
      <c r="B5721" s="2"/>
      <c r="AF5721" s="4"/>
    </row>
    <row r="5722" spans="2:32">
      <c r="B5722" s="2"/>
      <c r="AF5722" s="4"/>
    </row>
    <row r="5723" spans="2:32">
      <c r="B5723" s="2"/>
      <c r="AF5723" s="4"/>
    </row>
    <row r="5724" spans="2:32">
      <c r="B5724" s="2"/>
      <c r="AF5724" s="4"/>
    </row>
    <row r="5725" spans="2:32">
      <c r="B5725" s="2"/>
      <c r="AF5725" s="4"/>
    </row>
    <row r="5726" spans="2:32">
      <c r="B5726" s="2"/>
      <c r="AF5726" s="4"/>
    </row>
    <row r="5727" spans="2:32">
      <c r="B5727" s="2"/>
      <c r="AF5727" s="4"/>
    </row>
    <row r="5728" spans="2:32">
      <c r="B5728" s="2"/>
      <c r="AF5728" s="4"/>
    </row>
    <row r="5729" spans="2:32">
      <c r="B5729" s="2"/>
      <c r="AF5729" s="4"/>
    </row>
    <row r="5730" spans="2:32">
      <c r="B5730" s="2"/>
      <c r="AF5730" s="4"/>
    </row>
    <row r="5731" spans="2:32">
      <c r="B5731" s="2"/>
      <c r="AF5731" s="4"/>
    </row>
    <row r="5732" spans="2:32">
      <c r="B5732" s="2"/>
      <c r="AF5732" s="4"/>
    </row>
    <row r="5733" spans="2:32">
      <c r="B5733" s="2"/>
      <c r="AF5733" s="4"/>
    </row>
    <row r="5734" spans="2:32">
      <c r="B5734" s="2"/>
      <c r="AF5734" s="4"/>
    </row>
    <row r="5735" spans="2:32">
      <c r="B5735" s="2"/>
      <c r="AF5735" s="4"/>
    </row>
    <row r="5736" spans="2:32">
      <c r="B5736" s="2"/>
      <c r="AF5736" s="4"/>
    </row>
    <row r="5737" spans="2:32">
      <c r="B5737" s="2"/>
      <c r="AF5737" s="4"/>
    </row>
    <row r="5738" spans="2:32">
      <c r="B5738" s="2"/>
      <c r="AF5738" s="4"/>
    </row>
    <row r="5739" spans="2:32">
      <c r="B5739" s="2"/>
      <c r="AF5739" s="4"/>
    </row>
    <row r="5740" spans="2:32">
      <c r="B5740" s="2"/>
      <c r="AF5740" s="4"/>
    </row>
    <row r="5741" spans="2:32">
      <c r="B5741" s="2"/>
      <c r="AF5741" s="4"/>
    </row>
    <row r="5742" spans="2:32">
      <c r="B5742" s="2"/>
      <c r="AF5742" s="4"/>
    </row>
    <row r="5743" spans="2:32">
      <c r="B5743" s="2"/>
      <c r="AF5743" s="4"/>
    </row>
    <row r="5744" spans="2:32">
      <c r="B5744" s="2"/>
      <c r="AF5744" s="4"/>
    </row>
    <row r="5745" spans="2:32">
      <c r="B5745" s="2"/>
      <c r="AF5745" s="4"/>
    </row>
    <row r="5746" spans="2:32">
      <c r="B5746" s="2"/>
      <c r="AF5746" s="4"/>
    </row>
    <row r="5747" spans="2:32">
      <c r="B5747" s="2"/>
      <c r="AF5747" s="4"/>
    </row>
    <row r="5748" spans="2:32">
      <c r="B5748" s="2"/>
      <c r="AF5748" s="4"/>
    </row>
    <row r="5749" spans="2:32">
      <c r="B5749" s="2"/>
      <c r="AF5749" s="4"/>
    </row>
    <row r="5750" spans="2:32">
      <c r="B5750" s="2"/>
      <c r="AF5750" s="4"/>
    </row>
    <row r="5751" spans="2:32">
      <c r="B5751" s="2"/>
      <c r="AF5751" s="4"/>
    </row>
    <row r="5752" spans="2:32">
      <c r="B5752" s="2"/>
      <c r="AF5752" s="4"/>
    </row>
    <row r="5753" spans="2:32">
      <c r="B5753" s="2"/>
      <c r="AF5753" s="4"/>
    </row>
    <row r="5754" spans="2:32">
      <c r="B5754" s="2"/>
      <c r="AF5754" s="4"/>
    </row>
    <row r="5755" spans="2:32">
      <c r="B5755" s="2"/>
      <c r="AF5755" s="4"/>
    </row>
    <row r="5756" spans="2:32">
      <c r="B5756" s="2"/>
      <c r="AF5756" s="4"/>
    </row>
    <row r="5757" spans="2:32">
      <c r="B5757" s="2"/>
      <c r="AF5757" s="4"/>
    </row>
    <row r="5758" spans="2:32">
      <c r="B5758" s="2"/>
      <c r="AF5758" s="4"/>
    </row>
    <row r="5759" spans="2:32">
      <c r="B5759" s="2"/>
      <c r="AF5759" s="4"/>
    </row>
    <row r="5760" spans="2:32">
      <c r="B5760" s="2"/>
      <c r="AF5760" s="4"/>
    </row>
    <row r="5761" spans="2:32">
      <c r="B5761" s="2"/>
      <c r="AF5761" s="4"/>
    </row>
    <row r="5762" spans="2:32">
      <c r="B5762" s="2"/>
      <c r="AF5762" s="4"/>
    </row>
    <row r="5763" spans="2:32">
      <c r="B5763" s="2"/>
      <c r="AF5763" s="4"/>
    </row>
    <row r="5764" spans="2:32">
      <c r="B5764" s="2"/>
      <c r="AF5764" s="4"/>
    </row>
    <row r="5765" spans="2:32">
      <c r="B5765" s="2"/>
      <c r="AF5765" s="4"/>
    </row>
    <row r="5766" spans="2:32">
      <c r="B5766" s="2"/>
      <c r="AF5766" s="4"/>
    </row>
    <row r="5767" spans="2:32">
      <c r="B5767" s="2"/>
      <c r="AF5767" s="4"/>
    </row>
    <row r="5768" spans="2:32">
      <c r="B5768" s="2"/>
      <c r="AF5768" s="4"/>
    </row>
    <row r="5769" spans="2:32">
      <c r="B5769" s="2"/>
      <c r="AF5769" s="4"/>
    </row>
    <row r="5770" spans="2:32">
      <c r="B5770" s="2"/>
      <c r="AF5770" s="4"/>
    </row>
    <row r="5771" spans="2:32">
      <c r="B5771" s="2"/>
      <c r="AF5771" s="4"/>
    </row>
    <row r="5772" spans="2:32">
      <c r="B5772" s="2"/>
      <c r="AF5772" s="4"/>
    </row>
    <row r="5773" spans="2:32">
      <c r="B5773" s="2"/>
      <c r="AF5773" s="4"/>
    </row>
    <row r="5774" spans="2:32">
      <c r="B5774" s="2"/>
      <c r="AF5774" s="4"/>
    </row>
    <row r="5775" spans="2:32">
      <c r="B5775" s="2"/>
      <c r="AF5775" s="4"/>
    </row>
    <row r="5776" spans="2:32">
      <c r="B5776" s="2"/>
      <c r="AF5776" s="4"/>
    </row>
    <row r="5777" spans="2:32">
      <c r="B5777" s="2"/>
      <c r="AF5777" s="4"/>
    </row>
    <row r="5778" spans="2:32">
      <c r="B5778" s="2"/>
      <c r="AF5778" s="4"/>
    </row>
    <row r="5779" spans="2:32">
      <c r="B5779" s="2"/>
      <c r="AF5779" s="4"/>
    </row>
    <row r="5780" spans="2:32">
      <c r="B5780" s="2"/>
      <c r="AF5780" s="4"/>
    </row>
    <row r="5781" spans="2:32">
      <c r="B5781" s="2"/>
      <c r="AF5781" s="4"/>
    </row>
    <row r="5782" spans="2:32">
      <c r="B5782" s="2"/>
      <c r="AF5782" s="4"/>
    </row>
    <row r="5783" spans="2:32">
      <c r="B5783" s="2"/>
      <c r="AF5783" s="4"/>
    </row>
    <row r="5784" spans="2:32">
      <c r="B5784" s="2"/>
      <c r="AF5784" s="4"/>
    </row>
    <row r="5785" spans="2:32">
      <c r="B5785" s="2"/>
      <c r="AF5785" s="4"/>
    </row>
    <row r="5786" spans="2:32">
      <c r="B5786" s="2"/>
      <c r="AF5786" s="4"/>
    </row>
    <row r="5787" spans="2:32">
      <c r="B5787" s="2"/>
      <c r="AF5787" s="4"/>
    </row>
    <row r="5788" spans="2:32">
      <c r="B5788" s="2"/>
      <c r="AF5788" s="4"/>
    </row>
    <row r="5789" spans="2:32">
      <c r="B5789" s="2"/>
      <c r="AF5789" s="4"/>
    </row>
    <row r="5790" spans="2:32">
      <c r="B5790" s="2"/>
      <c r="AF5790" s="4"/>
    </row>
    <row r="5791" spans="2:32">
      <c r="B5791" s="2"/>
      <c r="AF5791" s="4"/>
    </row>
    <row r="5792" spans="2:32">
      <c r="B5792" s="2"/>
      <c r="AF5792" s="4"/>
    </row>
    <row r="5793" spans="2:32">
      <c r="B5793" s="2"/>
      <c r="AF5793" s="4"/>
    </row>
    <row r="5794" spans="2:32">
      <c r="B5794" s="2"/>
      <c r="AF5794" s="4"/>
    </row>
    <row r="5795" spans="2:32">
      <c r="B5795" s="2"/>
      <c r="AF5795" s="4"/>
    </row>
    <row r="5796" spans="2:32">
      <c r="B5796" s="2"/>
      <c r="AF5796" s="4"/>
    </row>
    <row r="5797" spans="2:32">
      <c r="B5797" s="2"/>
      <c r="AF5797" s="4"/>
    </row>
    <row r="5798" spans="2:32">
      <c r="B5798" s="2"/>
      <c r="AF5798" s="4"/>
    </row>
    <row r="5799" spans="2:32">
      <c r="B5799" s="2"/>
      <c r="AF5799" s="4"/>
    </row>
    <row r="5800" spans="2:32">
      <c r="B5800" s="2"/>
      <c r="AF5800" s="4"/>
    </row>
    <row r="5801" spans="2:32">
      <c r="B5801" s="2"/>
      <c r="AF5801" s="4"/>
    </row>
    <row r="5802" spans="2:32">
      <c r="B5802" s="2"/>
      <c r="AF5802" s="4"/>
    </row>
    <row r="5803" spans="2:32">
      <c r="B5803" s="2"/>
      <c r="AF5803" s="4"/>
    </row>
    <row r="5804" spans="2:32">
      <c r="B5804" s="2"/>
      <c r="AF5804" s="4"/>
    </row>
    <row r="5805" spans="2:32">
      <c r="B5805" s="2"/>
      <c r="AF5805" s="4"/>
    </row>
    <row r="5806" spans="2:32">
      <c r="B5806" s="2"/>
      <c r="AF5806" s="4"/>
    </row>
    <row r="5807" spans="2:32">
      <c r="B5807" s="2"/>
      <c r="AF5807" s="4"/>
    </row>
    <row r="5808" spans="2:32">
      <c r="B5808" s="2"/>
      <c r="AF5808" s="4"/>
    </row>
    <row r="5809" spans="2:32">
      <c r="B5809" s="2"/>
      <c r="AF5809" s="4"/>
    </row>
    <row r="5810" spans="2:32">
      <c r="B5810" s="2"/>
      <c r="AF5810" s="4"/>
    </row>
    <row r="5811" spans="2:32">
      <c r="B5811" s="2"/>
      <c r="AF5811" s="4"/>
    </row>
    <row r="5812" spans="2:32">
      <c r="B5812" s="2"/>
      <c r="AF5812" s="4"/>
    </row>
    <row r="5813" spans="2:32">
      <c r="B5813" s="2"/>
      <c r="AF5813" s="4"/>
    </row>
    <row r="5814" spans="2:32">
      <c r="B5814" s="2"/>
      <c r="AF5814" s="4"/>
    </row>
    <row r="5815" spans="2:32">
      <c r="B5815" s="2"/>
      <c r="AF5815" s="4"/>
    </row>
    <row r="5816" spans="2:32">
      <c r="B5816" s="2"/>
      <c r="AF5816" s="4"/>
    </row>
    <row r="5817" spans="2:32">
      <c r="B5817" s="2"/>
      <c r="AF5817" s="4"/>
    </row>
    <row r="5818" spans="2:32">
      <c r="B5818" s="2"/>
      <c r="AF5818" s="4"/>
    </row>
    <row r="5819" spans="2:32">
      <c r="B5819" s="2"/>
      <c r="AF5819" s="4"/>
    </row>
    <row r="5820" spans="2:32">
      <c r="B5820" s="2"/>
      <c r="AF5820" s="4"/>
    </row>
    <row r="5821" spans="2:32">
      <c r="B5821" s="2"/>
      <c r="AF5821" s="4"/>
    </row>
    <row r="5822" spans="2:32">
      <c r="B5822" s="2"/>
      <c r="AF5822" s="4"/>
    </row>
    <row r="5823" spans="2:32">
      <c r="B5823" s="2"/>
      <c r="AF5823" s="4"/>
    </row>
    <row r="5824" spans="2:32">
      <c r="B5824" s="2"/>
      <c r="AF5824" s="4"/>
    </row>
    <row r="5825" spans="2:32">
      <c r="B5825" s="2"/>
      <c r="AF5825" s="4"/>
    </row>
    <row r="5826" spans="2:32">
      <c r="B5826" s="2"/>
      <c r="AF5826" s="4"/>
    </row>
    <row r="5827" spans="2:32">
      <c r="B5827" s="2"/>
      <c r="AF5827" s="4"/>
    </row>
    <row r="5828" spans="2:32">
      <c r="B5828" s="2"/>
      <c r="AF5828" s="4"/>
    </row>
    <row r="5829" spans="2:32">
      <c r="B5829" s="2"/>
      <c r="AF5829" s="4"/>
    </row>
    <row r="5830" spans="2:32">
      <c r="B5830" s="2"/>
      <c r="AF5830" s="4"/>
    </row>
    <row r="5831" spans="2:32">
      <c r="B5831" s="2"/>
      <c r="AF5831" s="4"/>
    </row>
    <row r="5832" spans="2:32">
      <c r="B5832" s="2"/>
      <c r="AF5832" s="4"/>
    </row>
    <row r="5833" spans="2:32">
      <c r="B5833" s="2"/>
      <c r="AF5833" s="4"/>
    </row>
    <row r="5834" spans="2:32">
      <c r="B5834" s="2"/>
      <c r="AF5834" s="4"/>
    </row>
    <row r="5835" spans="2:32">
      <c r="B5835" s="2"/>
      <c r="AF5835" s="4"/>
    </row>
    <row r="5836" spans="2:32">
      <c r="B5836" s="2"/>
      <c r="AF5836" s="4"/>
    </row>
    <row r="5837" spans="2:32">
      <c r="B5837" s="2"/>
      <c r="AF5837" s="4"/>
    </row>
    <row r="5838" spans="2:32">
      <c r="B5838" s="2"/>
      <c r="AF5838" s="4"/>
    </row>
    <row r="5839" spans="2:32">
      <c r="B5839" s="2"/>
      <c r="AF5839" s="4"/>
    </row>
    <row r="5840" spans="2:32">
      <c r="B5840" s="2"/>
      <c r="AF5840" s="4"/>
    </row>
    <row r="5841" spans="2:32">
      <c r="B5841" s="2"/>
      <c r="AF5841" s="4"/>
    </row>
    <row r="5842" spans="2:32">
      <c r="B5842" s="2"/>
      <c r="AF5842" s="4"/>
    </row>
    <row r="5843" spans="2:32">
      <c r="B5843" s="2"/>
      <c r="AF5843" s="4"/>
    </row>
    <row r="5844" spans="2:32">
      <c r="B5844" s="2"/>
      <c r="AF5844" s="4"/>
    </row>
    <row r="5845" spans="2:32">
      <c r="B5845" s="2"/>
      <c r="AF5845" s="4"/>
    </row>
    <row r="5846" spans="2:32">
      <c r="B5846" s="2"/>
      <c r="AF5846" s="4"/>
    </row>
    <row r="5847" spans="2:32">
      <c r="B5847" s="2"/>
      <c r="AF5847" s="4"/>
    </row>
    <row r="5848" spans="2:32">
      <c r="B5848" s="2"/>
      <c r="AF5848" s="4"/>
    </row>
    <row r="5849" spans="2:32">
      <c r="B5849" s="2"/>
      <c r="AF5849" s="4"/>
    </row>
    <row r="5850" spans="2:32">
      <c r="B5850" s="2"/>
      <c r="AF5850" s="4"/>
    </row>
    <row r="5851" spans="2:32">
      <c r="B5851" s="2"/>
      <c r="AF5851" s="4"/>
    </row>
    <row r="5852" spans="2:32">
      <c r="B5852" s="2"/>
      <c r="AF5852" s="4"/>
    </row>
    <row r="5853" spans="2:32">
      <c r="B5853" s="2"/>
      <c r="AF5853" s="4"/>
    </row>
    <row r="5854" spans="2:32">
      <c r="B5854" s="2"/>
      <c r="AF5854" s="4"/>
    </row>
    <row r="5855" spans="2:32">
      <c r="B5855" s="2"/>
      <c r="AF5855" s="4"/>
    </row>
    <row r="5856" spans="2:32">
      <c r="B5856" s="2"/>
      <c r="AF5856" s="4"/>
    </row>
    <row r="5857" spans="2:32">
      <c r="B5857" s="2"/>
      <c r="AF5857" s="4"/>
    </row>
    <row r="5858" spans="2:32">
      <c r="B5858" s="2"/>
      <c r="AF5858" s="4"/>
    </row>
    <row r="5859" spans="2:32">
      <c r="B5859" s="2"/>
      <c r="AF5859" s="4"/>
    </row>
    <row r="5860" spans="2:32">
      <c r="B5860" s="2"/>
      <c r="AF5860" s="4"/>
    </row>
    <row r="5861" spans="2:32">
      <c r="B5861" s="2"/>
      <c r="AF5861" s="4"/>
    </row>
    <row r="5862" spans="2:32">
      <c r="B5862" s="2"/>
      <c r="AF5862" s="4"/>
    </row>
    <row r="5863" spans="2:32">
      <c r="B5863" s="2"/>
      <c r="AF5863" s="4"/>
    </row>
    <row r="5864" spans="2:32">
      <c r="B5864" s="2"/>
      <c r="AF5864" s="4"/>
    </row>
    <row r="5865" spans="2:32">
      <c r="B5865" s="2"/>
      <c r="AF5865" s="4"/>
    </row>
    <row r="5866" spans="2:32">
      <c r="B5866" s="2"/>
      <c r="AF5866" s="4"/>
    </row>
    <row r="5867" spans="2:32">
      <c r="B5867" s="2"/>
      <c r="AF5867" s="4"/>
    </row>
    <row r="5868" spans="2:32">
      <c r="B5868" s="2"/>
      <c r="AF5868" s="4"/>
    </row>
    <row r="5869" spans="2:32">
      <c r="B5869" s="2"/>
      <c r="AF5869" s="4"/>
    </row>
    <row r="5870" spans="2:32">
      <c r="B5870" s="2"/>
      <c r="AF5870" s="4"/>
    </row>
    <row r="5871" spans="2:32">
      <c r="B5871" s="2"/>
      <c r="AF5871" s="4"/>
    </row>
    <row r="5872" spans="2:32">
      <c r="B5872" s="2"/>
      <c r="AF5872" s="4"/>
    </row>
    <row r="5873" spans="2:32">
      <c r="B5873" s="2"/>
      <c r="AF5873" s="4"/>
    </row>
    <row r="5874" spans="2:32">
      <c r="B5874" s="2"/>
      <c r="AF5874" s="4"/>
    </row>
    <row r="5875" spans="2:32">
      <c r="B5875" s="2"/>
      <c r="AF5875" s="4"/>
    </row>
    <row r="5876" spans="2:32">
      <c r="B5876" s="2"/>
      <c r="AF5876" s="4"/>
    </row>
    <row r="5877" spans="2:32">
      <c r="B5877" s="2"/>
      <c r="AF5877" s="4"/>
    </row>
    <row r="5878" spans="2:32">
      <c r="B5878" s="2"/>
      <c r="AF5878" s="4"/>
    </row>
    <row r="5879" spans="2:32">
      <c r="B5879" s="2"/>
      <c r="AF5879" s="4"/>
    </row>
    <row r="5880" spans="2:32">
      <c r="B5880" s="2"/>
      <c r="AF5880" s="4"/>
    </row>
    <row r="5881" spans="2:32">
      <c r="B5881" s="2"/>
      <c r="AF5881" s="4"/>
    </row>
    <row r="5882" spans="2:32">
      <c r="B5882" s="2"/>
      <c r="AF5882" s="4"/>
    </row>
    <row r="5883" spans="2:32">
      <c r="B5883" s="2"/>
      <c r="AF5883" s="4"/>
    </row>
    <row r="5884" spans="2:32">
      <c r="B5884" s="2"/>
      <c r="AF5884" s="4"/>
    </row>
    <row r="5885" spans="2:32">
      <c r="B5885" s="2"/>
      <c r="AF5885" s="4"/>
    </row>
    <row r="5886" spans="2:32">
      <c r="B5886" s="2"/>
      <c r="AF5886" s="4"/>
    </row>
    <row r="5887" spans="2:32">
      <c r="B5887" s="2"/>
      <c r="AF5887" s="4"/>
    </row>
    <row r="5888" spans="2:32">
      <c r="B5888" s="2"/>
      <c r="AF5888" s="4"/>
    </row>
    <row r="5889" spans="2:32">
      <c r="B5889" s="2"/>
      <c r="AF5889" s="4"/>
    </row>
    <row r="5890" spans="2:32">
      <c r="B5890" s="2"/>
      <c r="AF5890" s="4"/>
    </row>
    <row r="5891" spans="2:32">
      <c r="B5891" s="2"/>
      <c r="AF5891" s="4"/>
    </row>
    <row r="5892" spans="2:32">
      <c r="B5892" s="2"/>
      <c r="AF5892" s="4"/>
    </row>
    <row r="5893" spans="2:32">
      <c r="B5893" s="2"/>
      <c r="AF5893" s="4"/>
    </row>
    <row r="5894" spans="2:32">
      <c r="B5894" s="2"/>
      <c r="AF5894" s="4"/>
    </row>
    <row r="5895" spans="2:32">
      <c r="B5895" s="2"/>
      <c r="AF5895" s="4"/>
    </row>
    <row r="5896" spans="2:32">
      <c r="B5896" s="2"/>
      <c r="AF5896" s="4"/>
    </row>
    <row r="5897" spans="2:32">
      <c r="B5897" s="2"/>
      <c r="AF5897" s="4"/>
    </row>
    <row r="5898" spans="2:32">
      <c r="B5898" s="2"/>
      <c r="AF5898" s="4"/>
    </row>
    <row r="5899" spans="2:32">
      <c r="B5899" s="2"/>
      <c r="AF5899" s="4"/>
    </row>
    <row r="5900" spans="2:32">
      <c r="B5900" s="2"/>
      <c r="AF5900" s="4"/>
    </row>
    <row r="5901" spans="2:32">
      <c r="B5901" s="2"/>
      <c r="AF5901" s="4"/>
    </row>
    <row r="5902" spans="2:32">
      <c r="B5902" s="2"/>
      <c r="AF5902" s="4"/>
    </row>
    <row r="5903" spans="2:32">
      <c r="B5903" s="2"/>
      <c r="AF5903" s="4"/>
    </row>
    <row r="5904" spans="2:32">
      <c r="B5904" s="2"/>
      <c r="AF5904" s="4"/>
    </row>
    <row r="5905" spans="2:32">
      <c r="B5905" s="2"/>
      <c r="AF5905" s="4"/>
    </row>
    <row r="5906" spans="2:32">
      <c r="B5906" s="2"/>
      <c r="AF5906" s="4"/>
    </row>
    <row r="5907" spans="2:32">
      <c r="B5907" s="2"/>
      <c r="AF5907" s="4"/>
    </row>
    <row r="5908" spans="2:32">
      <c r="B5908" s="2"/>
      <c r="AF5908" s="4"/>
    </row>
    <row r="5909" spans="2:32">
      <c r="B5909" s="2"/>
      <c r="AF5909" s="4"/>
    </row>
    <row r="5910" spans="2:32">
      <c r="B5910" s="2"/>
      <c r="AF5910" s="4"/>
    </row>
    <row r="5911" spans="2:32">
      <c r="B5911" s="2"/>
      <c r="AF5911" s="4"/>
    </row>
    <row r="5912" spans="2:32">
      <c r="B5912" s="2"/>
      <c r="AF5912" s="4"/>
    </row>
    <row r="5913" spans="2:32">
      <c r="B5913" s="2"/>
      <c r="AF5913" s="4"/>
    </row>
    <row r="5914" spans="2:32">
      <c r="B5914" s="2"/>
      <c r="AF5914" s="4"/>
    </row>
    <row r="5915" spans="2:32">
      <c r="B5915" s="2"/>
      <c r="AF5915" s="4"/>
    </row>
    <row r="5916" spans="2:32">
      <c r="B5916" s="2"/>
      <c r="AF5916" s="4"/>
    </row>
    <row r="5917" spans="2:32">
      <c r="B5917" s="2"/>
      <c r="AF5917" s="4"/>
    </row>
    <row r="5918" spans="2:32">
      <c r="B5918" s="2"/>
      <c r="AF5918" s="4"/>
    </row>
    <row r="5919" spans="2:32">
      <c r="B5919" s="2"/>
      <c r="AF5919" s="4"/>
    </row>
    <row r="5920" spans="2:32">
      <c r="B5920" s="2"/>
      <c r="AF5920" s="4"/>
    </row>
    <row r="5921" spans="2:32">
      <c r="B5921" s="2"/>
      <c r="AF5921" s="4"/>
    </row>
    <row r="5922" spans="2:32">
      <c r="B5922" s="2"/>
      <c r="AF5922" s="4"/>
    </row>
    <row r="5923" spans="2:32">
      <c r="B5923" s="2"/>
      <c r="AF5923" s="4"/>
    </row>
    <row r="5924" spans="2:32">
      <c r="B5924" s="2"/>
      <c r="AF5924" s="4"/>
    </row>
    <row r="5925" spans="2:32">
      <c r="B5925" s="2"/>
      <c r="AF5925" s="4"/>
    </row>
    <row r="5926" spans="2:32">
      <c r="B5926" s="2"/>
      <c r="AF5926" s="4"/>
    </row>
    <row r="5927" spans="2:32">
      <c r="B5927" s="2"/>
      <c r="AF5927" s="4"/>
    </row>
    <row r="5928" spans="2:32">
      <c r="B5928" s="2"/>
      <c r="AF5928" s="4"/>
    </row>
    <row r="5929" spans="2:32">
      <c r="B5929" s="2"/>
      <c r="AF5929" s="4"/>
    </row>
    <row r="5930" spans="2:32">
      <c r="B5930" s="2"/>
      <c r="AF5930" s="4"/>
    </row>
    <row r="5931" spans="2:32">
      <c r="B5931" s="2"/>
      <c r="AF5931" s="4"/>
    </row>
    <row r="5932" spans="2:32">
      <c r="B5932" s="2"/>
      <c r="AF5932" s="4"/>
    </row>
    <row r="5933" spans="2:32">
      <c r="B5933" s="2"/>
      <c r="AF5933" s="4"/>
    </row>
    <row r="5934" spans="2:32">
      <c r="B5934" s="2"/>
      <c r="AF5934" s="4"/>
    </row>
    <row r="5935" spans="2:32">
      <c r="B5935" s="2"/>
      <c r="AF5935" s="4"/>
    </row>
    <row r="5936" spans="2:32">
      <c r="B5936" s="2"/>
      <c r="AF5936" s="4"/>
    </row>
    <row r="5937" spans="2:32">
      <c r="B5937" s="2"/>
      <c r="AF5937" s="4"/>
    </row>
    <row r="5938" spans="2:32">
      <c r="B5938" s="2"/>
      <c r="AF5938" s="4"/>
    </row>
    <row r="5939" spans="2:32">
      <c r="B5939" s="2"/>
      <c r="AF5939" s="4"/>
    </row>
    <row r="5940" spans="2:32">
      <c r="B5940" s="2"/>
      <c r="AF5940" s="4"/>
    </row>
    <row r="5941" spans="2:32">
      <c r="B5941" s="2"/>
      <c r="AF5941" s="4"/>
    </row>
    <row r="5942" spans="2:32">
      <c r="B5942" s="2"/>
      <c r="AF5942" s="4"/>
    </row>
    <row r="5943" spans="2:32">
      <c r="B5943" s="2"/>
      <c r="AF5943" s="4"/>
    </row>
    <row r="5944" spans="2:32">
      <c r="B5944" s="2"/>
      <c r="AF5944" s="4"/>
    </row>
    <row r="5945" spans="2:32">
      <c r="B5945" s="2"/>
      <c r="AF5945" s="4"/>
    </row>
    <row r="5946" spans="2:32">
      <c r="B5946" s="2"/>
      <c r="AF5946" s="4"/>
    </row>
    <row r="5947" spans="2:32">
      <c r="B5947" s="2"/>
      <c r="AF5947" s="4"/>
    </row>
    <row r="5948" spans="2:32">
      <c r="B5948" s="2"/>
      <c r="AF5948" s="4"/>
    </row>
    <row r="5949" spans="2:32">
      <c r="B5949" s="2"/>
      <c r="AF5949" s="4"/>
    </row>
    <row r="5950" spans="2:32">
      <c r="B5950" s="2"/>
      <c r="AF5950" s="4"/>
    </row>
    <row r="5951" spans="2:32">
      <c r="B5951" s="2"/>
      <c r="AF5951" s="4"/>
    </row>
    <row r="5952" spans="2:32">
      <c r="B5952" s="2"/>
      <c r="AF5952" s="4"/>
    </row>
    <row r="5953" spans="2:32">
      <c r="B5953" s="2"/>
      <c r="AF5953" s="4"/>
    </row>
    <row r="5954" spans="2:32">
      <c r="B5954" s="2"/>
      <c r="AF5954" s="4"/>
    </row>
    <row r="5955" spans="2:32">
      <c r="B5955" s="2"/>
      <c r="AF5955" s="4"/>
    </row>
    <row r="5956" spans="2:32">
      <c r="B5956" s="2"/>
      <c r="AF5956" s="4"/>
    </row>
    <row r="5957" spans="2:32">
      <c r="B5957" s="2"/>
      <c r="AF5957" s="4"/>
    </row>
    <row r="5958" spans="2:32">
      <c r="B5958" s="2"/>
      <c r="AF5958" s="4"/>
    </row>
    <row r="5959" spans="2:32">
      <c r="B5959" s="2"/>
      <c r="AF5959" s="4"/>
    </row>
    <row r="5960" spans="2:32">
      <c r="B5960" s="2"/>
      <c r="AF5960" s="4"/>
    </row>
    <row r="5961" spans="2:32">
      <c r="B5961" s="2"/>
      <c r="AF5961" s="4"/>
    </row>
    <row r="5962" spans="2:32">
      <c r="B5962" s="2"/>
      <c r="AF5962" s="4"/>
    </row>
    <row r="5963" spans="2:32">
      <c r="B5963" s="2"/>
      <c r="AF5963" s="4"/>
    </row>
    <row r="5964" spans="2:32">
      <c r="B5964" s="2"/>
      <c r="AF5964" s="4"/>
    </row>
    <row r="5965" spans="2:32">
      <c r="B5965" s="2"/>
      <c r="AF5965" s="4"/>
    </row>
    <row r="5966" spans="2:32">
      <c r="B5966" s="2"/>
      <c r="AF5966" s="4"/>
    </row>
    <row r="5967" spans="2:32">
      <c r="B5967" s="2"/>
      <c r="AF5967" s="4"/>
    </row>
    <row r="5968" spans="2:32">
      <c r="B5968" s="2"/>
      <c r="AF5968" s="4"/>
    </row>
    <row r="5969" spans="2:32">
      <c r="B5969" s="2"/>
      <c r="AF5969" s="4"/>
    </row>
    <row r="5970" spans="2:32">
      <c r="B5970" s="2"/>
      <c r="AF5970" s="4"/>
    </row>
    <row r="5971" spans="2:32">
      <c r="B5971" s="2"/>
      <c r="AF5971" s="4"/>
    </row>
    <row r="5972" spans="2:32">
      <c r="B5972" s="2"/>
      <c r="AF5972" s="4"/>
    </row>
    <row r="5973" spans="2:32">
      <c r="B5973" s="2"/>
      <c r="AF5973" s="4"/>
    </row>
    <row r="5974" spans="2:32">
      <c r="B5974" s="2"/>
      <c r="AF5974" s="4"/>
    </row>
    <row r="5975" spans="2:32">
      <c r="B5975" s="2"/>
      <c r="AF5975" s="4"/>
    </row>
    <row r="5976" spans="2:32">
      <c r="B5976" s="2"/>
      <c r="AF5976" s="4"/>
    </row>
    <row r="5977" spans="2:32">
      <c r="B5977" s="2"/>
      <c r="AF5977" s="4"/>
    </row>
    <row r="5978" spans="2:32">
      <c r="B5978" s="2"/>
      <c r="AF5978" s="4"/>
    </row>
    <row r="5979" spans="2:32">
      <c r="B5979" s="2"/>
      <c r="AF5979" s="4"/>
    </row>
    <row r="5980" spans="2:32">
      <c r="B5980" s="2"/>
      <c r="AF5980" s="4"/>
    </row>
    <row r="5981" spans="2:32">
      <c r="B5981" s="2"/>
      <c r="AF5981" s="4"/>
    </row>
    <row r="5982" spans="2:32">
      <c r="B5982" s="2"/>
      <c r="AF5982" s="4"/>
    </row>
    <row r="5983" spans="2:32">
      <c r="B5983" s="2"/>
      <c r="AF5983" s="4"/>
    </row>
    <row r="5984" spans="2:32">
      <c r="B5984" s="2"/>
      <c r="AF5984" s="4"/>
    </row>
    <row r="5985" spans="2:32">
      <c r="B5985" s="2"/>
      <c r="AF5985" s="4"/>
    </row>
    <row r="5986" spans="2:32">
      <c r="B5986" s="2"/>
      <c r="AF5986" s="4"/>
    </row>
    <row r="5987" spans="2:32">
      <c r="B5987" s="2"/>
      <c r="AF5987" s="4"/>
    </row>
    <row r="5988" spans="2:32">
      <c r="B5988" s="2"/>
      <c r="AF5988" s="4"/>
    </row>
    <row r="5989" spans="2:32">
      <c r="B5989" s="2"/>
      <c r="AF5989" s="4"/>
    </row>
    <row r="5990" spans="2:32">
      <c r="B5990" s="2"/>
      <c r="AF5990" s="4"/>
    </row>
    <row r="5991" spans="2:32">
      <c r="B5991" s="2"/>
      <c r="AF5991" s="4"/>
    </row>
    <row r="5992" spans="2:32">
      <c r="B5992" s="2"/>
      <c r="AF5992" s="4"/>
    </row>
    <row r="5993" spans="2:32">
      <c r="B5993" s="2"/>
      <c r="AF5993" s="4"/>
    </row>
    <row r="5994" spans="2:32">
      <c r="B5994" s="2"/>
      <c r="AF5994" s="4"/>
    </row>
    <row r="5995" spans="2:32">
      <c r="B5995" s="2"/>
      <c r="AF5995" s="4"/>
    </row>
    <row r="5996" spans="2:32">
      <c r="B5996" s="2"/>
      <c r="AF5996" s="4"/>
    </row>
    <row r="5997" spans="2:32">
      <c r="B5997" s="2"/>
      <c r="AF5997" s="4"/>
    </row>
    <row r="5998" spans="2:32">
      <c r="B5998" s="2"/>
      <c r="AF5998" s="4"/>
    </row>
    <row r="5999" spans="2:32">
      <c r="B5999" s="2"/>
      <c r="AF5999" s="4"/>
    </row>
    <row r="6000" spans="2:32">
      <c r="B6000" s="2"/>
      <c r="AF6000" s="4"/>
    </row>
    <row r="6001" spans="2:32">
      <c r="B6001" s="2"/>
      <c r="AF6001" s="4"/>
    </row>
    <row r="6002" spans="2:32">
      <c r="B6002" s="2"/>
      <c r="AF6002" s="4"/>
    </row>
    <row r="6003" spans="2:32">
      <c r="B6003" s="2"/>
      <c r="AF6003" s="4"/>
    </row>
    <row r="6004" spans="2:32">
      <c r="B6004" s="2"/>
      <c r="AF6004" s="4"/>
    </row>
    <row r="6005" spans="2:32">
      <c r="B6005" s="2"/>
      <c r="AF6005" s="4"/>
    </row>
    <row r="6006" spans="2:32">
      <c r="B6006" s="2"/>
      <c r="AF6006" s="4"/>
    </row>
    <row r="6007" spans="2:32">
      <c r="B6007" s="2"/>
      <c r="AF6007" s="4"/>
    </row>
    <row r="6008" spans="2:32">
      <c r="B6008" s="2"/>
      <c r="AF6008" s="4"/>
    </row>
    <row r="6009" spans="2:32">
      <c r="B6009" s="2"/>
      <c r="AF6009" s="4"/>
    </row>
    <row r="6010" spans="2:32">
      <c r="B6010" s="2"/>
      <c r="AF6010" s="4"/>
    </row>
    <row r="6011" spans="2:32">
      <c r="B6011" s="2"/>
      <c r="AF6011" s="4"/>
    </row>
    <row r="6012" spans="2:32">
      <c r="B6012" s="2"/>
      <c r="AF6012" s="4"/>
    </row>
    <row r="6013" spans="2:32">
      <c r="B6013" s="2"/>
      <c r="AF6013" s="4"/>
    </row>
    <row r="6014" spans="2:32">
      <c r="B6014" s="2"/>
      <c r="AF6014" s="4"/>
    </row>
    <row r="6015" spans="2:32">
      <c r="B6015" s="2"/>
      <c r="AF6015" s="4"/>
    </row>
    <row r="6016" spans="2:32">
      <c r="B6016" s="2"/>
      <c r="AF6016" s="4"/>
    </row>
    <row r="6017" spans="2:32">
      <c r="B6017" s="2"/>
      <c r="AF6017" s="4"/>
    </row>
    <row r="6018" spans="2:32">
      <c r="B6018" s="2"/>
      <c r="AF6018" s="4"/>
    </row>
    <row r="6019" spans="2:32">
      <c r="B6019" s="2"/>
      <c r="AF6019" s="4"/>
    </row>
    <row r="6020" spans="2:32">
      <c r="B6020" s="2"/>
      <c r="AF6020" s="4"/>
    </row>
    <row r="6021" spans="2:32">
      <c r="B6021" s="2"/>
      <c r="AF6021" s="4"/>
    </row>
    <row r="6022" spans="2:32">
      <c r="B6022" s="2"/>
      <c r="AF6022" s="4"/>
    </row>
    <row r="6023" spans="2:32">
      <c r="B6023" s="2"/>
      <c r="AF6023" s="4"/>
    </row>
    <row r="6024" spans="2:32">
      <c r="B6024" s="2"/>
      <c r="AF6024" s="4"/>
    </row>
    <row r="6025" spans="2:32">
      <c r="B6025" s="2"/>
      <c r="AF6025" s="4"/>
    </row>
    <row r="6026" spans="2:32">
      <c r="B6026" s="2"/>
      <c r="AF6026" s="4"/>
    </row>
    <row r="6027" spans="2:32">
      <c r="B6027" s="2"/>
      <c r="AF6027" s="4"/>
    </row>
    <row r="6028" spans="2:32">
      <c r="B6028" s="2"/>
      <c r="AF6028" s="4"/>
    </row>
    <row r="6029" spans="2:32">
      <c r="B6029" s="2"/>
      <c r="AF6029" s="4"/>
    </row>
    <row r="6030" spans="2:32">
      <c r="B6030" s="2"/>
      <c r="AF6030" s="4"/>
    </row>
    <row r="6031" spans="2:32">
      <c r="B6031" s="2"/>
      <c r="AF6031" s="4"/>
    </row>
    <row r="6032" spans="2:32">
      <c r="B6032" s="2"/>
      <c r="AF6032" s="4"/>
    </row>
    <row r="6033" spans="2:32">
      <c r="B6033" s="2"/>
      <c r="AF6033" s="4"/>
    </row>
    <row r="6034" spans="2:32">
      <c r="B6034" s="2"/>
      <c r="AF6034" s="4"/>
    </row>
    <row r="6035" spans="2:32">
      <c r="B6035" s="2"/>
      <c r="AF6035" s="4"/>
    </row>
    <row r="6036" spans="2:32">
      <c r="B6036" s="2"/>
      <c r="AF6036" s="4"/>
    </row>
    <row r="6037" spans="2:32">
      <c r="B6037" s="2"/>
      <c r="AF6037" s="4"/>
    </row>
    <row r="6038" spans="2:32">
      <c r="B6038" s="2"/>
      <c r="AF6038" s="4"/>
    </row>
    <row r="6039" spans="2:32">
      <c r="B6039" s="2"/>
      <c r="AF6039" s="4"/>
    </row>
    <row r="6040" spans="2:32">
      <c r="B6040" s="2"/>
      <c r="AF6040" s="4"/>
    </row>
    <row r="6041" spans="2:32">
      <c r="B6041" s="2"/>
      <c r="AF6041" s="4"/>
    </row>
    <row r="6042" spans="2:32">
      <c r="B6042" s="2"/>
      <c r="AF6042" s="4"/>
    </row>
    <row r="6043" spans="2:32">
      <c r="B6043" s="2"/>
      <c r="AF6043" s="4"/>
    </row>
    <row r="6044" spans="2:32">
      <c r="B6044" s="2"/>
      <c r="AF6044" s="4"/>
    </row>
    <row r="6045" spans="2:32">
      <c r="B6045" s="2"/>
      <c r="AF6045" s="4"/>
    </row>
    <row r="6046" spans="2:32">
      <c r="B6046" s="2"/>
      <c r="AF6046" s="4"/>
    </row>
    <row r="6047" spans="2:32">
      <c r="B6047" s="2"/>
      <c r="AF6047" s="4"/>
    </row>
    <row r="6048" spans="2:32">
      <c r="B6048" s="2"/>
      <c r="AF6048" s="4"/>
    </row>
    <row r="6049" spans="2:32">
      <c r="B6049" s="2"/>
      <c r="AF6049" s="4"/>
    </row>
    <row r="6050" spans="2:32">
      <c r="B6050" s="2"/>
      <c r="AF6050" s="4"/>
    </row>
    <row r="6051" spans="2:32">
      <c r="B6051" s="2"/>
      <c r="AF6051" s="4"/>
    </row>
    <row r="6052" spans="2:32">
      <c r="B6052" s="2"/>
      <c r="AF6052" s="4"/>
    </row>
    <row r="6053" spans="2:32">
      <c r="B6053" s="2"/>
      <c r="AF6053" s="4"/>
    </row>
    <row r="6054" spans="2:32">
      <c r="B6054" s="2"/>
      <c r="AF6054" s="4"/>
    </row>
    <row r="6055" spans="2:32">
      <c r="B6055" s="2"/>
      <c r="AF6055" s="4"/>
    </row>
    <row r="6056" spans="2:32">
      <c r="B6056" s="2"/>
      <c r="AF6056" s="4"/>
    </row>
    <row r="6057" spans="2:32">
      <c r="B6057" s="2"/>
      <c r="AF6057" s="4"/>
    </row>
    <row r="6058" spans="2:32">
      <c r="B6058" s="2"/>
      <c r="AF6058" s="4"/>
    </row>
    <row r="6059" spans="2:32">
      <c r="B6059" s="2"/>
      <c r="AF6059" s="4"/>
    </row>
    <row r="6060" spans="2:32">
      <c r="B6060" s="2"/>
      <c r="AF6060" s="4"/>
    </row>
    <row r="6061" spans="2:32">
      <c r="B6061" s="2"/>
      <c r="AF6061" s="4"/>
    </row>
    <row r="6062" spans="2:32">
      <c r="B6062" s="2"/>
      <c r="AF6062" s="4"/>
    </row>
    <row r="6063" spans="2:32">
      <c r="B6063" s="2"/>
      <c r="AF6063" s="4"/>
    </row>
    <row r="6064" spans="2:32">
      <c r="B6064" s="2"/>
      <c r="AF6064" s="4"/>
    </row>
    <row r="6065" spans="2:32">
      <c r="B6065" s="2"/>
      <c r="AF6065" s="4"/>
    </row>
    <row r="6066" spans="2:32">
      <c r="B6066" s="2"/>
      <c r="AF6066" s="4"/>
    </row>
    <row r="6067" spans="2:32">
      <c r="B6067" s="2"/>
      <c r="AF6067" s="4"/>
    </row>
    <row r="6068" spans="2:32">
      <c r="B6068" s="2"/>
      <c r="AF6068" s="4"/>
    </row>
    <row r="6069" spans="2:32">
      <c r="B6069" s="2"/>
      <c r="AF6069" s="4"/>
    </row>
    <row r="6070" spans="2:32">
      <c r="B6070" s="2"/>
      <c r="AF6070" s="4"/>
    </row>
    <row r="6071" spans="2:32">
      <c r="B6071" s="2"/>
      <c r="AF6071" s="4"/>
    </row>
    <row r="6072" spans="2:32">
      <c r="B6072" s="2"/>
      <c r="AF6072" s="4"/>
    </row>
    <row r="6073" spans="2:32">
      <c r="B6073" s="2"/>
      <c r="AF6073" s="4"/>
    </row>
    <row r="6074" spans="2:32">
      <c r="B6074" s="2"/>
      <c r="AF6074" s="4"/>
    </row>
    <row r="6075" spans="2:32">
      <c r="B6075" s="2"/>
      <c r="AF6075" s="4"/>
    </row>
    <row r="6076" spans="2:32">
      <c r="B6076" s="2"/>
      <c r="AF6076" s="4"/>
    </row>
    <row r="6077" spans="2:32">
      <c r="B6077" s="2"/>
      <c r="AF6077" s="4"/>
    </row>
    <row r="6078" spans="2:32">
      <c r="B6078" s="2"/>
      <c r="AF6078" s="4"/>
    </row>
    <row r="6079" spans="2:32">
      <c r="B6079" s="2"/>
      <c r="AF6079" s="4"/>
    </row>
    <row r="6080" spans="2:32">
      <c r="B6080" s="2"/>
      <c r="AF6080" s="4"/>
    </row>
    <row r="6081" spans="2:32">
      <c r="B6081" s="2"/>
      <c r="AF6081" s="4"/>
    </row>
    <row r="6082" spans="2:32">
      <c r="B6082" s="2"/>
      <c r="AF6082" s="4"/>
    </row>
    <row r="6083" spans="2:32">
      <c r="B6083" s="2"/>
      <c r="AF6083" s="4"/>
    </row>
    <row r="6084" spans="2:32">
      <c r="B6084" s="2"/>
      <c r="AF6084" s="4"/>
    </row>
    <row r="6085" spans="2:32">
      <c r="B6085" s="2"/>
      <c r="AF6085" s="4"/>
    </row>
    <row r="6086" spans="2:32">
      <c r="B6086" s="2"/>
      <c r="AF6086" s="4"/>
    </row>
    <row r="6087" spans="2:32">
      <c r="B6087" s="2"/>
      <c r="AF6087" s="4"/>
    </row>
    <row r="6088" spans="2:32">
      <c r="B6088" s="2"/>
      <c r="AF6088" s="4"/>
    </row>
    <row r="6089" spans="2:32">
      <c r="B6089" s="2"/>
      <c r="AF6089" s="4"/>
    </row>
    <row r="6090" spans="2:32">
      <c r="B6090" s="2"/>
      <c r="AF6090" s="4"/>
    </row>
    <row r="6091" spans="2:32">
      <c r="B6091" s="2"/>
      <c r="AF6091" s="4"/>
    </row>
    <row r="6092" spans="2:32">
      <c r="B6092" s="2"/>
      <c r="AF6092" s="4"/>
    </row>
    <row r="6093" spans="2:32">
      <c r="B6093" s="2"/>
      <c r="AF6093" s="4"/>
    </row>
    <row r="6094" spans="2:32">
      <c r="B6094" s="2"/>
      <c r="AF6094" s="4"/>
    </row>
    <row r="6095" spans="2:32">
      <c r="B6095" s="2"/>
      <c r="AF6095" s="4"/>
    </row>
    <row r="6096" spans="2:32">
      <c r="B6096" s="2"/>
      <c r="AF6096" s="4"/>
    </row>
    <row r="6097" spans="2:32">
      <c r="B6097" s="2"/>
      <c r="AF6097" s="4"/>
    </row>
    <row r="6098" spans="2:32">
      <c r="B6098" s="2"/>
      <c r="AF6098" s="4"/>
    </row>
    <row r="6099" spans="2:32">
      <c r="B6099" s="2"/>
      <c r="AF6099" s="4"/>
    </row>
    <row r="6100" spans="2:32">
      <c r="B6100" s="2"/>
      <c r="AF6100" s="4"/>
    </row>
    <row r="6101" spans="2:32">
      <c r="B6101" s="2"/>
      <c r="AF6101" s="4"/>
    </row>
    <row r="6102" spans="2:32">
      <c r="B6102" s="2"/>
      <c r="AF6102" s="4"/>
    </row>
    <row r="6103" spans="2:32">
      <c r="B6103" s="2"/>
      <c r="AF6103" s="4"/>
    </row>
    <row r="6104" spans="2:32">
      <c r="B6104" s="2"/>
      <c r="AF6104" s="4"/>
    </row>
    <row r="6105" spans="2:32">
      <c r="B6105" s="2"/>
      <c r="AF6105" s="4"/>
    </row>
    <row r="6106" spans="2:32">
      <c r="B6106" s="2"/>
      <c r="AF6106" s="4"/>
    </row>
    <row r="6107" spans="2:32">
      <c r="B6107" s="2"/>
      <c r="AF6107" s="4"/>
    </row>
    <row r="6108" spans="2:32">
      <c r="B6108" s="2"/>
      <c r="AF6108" s="4"/>
    </row>
    <row r="6109" spans="2:32">
      <c r="B6109" s="2"/>
      <c r="AF6109" s="4"/>
    </row>
    <row r="6110" spans="2:32">
      <c r="B6110" s="2"/>
      <c r="AF6110" s="4"/>
    </row>
    <row r="6111" spans="2:32">
      <c r="B6111" s="2"/>
      <c r="AF6111" s="4"/>
    </row>
    <row r="6112" spans="2:32">
      <c r="B6112" s="2"/>
      <c r="AF6112" s="4"/>
    </row>
    <row r="6113" spans="2:32">
      <c r="B6113" s="2"/>
      <c r="AF6113" s="4"/>
    </row>
    <row r="6114" spans="2:32">
      <c r="B6114" s="2"/>
      <c r="AF6114" s="4"/>
    </row>
    <row r="6115" spans="2:32">
      <c r="B6115" s="2"/>
      <c r="AF6115" s="4"/>
    </row>
    <row r="6116" spans="2:32">
      <c r="B6116" s="2"/>
      <c r="AF6116" s="4"/>
    </row>
    <row r="6117" spans="2:32">
      <c r="B6117" s="2"/>
      <c r="AF6117" s="4"/>
    </row>
    <row r="6118" spans="2:32">
      <c r="B6118" s="2"/>
      <c r="AF6118" s="4"/>
    </row>
    <row r="6119" spans="2:32">
      <c r="B6119" s="2"/>
      <c r="AF6119" s="4"/>
    </row>
    <row r="6120" spans="2:32">
      <c r="B6120" s="2"/>
      <c r="AF6120" s="4"/>
    </row>
    <row r="6121" spans="2:32">
      <c r="B6121" s="2"/>
      <c r="AF6121" s="4"/>
    </row>
    <row r="6122" spans="2:32">
      <c r="B6122" s="2"/>
      <c r="AF6122" s="4"/>
    </row>
    <row r="6123" spans="2:32">
      <c r="B6123" s="2"/>
      <c r="AF6123" s="4"/>
    </row>
    <row r="6124" spans="2:32">
      <c r="B6124" s="2"/>
      <c r="AF6124" s="4"/>
    </row>
    <row r="6125" spans="2:32">
      <c r="B6125" s="2"/>
      <c r="AF6125" s="4"/>
    </row>
    <row r="6126" spans="2:32">
      <c r="B6126" s="2"/>
      <c r="AF6126" s="4"/>
    </row>
    <row r="6127" spans="2:32">
      <c r="B6127" s="2"/>
      <c r="AF6127" s="4"/>
    </row>
    <row r="6128" spans="2:32">
      <c r="B6128" s="2"/>
      <c r="AF6128" s="4"/>
    </row>
    <row r="6129" spans="2:32">
      <c r="B6129" s="2"/>
      <c r="AF6129" s="4"/>
    </row>
    <row r="6130" spans="2:32">
      <c r="B6130" s="2"/>
      <c r="AF6130" s="4"/>
    </row>
    <row r="6131" spans="2:32">
      <c r="B6131" s="2"/>
      <c r="AF6131" s="4"/>
    </row>
    <row r="6132" spans="2:32">
      <c r="B6132" s="2"/>
      <c r="AF6132" s="4"/>
    </row>
    <row r="6133" spans="2:32">
      <c r="B6133" s="2"/>
      <c r="AF6133" s="4"/>
    </row>
    <row r="6134" spans="2:32">
      <c r="B6134" s="2"/>
      <c r="AF6134" s="4"/>
    </row>
    <row r="6135" spans="2:32">
      <c r="B6135" s="2"/>
      <c r="AF6135" s="4"/>
    </row>
    <row r="6136" spans="2:32">
      <c r="B6136" s="2"/>
      <c r="AF6136" s="4"/>
    </row>
    <row r="6137" spans="2:32">
      <c r="B6137" s="2"/>
      <c r="AF6137" s="4"/>
    </row>
    <row r="6138" spans="2:32">
      <c r="B6138" s="2"/>
      <c r="AF6138" s="4"/>
    </row>
    <row r="6139" spans="2:32">
      <c r="B6139" s="2"/>
      <c r="AF6139" s="4"/>
    </row>
    <row r="6140" spans="2:32">
      <c r="B6140" s="2"/>
      <c r="AF6140" s="4"/>
    </row>
    <row r="6141" spans="2:32">
      <c r="B6141" s="2"/>
      <c r="AF6141" s="4"/>
    </row>
    <row r="6142" spans="2:32">
      <c r="B6142" s="2"/>
      <c r="AF6142" s="4"/>
    </row>
    <row r="6143" spans="2:32">
      <c r="B6143" s="2"/>
      <c r="AF6143" s="4"/>
    </row>
    <row r="6144" spans="2:32">
      <c r="B6144" s="2"/>
      <c r="AF6144" s="4"/>
    </row>
    <row r="6145" spans="2:32">
      <c r="B6145" s="2"/>
      <c r="AF6145" s="4"/>
    </row>
    <row r="6146" spans="2:32">
      <c r="B6146" s="2"/>
      <c r="AF6146" s="4"/>
    </row>
    <row r="6147" spans="2:32">
      <c r="B6147" s="2"/>
      <c r="AF6147" s="4"/>
    </row>
    <row r="6148" spans="2:32">
      <c r="B6148" s="2"/>
      <c r="AF6148" s="4"/>
    </row>
    <row r="6149" spans="2:32">
      <c r="B6149" s="2"/>
      <c r="AF6149" s="4"/>
    </row>
    <row r="6150" spans="2:32">
      <c r="B6150" s="2"/>
      <c r="AF6150" s="4"/>
    </row>
    <row r="6151" spans="2:32">
      <c r="B6151" s="2"/>
      <c r="AF6151" s="4"/>
    </row>
    <row r="6152" spans="2:32">
      <c r="B6152" s="2"/>
      <c r="AF6152" s="4"/>
    </row>
    <row r="6153" spans="2:32">
      <c r="B6153" s="2"/>
      <c r="AF6153" s="4"/>
    </row>
    <row r="6154" spans="2:32">
      <c r="B6154" s="2"/>
      <c r="AF6154" s="4"/>
    </row>
    <row r="6155" spans="2:32">
      <c r="B6155" s="2"/>
      <c r="AF6155" s="4"/>
    </row>
    <row r="6156" spans="2:32">
      <c r="B6156" s="2"/>
      <c r="AF6156" s="4"/>
    </row>
    <row r="6157" spans="2:32">
      <c r="B6157" s="2"/>
      <c r="AF6157" s="4"/>
    </row>
    <row r="6158" spans="2:32">
      <c r="B6158" s="2"/>
      <c r="AF6158" s="4"/>
    </row>
    <row r="6159" spans="2:32">
      <c r="B6159" s="2"/>
      <c r="AF6159" s="4"/>
    </row>
    <row r="6160" spans="2:32">
      <c r="B6160" s="2"/>
      <c r="AF6160" s="4"/>
    </row>
    <row r="6161" spans="2:32">
      <c r="B6161" s="2"/>
      <c r="AF6161" s="4"/>
    </row>
    <row r="6162" spans="2:32">
      <c r="B6162" s="2"/>
      <c r="AF6162" s="4"/>
    </row>
    <row r="6163" spans="2:32">
      <c r="B6163" s="2"/>
      <c r="AF6163" s="4"/>
    </row>
    <row r="6164" spans="2:32">
      <c r="B6164" s="2"/>
      <c r="AF6164" s="4"/>
    </row>
    <row r="6165" spans="2:32">
      <c r="B6165" s="2"/>
      <c r="AF6165" s="4"/>
    </row>
    <row r="6166" spans="2:32">
      <c r="B6166" s="2"/>
      <c r="AF6166" s="4"/>
    </row>
    <row r="6167" spans="2:32">
      <c r="B6167" s="2"/>
      <c r="AF6167" s="4"/>
    </row>
    <row r="6168" spans="2:32">
      <c r="B6168" s="2"/>
      <c r="AF6168" s="4"/>
    </row>
    <row r="6169" spans="2:32">
      <c r="B6169" s="2"/>
      <c r="AF6169" s="4"/>
    </row>
    <row r="6170" spans="2:32">
      <c r="B6170" s="2"/>
      <c r="AF6170" s="4"/>
    </row>
    <row r="6171" spans="2:32">
      <c r="B6171" s="2"/>
      <c r="AF6171" s="4"/>
    </row>
    <row r="6172" spans="2:32">
      <c r="B6172" s="2"/>
      <c r="AF6172" s="4"/>
    </row>
    <row r="6173" spans="2:32">
      <c r="B6173" s="2"/>
      <c r="AF6173" s="4"/>
    </row>
    <row r="6174" spans="2:32">
      <c r="B6174" s="2"/>
      <c r="AF6174" s="4"/>
    </row>
    <row r="6175" spans="2:32">
      <c r="B6175" s="2"/>
      <c r="AF6175" s="4"/>
    </row>
    <row r="6176" spans="2:32">
      <c r="B6176" s="2"/>
      <c r="AF6176" s="4"/>
    </row>
    <row r="6177" spans="2:32">
      <c r="B6177" s="2"/>
      <c r="AF6177" s="4"/>
    </row>
    <row r="6178" spans="2:32">
      <c r="B6178" s="2"/>
      <c r="AF6178" s="4"/>
    </row>
    <row r="6179" spans="2:32">
      <c r="B6179" s="2"/>
      <c r="AF6179" s="4"/>
    </row>
    <row r="6180" spans="2:32">
      <c r="B6180" s="2"/>
      <c r="AF6180" s="4"/>
    </row>
    <row r="6181" spans="2:32">
      <c r="B6181" s="2"/>
      <c r="AF6181" s="4"/>
    </row>
    <row r="6182" spans="2:32">
      <c r="B6182" s="2"/>
      <c r="AF6182" s="4"/>
    </row>
    <row r="6183" spans="2:32">
      <c r="B6183" s="2"/>
      <c r="AF6183" s="4"/>
    </row>
    <row r="6184" spans="2:32">
      <c r="B6184" s="2"/>
      <c r="AF6184" s="4"/>
    </row>
    <row r="6185" spans="2:32">
      <c r="B6185" s="2"/>
      <c r="AF6185" s="4"/>
    </row>
    <row r="6186" spans="2:32">
      <c r="B6186" s="2"/>
      <c r="AF6186" s="4"/>
    </row>
    <row r="6187" spans="2:32">
      <c r="B6187" s="2"/>
      <c r="AF6187" s="4"/>
    </row>
    <row r="6188" spans="2:32">
      <c r="B6188" s="2"/>
      <c r="AF6188" s="4"/>
    </row>
    <row r="6189" spans="2:32">
      <c r="B6189" s="2"/>
      <c r="AF6189" s="4"/>
    </row>
    <row r="6190" spans="2:32">
      <c r="B6190" s="2"/>
      <c r="AF6190" s="4"/>
    </row>
    <row r="6191" spans="2:32">
      <c r="B6191" s="2"/>
      <c r="AF6191" s="4"/>
    </row>
    <row r="6192" spans="2:32">
      <c r="B6192" s="2"/>
      <c r="AF6192" s="4"/>
    </row>
    <row r="6193" spans="2:32">
      <c r="B6193" s="2"/>
      <c r="AF6193" s="4"/>
    </row>
    <row r="6194" spans="2:32">
      <c r="B6194" s="2"/>
      <c r="AF6194" s="4"/>
    </row>
    <row r="6195" spans="2:32">
      <c r="B6195" s="2"/>
      <c r="AF6195" s="4"/>
    </row>
    <row r="6196" spans="2:32">
      <c r="B6196" s="2"/>
      <c r="AF6196" s="4"/>
    </row>
    <row r="6197" spans="2:32">
      <c r="B6197" s="2"/>
      <c r="AF6197" s="4"/>
    </row>
    <row r="6198" spans="2:32">
      <c r="B6198" s="2"/>
      <c r="AF6198" s="4"/>
    </row>
    <row r="6199" spans="2:32">
      <c r="B6199" s="2"/>
      <c r="AF6199" s="4"/>
    </row>
    <row r="6200" spans="2:32">
      <c r="B6200" s="2"/>
      <c r="AF6200" s="4"/>
    </row>
    <row r="6201" spans="2:32">
      <c r="B6201" s="2"/>
      <c r="AF6201" s="4"/>
    </row>
    <row r="6202" spans="2:32">
      <c r="B6202" s="2"/>
      <c r="AF6202" s="4"/>
    </row>
    <row r="6203" spans="2:32">
      <c r="B6203" s="2"/>
      <c r="AF6203" s="4"/>
    </row>
    <row r="6204" spans="2:32">
      <c r="B6204" s="2"/>
      <c r="AF6204" s="4"/>
    </row>
    <row r="6205" spans="2:32">
      <c r="B6205" s="2"/>
      <c r="AF6205" s="4"/>
    </row>
    <row r="6206" spans="2:32">
      <c r="B6206" s="2"/>
      <c r="AF6206" s="4"/>
    </row>
    <row r="6207" spans="2:32">
      <c r="B6207" s="2"/>
      <c r="AF6207" s="4"/>
    </row>
    <row r="6208" spans="2:32">
      <c r="B6208" s="2"/>
      <c r="AF6208" s="4"/>
    </row>
    <row r="6209" spans="2:32">
      <c r="B6209" s="2"/>
      <c r="AF6209" s="4"/>
    </row>
    <row r="6210" spans="2:32">
      <c r="B6210" s="2"/>
      <c r="AF6210" s="4"/>
    </row>
    <row r="6211" spans="2:32">
      <c r="B6211" s="2"/>
      <c r="AF6211" s="4"/>
    </row>
    <row r="6212" spans="2:32">
      <c r="B6212" s="2"/>
      <c r="AF6212" s="4"/>
    </row>
    <row r="6213" spans="2:32">
      <c r="B6213" s="2"/>
      <c r="AF6213" s="4"/>
    </row>
    <row r="6214" spans="2:32">
      <c r="B6214" s="2"/>
      <c r="AF6214" s="4"/>
    </row>
    <row r="6215" spans="2:32">
      <c r="B6215" s="2"/>
      <c r="AF6215" s="4"/>
    </row>
    <row r="6216" spans="2:32">
      <c r="B6216" s="2"/>
      <c r="AF6216" s="4"/>
    </row>
    <row r="6217" spans="2:32">
      <c r="B6217" s="2"/>
      <c r="AF6217" s="4"/>
    </row>
    <row r="6218" spans="2:32">
      <c r="B6218" s="2"/>
      <c r="AF6218" s="4"/>
    </row>
    <row r="6219" spans="2:32">
      <c r="B6219" s="2"/>
      <c r="AF6219" s="4"/>
    </row>
    <row r="6220" spans="2:32">
      <c r="B6220" s="2"/>
      <c r="AF6220" s="4"/>
    </row>
    <row r="6221" spans="2:32">
      <c r="B6221" s="2"/>
      <c r="AF6221" s="4"/>
    </row>
    <row r="6222" spans="2:32">
      <c r="B6222" s="2"/>
      <c r="AF6222" s="4"/>
    </row>
    <row r="6223" spans="2:32">
      <c r="B6223" s="2"/>
      <c r="AF6223" s="4"/>
    </row>
    <row r="6224" spans="2:32">
      <c r="B6224" s="2"/>
      <c r="AF6224" s="4"/>
    </row>
    <row r="6225" spans="2:32">
      <c r="B6225" s="2"/>
      <c r="AF6225" s="4"/>
    </row>
    <row r="6226" spans="2:32">
      <c r="B6226" s="2"/>
      <c r="AF6226" s="4"/>
    </row>
    <row r="6227" spans="2:32">
      <c r="B6227" s="2"/>
      <c r="AF6227" s="4"/>
    </row>
    <row r="6228" spans="2:32">
      <c r="B6228" s="2"/>
      <c r="AF6228" s="4"/>
    </row>
    <row r="6229" spans="2:32">
      <c r="B6229" s="2"/>
      <c r="AF6229" s="4"/>
    </row>
    <row r="6230" spans="2:32">
      <c r="B6230" s="2"/>
      <c r="AF6230" s="4"/>
    </row>
    <row r="6231" spans="2:32">
      <c r="B6231" s="2"/>
      <c r="AF6231" s="4"/>
    </row>
    <row r="6232" spans="2:32">
      <c r="B6232" s="2"/>
      <c r="AF6232" s="4"/>
    </row>
    <row r="6233" spans="2:32">
      <c r="B6233" s="2"/>
      <c r="AF6233" s="4"/>
    </row>
    <row r="6234" spans="2:32">
      <c r="B6234" s="2"/>
      <c r="AF6234" s="4"/>
    </row>
    <row r="6235" spans="2:32">
      <c r="B6235" s="2"/>
      <c r="AF6235" s="4"/>
    </row>
    <row r="6236" spans="2:32">
      <c r="B6236" s="2"/>
      <c r="AF6236" s="4"/>
    </row>
    <row r="6237" spans="2:32">
      <c r="B6237" s="2"/>
      <c r="AF6237" s="4"/>
    </row>
    <row r="6238" spans="2:32">
      <c r="B6238" s="2"/>
      <c r="AF6238" s="4"/>
    </row>
    <row r="6239" spans="2:32">
      <c r="B6239" s="2"/>
      <c r="AF6239" s="4"/>
    </row>
    <row r="6240" spans="2:32">
      <c r="B6240" s="2"/>
      <c r="AF6240" s="4"/>
    </row>
    <row r="6241" spans="2:32">
      <c r="B6241" s="2"/>
      <c r="AF6241" s="4"/>
    </row>
    <row r="6242" spans="2:32">
      <c r="B6242" s="2"/>
      <c r="AF6242" s="4"/>
    </row>
    <row r="6243" spans="2:32">
      <c r="B6243" s="2"/>
      <c r="AF6243" s="4"/>
    </row>
    <row r="6244" spans="2:32">
      <c r="B6244" s="2"/>
      <c r="AF6244" s="4"/>
    </row>
    <row r="6245" spans="2:32">
      <c r="B6245" s="2"/>
      <c r="AF6245" s="4"/>
    </row>
    <row r="6246" spans="2:32">
      <c r="B6246" s="2"/>
      <c r="AF6246" s="4"/>
    </row>
    <row r="6247" spans="2:32">
      <c r="B6247" s="2"/>
      <c r="AF6247" s="4"/>
    </row>
    <row r="6248" spans="2:32">
      <c r="B6248" s="2"/>
      <c r="AF6248" s="4"/>
    </row>
    <row r="6249" spans="2:32">
      <c r="B6249" s="2"/>
      <c r="AF6249" s="4"/>
    </row>
    <row r="6250" spans="2:32">
      <c r="B6250" s="2"/>
      <c r="AF6250" s="4"/>
    </row>
    <row r="6251" spans="2:32">
      <c r="B6251" s="2"/>
      <c r="AF6251" s="4"/>
    </row>
    <row r="6252" spans="2:32">
      <c r="B6252" s="2"/>
      <c r="AF6252" s="4"/>
    </row>
    <row r="6253" spans="2:32">
      <c r="B6253" s="2"/>
      <c r="AF6253" s="4"/>
    </row>
    <row r="6254" spans="2:32">
      <c r="B6254" s="2"/>
      <c r="AF6254" s="4"/>
    </row>
    <row r="6255" spans="2:32">
      <c r="B6255" s="2"/>
      <c r="AF6255" s="4"/>
    </row>
    <row r="6256" spans="2:32">
      <c r="B6256" s="2"/>
      <c r="AF6256" s="4"/>
    </row>
    <row r="6257" spans="2:32">
      <c r="B6257" s="2"/>
      <c r="AF6257" s="4"/>
    </row>
    <row r="6258" spans="2:32">
      <c r="B6258" s="2"/>
      <c r="AF6258" s="4"/>
    </row>
    <row r="6259" spans="2:32">
      <c r="B6259" s="2"/>
      <c r="AF6259" s="4"/>
    </row>
    <row r="6260" spans="2:32">
      <c r="B6260" s="2"/>
      <c r="AF6260" s="4"/>
    </row>
    <row r="6261" spans="2:32">
      <c r="B6261" s="2"/>
      <c r="AF6261" s="4"/>
    </row>
    <row r="6262" spans="2:32">
      <c r="B6262" s="2"/>
      <c r="AF6262" s="4"/>
    </row>
    <row r="6263" spans="2:32">
      <c r="B6263" s="2"/>
      <c r="AF6263" s="4"/>
    </row>
    <row r="6264" spans="2:32">
      <c r="B6264" s="2"/>
      <c r="AF6264" s="4"/>
    </row>
    <row r="6265" spans="2:32">
      <c r="B6265" s="2"/>
      <c r="AF6265" s="4"/>
    </row>
    <row r="6266" spans="2:32">
      <c r="B6266" s="2"/>
      <c r="AF6266" s="4"/>
    </row>
    <row r="6267" spans="2:32">
      <c r="B6267" s="2"/>
      <c r="AF6267" s="4"/>
    </row>
    <row r="6268" spans="2:32">
      <c r="B6268" s="2"/>
      <c r="AF6268" s="4"/>
    </row>
    <row r="6269" spans="2:32">
      <c r="B6269" s="2"/>
      <c r="AF6269" s="4"/>
    </row>
    <row r="6270" spans="2:32">
      <c r="B6270" s="2"/>
      <c r="AF6270" s="4"/>
    </row>
    <row r="6271" spans="2:32">
      <c r="B6271" s="2"/>
      <c r="AF6271" s="4"/>
    </row>
    <row r="6272" spans="2:32">
      <c r="B6272" s="2"/>
      <c r="AF6272" s="4"/>
    </row>
    <row r="6273" spans="2:32">
      <c r="B6273" s="2"/>
      <c r="AF6273" s="4"/>
    </row>
    <row r="6274" spans="2:32">
      <c r="B6274" s="2"/>
      <c r="AF6274" s="4"/>
    </row>
    <row r="6275" spans="2:32">
      <c r="B6275" s="2"/>
      <c r="AF6275" s="4"/>
    </row>
    <row r="6276" spans="2:32">
      <c r="B6276" s="2"/>
      <c r="AF6276" s="4"/>
    </row>
    <row r="6277" spans="2:32">
      <c r="B6277" s="2"/>
      <c r="AF6277" s="4"/>
    </row>
    <row r="6278" spans="2:32">
      <c r="B6278" s="2"/>
      <c r="AF6278" s="4"/>
    </row>
    <row r="6279" spans="2:32">
      <c r="B6279" s="2"/>
      <c r="AF6279" s="4"/>
    </row>
    <row r="6280" spans="2:32">
      <c r="B6280" s="2"/>
      <c r="AF6280" s="4"/>
    </row>
    <row r="6281" spans="2:32">
      <c r="B6281" s="2"/>
      <c r="AF6281" s="4"/>
    </row>
    <row r="6282" spans="2:32">
      <c r="B6282" s="2"/>
      <c r="AF6282" s="4"/>
    </row>
    <row r="6283" spans="2:32">
      <c r="B6283" s="2"/>
      <c r="AF6283" s="4"/>
    </row>
    <row r="6284" spans="2:32">
      <c r="B6284" s="2"/>
      <c r="AF6284" s="4"/>
    </row>
    <row r="6285" spans="2:32">
      <c r="B6285" s="2"/>
      <c r="AF6285" s="4"/>
    </row>
    <row r="6286" spans="2:32">
      <c r="B6286" s="2"/>
      <c r="AF6286" s="4"/>
    </row>
    <row r="6287" spans="2:32">
      <c r="B6287" s="2"/>
      <c r="AF6287" s="4"/>
    </row>
    <row r="6288" spans="2:32">
      <c r="B6288" s="2"/>
      <c r="AF6288" s="4"/>
    </row>
    <row r="6289" spans="2:32">
      <c r="B6289" s="2"/>
      <c r="AF6289" s="4"/>
    </row>
    <row r="6290" spans="2:32">
      <c r="B6290" s="2"/>
      <c r="AF6290" s="4"/>
    </row>
    <row r="6291" spans="2:32">
      <c r="B6291" s="2"/>
      <c r="AF6291" s="4"/>
    </row>
    <row r="6292" spans="2:32">
      <c r="B6292" s="2"/>
      <c r="AF6292" s="4"/>
    </row>
    <row r="6293" spans="2:32">
      <c r="B6293" s="2"/>
      <c r="AF6293" s="4"/>
    </row>
    <row r="6294" spans="2:32">
      <c r="B6294" s="2"/>
      <c r="AF6294" s="4"/>
    </row>
    <row r="6295" spans="2:32">
      <c r="B6295" s="2"/>
      <c r="AF6295" s="4"/>
    </row>
    <row r="6296" spans="2:32">
      <c r="B6296" s="2"/>
      <c r="AF6296" s="4"/>
    </row>
    <row r="6297" spans="2:32">
      <c r="B6297" s="2"/>
      <c r="AF6297" s="4"/>
    </row>
    <row r="6298" spans="2:32">
      <c r="B6298" s="2"/>
      <c r="AF6298" s="4"/>
    </row>
    <row r="6299" spans="2:32">
      <c r="B6299" s="2"/>
      <c r="AF6299" s="4"/>
    </row>
    <row r="6300" spans="2:32">
      <c r="B6300" s="2"/>
      <c r="AF6300" s="4"/>
    </row>
    <row r="6301" spans="2:32">
      <c r="B6301" s="2"/>
      <c r="AF6301" s="4"/>
    </row>
    <row r="6302" spans="2:32">
      <c r="B6302" s="2"/>
      <c r="AF6302" s="4"/>
    </row>
    <row r="6303" spans="2:32">
      <c r="B6303" s="2"/>
      <c r="AF6303" s="4"/>
    </row>
    <row r="6304" spans="2:32">
      <c r="B6304" s="2"/>
      <c r="AF6304" s="4"/>
    </row>
    <row r="6305" spans="2:32">
      <c r="B6305" s="2"/>
      <c r="AF6305" s="4"/>
    </row>
    <row r="6306" spans="2:32">
      <c r="B6306" s="2"/>
      <c r="AF6306" s="4"/>
    </row>
    <row r="6307" spans="2:32">
      <c r="B6307" s="2"/>
      <c r="AF6307" s="4"/>
    </row>
    <row r="6308" spans="2:32">
      <c r="B6308" s="2"/>
      <c r="AF6308" s="4"/>
    </row>
    <row r="6309" spans="2:32">
      <c r="B6309" s="2"/>
      <c r="AF6309" s="4"/>
    </row>
    <row r="6310" spans="2:32">
      <c r="B6310" s="2"/>
      <c r="AF6310" s="4"/>
    </row>
    <row r="6311" spans="2:32">
      <c r="B6311" s="2"/>
      <c r="AF6311" s="4"/>
    </row>
    <row r="6312" spans="2:32">
      <c r="B6312" s="2"/>
      <c r="AF6312" s="4"/>
    </row>
    <row r="6313" spans="2:32">
      <c r="B6313" s="2"/>
      <c r="AF6313" s="4"/>
    </row>
    <row r="6314" spans="2:32">
      <c r="B6314" s="2"/>
      <c r="AF6314" s="4"/>
    </row>
    <row r="6315" spans="2:32">
      <c r="B6315" s="2"/>
      <c r="AF6315" s="4"/>
    </row>
    <row r="6316" spans="2:32">
      <c r="B6316" s="2"/>
      <c r="AF6316" s="4"/>
    </row>
    <row r="6317" spans="2:32">
      <c r="B6317" s="2"/>
      <c r="AF6317" s="4"/>
    </row>
    <row r="6318" spans="2:32">
      <c r="B6318" s="2"/>
      <c r="AF6318" s="4"/>
    </row>
    <row r="6319" spans="2:32">
      <c r="B6319" s="2"/>
      <c r="AF6319" s="4"/>
    </row>
    <row r="6320" spans="2:32">
      <c r="B6320" s="2"/>
      <c r="AF6320" s="4"/>
    </row>
    <row r="6321" spans="2:32">
      <c r="B6321" s="2"/>
      <c r="AF6321" s="4"/>
    </row>
    <row r="6322" spans="2:32">
      <c r="B6322" s="2"/>
      <c r="AF6322" s="4"/>
    </row>
    <row r="6323" spans="2:32">
      <c r="B6323" s="2"/>
      <c r="AF6323" s="4"/>
    </row>
    <row r="6324" spans="2:32">
      <c r="B6324" s="2"/>
      <c r="AF6324" s="4"/>
    </row>
    <row r="6325" spans="2:32">
      <c r="B6325" s="2"/>
      <c r="AF6325" s="4"/>
    </row>
    <row r="6326" spans="2:32">
      <c r="B6326" s="2"/>
      <c r="AF6326" s="4"/>
    </row>
    <row r="6327" spans="2:32">
      <c r="B6327" s="2"/>
      <c r="AF6327" s="4"/>
    </row>
    <row r="6328" spans="2:32">
      <c r="B6328" s="2"/>
      <c r="AF6328" s="4"/>
    </row>
    <row r="6329" spans="2:32">
      <c r="B6329" s="2"/>
      <c r="AF6329" s="4"/>
    </row>
    <row r="6330" spans="2:32">
      <c r="B6330" s="2"/>
      <c r="AF6330" s="4"/>
    </row>
    <row r="6331" spans="2:32">
      <c r="B6331" s="2"/>
      <c r="AF6331" s="4"/>
    </row>
    <row r="6332" spans="2:32">
      <c r="B6332" s="2"/>
      <c r="AF6332" s="4"/>
    </row>
    <row r="6333" spans="2:32">
      <c r="B6333" s="2"/>
      <c r="AF6333" s="4"/>
    </row>
    <row r="6334" spans="2:32">
      <c r="B6334" s="2"/>
      <c r="AF6334" s="4"/>
    </row>
    <row r="6335" spans="2:32">
      <c r="B6335" s="2"/>
      <c r="AF6335" s="4"/>
    </row>
    <row r="6336" spans="2:32">
      <c r="B6336" s="2"/>
      <c r="AF6336" s="4"/>
    </row>
    <row r="6337" spans="2:32">
      <c r="B6337" s="2"/>
      <c r="AF6337" s="4"/>
    </row>
    <row r="6338" spans="2:32">
      <c r="B6338" s="2"/>
      <c r="AF6338" s="4"/>
    </row>
    <row r="6339" spans="2:32">
      <c r="B6339" s="2"/>
      <c r="AF6339" s="4"/>
    </row>
    <row r="6340" spans="2:32">
      <c r="B6340" s="2"/>
      <c r="AF6340" s="4"/>
    </row>
    <row r="6341" spans="2:32">
      <c r="B6341" s="2"/>
      <c r="AF6341" s="4"/>
    </row>
    <row r="6342" spans="2:32">
      <c r="B6342" s="2"/>
      <c r="AF6342" s="4"/>
    </row>
    <row r="6343" spans="2:32">
      <c r="B6343" s="2"/>
      <c r="AF6343" s="4"/>
    </row>
    <row r="6344" spans="2:32">
      <c r="B6344" s="2"/>
      <c r="AF6344" s="4"/>
    </row>
    <row r="6345" spans="2:32">
      <c r="B6345" s="2"/>
      <c r="AF6345" s="4"/>
    </row>
    <row r="6346" spans="2:32">
      <c r="B6346" s="2"/>
      <c r="AF6346" s="4"/>
    </row>
    <row r="6347" spans="2:32">
      <c r="B6347" s="2"/>
      <c r="AF6347" s="4"/>
    </row>
    <row r="6348" spans="2:32">
      <c r="B6348" s="2"/>
      <c r="AF6348" s="4"/>
    </row>
    <row r="6349" spans="2:32">
      <c r="B6349" s="2"/>
      <c r="AF6349" s="4"/>
    </row>
    <row r="6350" spans="2:32">
      <c r="B6350" s="2"/>
      <c r="AF6350" s="4"/>
    </row>
    <row r="6351" spans="2:32">
      <c r="B6351" s="2"/>
      <c r="AF6351" s="4"/>
    </row>
    <row r="6352" spans="2:32">
      <c r="B6352" s="2"/>
      <c r="AF6352" s="4"/>
    </row>
    <row r="6353" spans="2:32">
      <c r="B6353" s="2"/>
      <c r="AF6353" s="4"/>
    </row>
    <row r="6354" spans="2:32">
      <c r="B6354" s="2"/>
      <c r="AF6354" s="4"/>
    </row>
    <row r="6355" spans="2:32">
      <c r="B6355" s="2"/>
      <c r="AF6355" s="4"/>
    </row>
    <row r="6356" spans="2:32">
      <c r="B6356" s="2"/>
      <c r="AF6356" s="4"/>
    </row>
    <row r="6357" spans="2:32">
      <c r="B6357" s="2"/>
      <c r="AF6357" s="4"/>
    </row>
    <row r="6358" spans="2:32">
      <c r="B6358" s="2"/>
      <c r="AF6358" s="4"/>
    </row>
    <row r="6359" spans="2:32">
      <c r="B6359" s="2"/>
      <c r="AF6359" s="4"/>
    </row>
    <row r="6360" spans="2:32">
      <c r="B6360" s="2"/>
      <c r="AF6360" s="4"/>
    </row>
    <row r="6361" spans="2:32">
      <c r="B6361" s="2"/>
      <c r="AF6361" s="4"/>
    </row>
    <row r="6362" spans="2:32">
      <c r="B6362" s="2"/>
      <c r="AF6362" s="4"/>
    </row>
    <row r="6363" spans="2:32">
      <c r="B6363" s="2"/>
      <c r="AF6363" s="4"/>
    </row>
    <row r="6364" spans="2:32">
      <c r="B6364" s="2"/>
      <c r="AF6364" s="4"/>
    </row>
    <row r="6365" spans="2:32">
      <c r="B6365" s="2"/>
      <c r="AF6365" s="4"/>
    </row>
    <row r="6366" spans="2:32">
      <c r="B6366" s="2"/>
      <c r="AF6366" s="4"/>
    </row>
    <row r="6367" spans="2:32">
      <c r="B6367" s="2"/>
      <c r="AF6367" s="4"/>
    </row>
    <row r="6368" spans="2:32">
      <c r="B6368" s="2"/>
      <c r="AF6368" s="4"/>
    </row>
    <row r="6369" spans="2:32">
      <c r="B6369" s="2"/>
      <c r="AF6369" s="4"/>
    </row>
    <row r="6370" spans="2:32">
      <c r="B6370" s="2"/>
      <c r="AF6370" s="4"/>
    </row>
    <row r="6371" spans="2:32">
      <c r="B6371" s="2"/>
      <c r="AF6371" s="4"/>
    </row>
    <row r="6372" spans="2:32">
      <c r="B6372" s="2"/>
      <c r="AF6372" s="4"/>
    </row>
    <row r="6373" spans="2:32">
      <c r="B6373" s="2"/>
      <c r="AF6373" s="4"/>
    </row>
    <row r="6374" spans="2:32">
      <c r="B6374" s="2"/>
      <c r="AF6374" s="4"/>
    </row>
    <row r="6375" spans="2:32">
      <c r="B6375" s="2"/>
      <c r="AF6375" s="4"/>
    </row>
    <row r="6376" spans="2:32">
      <c r="B6376" s="2"/>
      <c r="AF6376" s="4"/>
    </row>
    <row r="6377" spans="2:32">
      <c r="B6377" s="2"/>
      <c r="AF6377" s="4"/>
    </row>
    <row r="6378" spans="2:32">
      <c r="B6378" s="2"/>
      <c r="AF6378" s="4"/>
    </row>
    <row r="6379" spans="2:32">
      <c r="B6379" s="2"/>
      <c r="AF6379" s="4"/>
    </row>
    <row r="6380" spans="2:32">
      <c r="B6380" s="2"/>
      <c r="AF6380" s="4"/>
    </row>
    <row r="6381" spans="2:32">
      <c r="B6381" s="2"/>
      <c r="AF6381" s="4"/>
    </row>
    <row r="6382" spans="2:32">
      <c r="B6382" s="2"/>
      <c r="AF6382" s="4"/>
    </row>
    <row r="6383" spans="2:32">
      <c r="B6383" s="2"/>
      <c r="AF6383" s="4"/>
    </row>
    <row r="6384" spans="2:32">
      <c r="B6384" s="2"/>
      <c r="AF6384" s="4"/>
    </row>
    <row r="6385" spans="2:32">
      <c r="B6385" s="2"/>
      <c r="AF6385" s="4"/>
    </row>
    <row r="6386" spans="2:32">
      <c r="B6386" s="2"/>
      <c r="AF6386" s="4"/>
    </row>
    <row r="6387" spans="2:32">
      <c r="B6387" s="2"/>
      <c r="AF6387" s="4"/>
    </row>
    <row r="6388" spans="2:32">
      <c r="B6388" s="2"/>
      <c r="AF6388" s="4"/>
    </row>
    <row r="6389" spans="2:32">
      <c r="B6389" s="2"/>
      <c r="AF6389" s="4"/>
    </row>
    <row r="6390" spans="2:32">
      <c r="B6390" s="2"/>
      <c r="AF6390" s="4"/>
    </row>
    <row r="6391" spans="2:32">
      <c r="B6391" s="2"/>
      <c r="AF6391" s="4"/>
    </row>
    <row r="6392" spans="2:32">
      <c r="B6392" s="2"/>
      <c r="AF6392" s="4"/>
    </row>
    <row r="6393" spans="2:32">
      <c r="B6393" s="2"/>
      <c r="AF6393" s="4"/>
    </row>
    <row r="6394" spans="2:32">
      <c r="B6394" s="2"/>
      <c r="AF6394" s="4"/>
    </row>
    <row r="6395" spans="2:32">
      <c r="B6395" s="2"/>
      <c r="AF6395" s="4"/>
    </row>
    <row r="6396" spans="2:32">
      <c r="B6396" s="2"/>
      <c r="AF6396" s="4"/>
    </row>
    <row r="6397" spans="2:32">
      <c r="B6397" s="2"/>
      <c r="AF6397" s="4"/>
    </row>
    <row r="6398" spans="2:32">
      <c r="B6398" s="2"/>
      <c r="AF6398" s="4"/>
    </row>
    <row r="6399" spans="2:32">
      <c r="B6399" s="2"/>
      <c r="AF6399" s="4"/>
    </row>
    <row r="6400" spans="2:32">
      <c r="B6400" s="2"/>
      <c r="AF6400" s="4"/>
    </row>
    <row r="6401" spans="2:32">
      <c r="B6401" s="2"/>
      <c r="AF6401" s="4"/>
    </row>
    <row r="6402" spans="2:32">
      <c r="B6402" s="2"/>
      <c r="AF6402" s="4"/>
    </row>
    <row r="6403" spans="2:32">
      <c r="B6403" s="2"/>
      <c r="AF6403" s="4"/>
    </row>
    <row r="6404" spans="2:32">
      <c r="B6404" s="2"/>
      <c r="AF6404" s="4"/>
    </row>
    <row r="6405" spans="2:32">
      <c r="B6405" s="2"/>
      <c r="AF6405" s="4"/>
    </row>
    <row r="6406" spans="2:32">
      <c r="B6406" s="2"/>
      <c r="AF6406" s="4"/>
    </row>
    <row r="6407" spans="2:32">
      <c r="B6407" s="2"/>
      <c r="AF6407" s="4"/>
    </row>
    <row r="6408" spans="2:32">
      <c r="B6408" s="2"/>
      <c r="AF6408" s="4"/>
    </row>
    <row r="6409" spans="2:32">
      <c r="B6409" s="2"/>
      <c r="AF6409" s="4"/>
    </row>
    <row r="6410" spans="2:32">
      <c r="B6410" s="2"/>
      <c r="AF6410" s="4"/>
    </row>
    <row r="6411" spans="2:32">
      <c r="B6411" s="2"/>
      <c r="AF6411" s="4"/>
    </row>
    <row r="6412" spans="2:32">
      <c r="B6412" s="2"/>
      <c r="AF6412" s="4"/>
    </row>
    <row r="6413" spans="2:32">
      <c r="B6413" s="2"/>
      <c r="AF6413" s="4"/>
    </row>
    <row r="6414" spans="2:32">
      <c r="B6414" s="2"/>
      <c r="AF6414" s="4"/>
    </row>
    <row r="6415" spans="2:32">
      <c r="B6415" s="2"/>
      <c r="AF6415" s="4"/>
    </row>
    <row r="6416" spans="2:32">
      <c r="B6416" s="2"/>
      <c r="AF6416" s="4"/>
    </row>
    <row r="6417" spans="2:32">
      <c r="B6417" s="2"/>
      <c r="AF6417" s="4"/>
    </row>
    <row r="6418" spans="2:32">
      <c r="B6418" s="2"/>
      <c r="AF6418" s="4"/>
    </row>
    <row r="6419" spans="2:32">
      <c r="B6419" s="2"/>
      <c r="AF6419" s="4"/>
    </row>
    <row r="6420" spans="2:32">
      <c r="B6420" s="2"/>
      <c r="AF6420" s="4"/>
    </row>
    <row r="6421" spans="2:32">
      <c r="B6421" s="2"/>
      <c r="AF6421" s="4"/>
    </row>
    <row r="6422" spans="2:32">
      <c r="B6422" s="2"/>
      <c r="AF6422" s="4"/>
    </row>
    <row r="6423" spans="2:32">
      <c r="B6423" s="2"/>
      <c r="AF6423" s="4"/>
    </row>
    <row r="6424" spans="2:32">
      <c r="B6424" s="2"/>
      <c r="AF6424" s="4"/>
    </row>
    <row r="6425" spans="2:32">
      <c r="B6425" s="2"/>
      <c r="AF6425" s="4"/>
    </row>
    <row r="6426" spans="2:32">
      <c r="B6426" s="2"/>
      <c r="AF6426" s="4"/>
    </row>
    <row r="6427" spans="2:32">
      <c r="B6427" s="2"/>
      <c r="AF6427" s="4"/>
    </row>
    <row r="6428" spans="2:32">
      <c r="B6428" s="2"/>
      <c r="AF6428" s="4"/>
    </row>
    <row r="6429" spans="2:32">
      <c r="B6429" s="2"/>
      <c r="AF6429" s="4"/>
    </row>
    <row r="6430" spans="2:32">
      <c r="B6430" s="2"/>
      <c r="AF6430" s="4"/>
    </row>
    <row r="6431" spans="2:32">
      <c r="B6431" s="2"/>
      <c r="AF6431" s="4"/>
    </row>
    <row r="6432" spans="2:32">
      <c r="B6432" s="2"/>
      <c r="AF6432" s="4"/>
    </row>
    <row r="6433" spans="2:32">
      <c r="B6433" s="2"/>
      <c r="AF6433" s="4"/>
    </row>
    <row r="6434" spans="2:32">
      <c r="B6434" s="2"/>
      <c r="AF6434" s="4"/>
    </row>
    <row r="6435" spans="2:32">
      <c r="B6435" s="2"/>
      <c r="AF6435" s="4"/>
    </row>
    <row r="6436" spans="2:32">
      <c r="B6436" s="2"/>
      <c r="AF6436" s="4"/>
    </row>
    <row r="6437" spans="2:32">
      <c r="B6437" s="2"/>
      <c r="AF6437" s="4"/>
    </row>
    <row r="6438" spans="2:32">
      <c r="B6438" s="2"/>
      <c r="AF6438" s="4"/>
    </row>
    <row r="6439" spans="2:32">
      <c r="B6439" s="2"/>
      <c r="AF6439" s="4"/>
    </row>
    <row r="6440" spans="2:32">
      <c r="B6440" s="2"/>
      <c r="AF6440" s="4"/>
    </row>
    <row r="6441" spans="2:32">
      <c r="B6441" s="2"/>
      <c r="AF6441" s="4"/>
    </row>
    <row r="6442" spans="2:32">
      <c r="B6442" s="2"/>
      <c r="AF6442" s="4"/>
    </row>
    <row r="6443" spans="2:32">
      <c r="B6443" s="2"/>
      <c r="AF6443" s="4"/>
    </row>
    <row r="6444" spans="2:32">
      <c r="B6444" s="2"/>
      <c r="AF6444" s="4"/>
    </row>
    <row r="6445" spans="2:32">
      <c r="B6445" s="2"/>
      <c r="AF6445" s="4"/>
    </row>
    <row r="6446" spans="2:32">
      <c r="B6446" s="2"/>
      <c r="AF6446" s="4"/>
    </row>
    <row r="6447" spans="2:32">
      <c r="B6447" s="2"/>
      <c r="AF6447" s="4"/>
    </row>
    <row r="6448" spans="2:32">
      <c r="B6448" s="2"/>
      <c r="AF6448" s="4"/>
    </row>
    <row r="6449" spans="2:32">
      <c r="B6449" s="2"/>
      <c r="AF6449" s="4"/>
    </row>
    <row r="6450" spans="2:32">
      <c r="B6450" s="2"/>
      <c r="AF6450" s="4"/>
    </row>
    <row r="6451" spans="2:32">
      <c r="B6451" s="2"/>
      <c r="AF6451" s="4"/>
    </row>
    <row r="6452" spans="2:32">
      <c r="B6452" s="2"/>
      <c r="AF6452" s="4"/>
    </row>
    <row r="6453" spans="2:32">
      <c r="B6453" s="2"/>
      <c r="AF6453" s="4"/>
    </row>
    <row r="6454" spans="2:32">
      <c r="B6454" s="2"/>
      <c r="AF6454" s="4"/>
    </row>
    <row r="6455" spans="2:32">
      <c r="B6455" s="2"/>
      <c r="AF6455" s="4"/>
    </row>
    <row r="6456" spans="2:32">
      <c r="B6456" s="2"/>
      <c r="AF6456" s="4"/>
    </row>
    <row r="6457" spans="2:32">
      <c r="B6457" s="2"/>
      <c r="AF6457" s="4"/>
    </row>
    <row r="6458" spans="2:32">
      <c r="B6458" s="2"/>
      <c r="AF6458" s="4"/>
    </row>
    <row r="6459" spans="2:32">
      <c r="B6459" s="2"/>
      <c r="AF6459" s="4"/>
    </row>
    <row r="6460" spans="2:32">
      <c r="B6460" s="2"/>
      <c r="AF6460" s="4"/>
    </row>
    <row r="6461" spans="2:32">
      <c r="B6461" s="2"/>
      <c r="AF6461" s="4"/>
    </row>
    <row r="6462" spans="2:32">
      <c r="B6462" s="2"/>
      <c r="AF6462" s="4"/>
    </row>
    <row r="6463" spans="2:32">
      <c r="B6463" s="2"/>
      <c r="AF6463" s="4"/>
    </row>
    <row r="6464" spans="2:32">
      <c r="B6464" s="2"/>
      <c r="AF6464" s="4"/>
    </row>
    <row r="6465" spans="2:32">
      <c r="B6465" s="2"/>
      <c r="AF6465" s="4"/>
    </row>
    <row r="6466" spans="2:32">
      <c r="B6466" s="2"/>
      <c r="AF6466" s="4"/>
    </row>
    <row r="6467" spans="2:32">
      <c r="B6467" s="2"/>
      <c r="AF6467" s="4"/>
    </row>
    <row r="6468" spans="2:32">
      <c r="B6468" s="2"/>
      <c r="AF6468" s="4"/>
    </row>
    <row r="6469" spans="2:32">
      <c r="B6469" s="2"/>
      <c r="AF6469" s="4"/>
    </row>
    <row r="6470" spans="2:32">
      <c r="B6470" s="2"/>
      <c r="AF6470" s="4"/>
    </row>
    <row r="6471" spans="2:32">
      <c r="B6471" s="2"/>
      <c r="AF6471" s="4"/>
    </row>
    <row r="6472" spans="2:32">
      <c r="B6472" s="2"/>
      <c r="AF6472" s="4"/>
    </row>
    <row r="6473" spans="2:32">
      <c r="B6473" s="2"/>
      <c r="AF6473" s="4"/>
    </row>
    <row r="6474" spans="2:32">
      <c r="B6474" s="2"/>
      <c r="AF6474" s="4"/>
    </row>
    <row r="6475" spans="2:32">
      <c r="B6475" s="2"/>
      <c r="AF6475" s="4"/>
    </row>
    <row r="6476" spans="2:32">
      <c r="B6476" s="2"/>
      <c r="AF6476" s="4"/>
    </row>
    <row r="6477" spans="2:32">
      <c r="B6477" s="2"/>
      <c r="AF6477" s="4"/>
    </row>
    <row r="6478" spans="2:32">
      <c r="B6478" s="2"/>
      <c r="AF6478" s="4"/>
    </row>
    <row r="6479" spans="2:32">
      <c r="B6479" s="2"/>
      <c r="AF6479" s="4"/>
    </row>
    <row r="6480" spans="2:32">
      <c r="B6480" s="2"/>
      <c r="AF6480" s="4"/>
    </row>
    <row r="6481" spans="2:32">
      <c r="B6481" s="2"/>
      <c r="AF6481" s="4"/>
    </row>
    <row r="6482" spans="2:32">
      <c r="B6482" s="2"/>
      <c r="AF6482" s="4"/>
    </row>
    <row r="6483" spans="2:32">
      <c r="B6483" s="2"/>
      <c r="AF6483" s="4"/>
    </row>
    <row r="6484" spans="2:32">
      <c r="B6484" s="2"/>
      <c r="AF6484" s="4"/>
    </row>
    <row r="6485" spans="2:32">
      <c r="B6485" s="2"/>
      <c r="AF6485" s="4"/>
    </row>
    <row r="6486" spans="2:32">
      <c r="B6486" s="2"/>
      <c r="AF6486" s="4"/>
    </row>
    <row r="6487" spans="2:32">
      <c r="B6487" s="2"/>
      <c r="AF6487" s="4"/>
    </row>
    <row r="6488" spans="2:32">
      <c r="B6488" s="2"/>
      <c r="AF6488" s="4"/>
    </row>
    <row r="6489" spans="2:32">
      <c r="B6489" s="2"/>
      <c r="AF6489" s="4"/>
    </row>
    <row r="6490" spans="2:32">
      <c r="B6490" s="2"/>
      <c r="AF6490" s="4"/>
    </row>
    <row r="6491" spans="2:32">
      <c r="B6491" s="2"/>
      <c r="AF6491" s="4"/>
    </row>
    <row r="6492" spans="2:32">
      <c r="B6492" s="2"/>
      <c r="AF6492" s="4"/>
    </row>
    <row r="6493" spans="2:32">
      <c r="B6493" s="2"/>
      <c r="AF6493" s="4"/>
    </row>
    <row r="6494" spans="2:32">
      <c r="B6494" s="2"/>
      <c r="AF6494" s="4"/>
    </row>
    <row r="6495" spans="2:32">
      <c r="B6495" s="2"/>
      <c r="AF6495" s="4"/>
    </row>
    <row r="6496" spans="2:32">
      <c r="B6496" s="2"/>
      <c r="AF6496" s="4"/>
    </row>
    <row r="6497" spans="2:32">
      <c r="B6497" s="2"/>
      <c r="AF6497" s="4"/>
    </row>
    <row r="6498" spans="2:32">
      <c r="B6498" s="2"/>
      <c r="AF6498" s="4"/>
    </row>
    <row r="6499" spans="2:32">
      <c r="B6499" s="2"/>
      <c r="AF6499" s="4"/>
    </row>
    <row r="6500" spans="2:32">
      <c r="B6500" s="2"/>
      <c r="AF6500" s="4"/>
    </row>
    <row r="6501" spans="2:32">
      <c r="B6501" s="2"/>
      <c r="AF6501" s="4"/>
    </row>
    <row r="6502" spans="2:32">
      <c r="B6502" s="2"/>
      <c r="AF6502" s="4"/>
    </row>
    <row r="6503" spans="2:32">
      <c r="B6503" s="2"/>
      <c r="AF6503" s="4"/>
    </row>
    <row r="6504" spans="2:32">
      <c r="B6504" s="2"/>
      <c r="AF6504" s="4"/>
    </row>
    <row r="6505" spans="2:32">
      <c r="B6505" s="2"/>
      <c r="AF6505" s="4"/>
    </row>
    <row r="6506" spans="2:32">
      <c r="B6506" s="2"/>
      <c r="AF6506" s="4"/>
    </row>
    <row r="6507" spans="2:32">
      <c r="B6507" s="2"/>
      <c r="AF6507" s="4"/>
    </row>
    <row r="6508" spans="2:32">
      <c r="B6508" s="2"/>
      <c r="AF6508" s="4"/>
    </row>
    <row r="6509" spans="2:32">
      <c r="B6509" s="2"/>
      <c r="AF6509" s="4"/>
    </row>
    <row r="6510" spans="2:32">
      <c r="B6510" s="2"/>
      <c r="AF6510" s="4"/>
    </row>
    <row r="6511" spans="2:32">
      <c r="B6511" s="2"/>
      <c r="AF6511" s="4"/>
    </row>
    <row r="6512" spans="2:32">
      <c r="B6512" s="2"/>
      <c r="AF6512" s="4"/>
    </row>
    <row r="6513" spans="2:32">
      <c r="B6513" s="2"/>
      <c r="AF6513" s="4"/>
    </row>
    <row r="6514" spans="2:32">
      <c r="B6514" s="2"/>
      <c r="AF6514" s="4"/>
    </row>
    <row r="6515" spans="2:32">
      <c r="B6515" s="2"/>
      <c r="AF6515" s="4"/>
    </row>
    <row r="6516" spans="2:32">
      <c r="B6516" s="2"/>
      <c r="AF6516" s="4"/>
    </row>
    <row r="6517" spans="2:32">
      <c r="B6517" s="2"/>
      <c r="AF6517" s="4"/>
    </row>
    <row r="6518" spans="2:32">
      <c r="B6518" s="2"/>
      <c r="AF6518" s="4"/>
    </row>
    <row r="6519" spans="2:32">
      <c r="B6519" s="2"/>
      <c r="AF6519" s="4"/>
    </row>
    <row r="6520" spans="2:32">
      <c r="B6520" s="2"/>
      <c r="AF6520" s="4"/>
    </row>
    <row r="6521" spans="2:32">
      <c r="B6521" s="2"/>
      <c r="AF6521" s="4"/>
    </row>
    <row r="6522" spans="2:32">
      <c r="B6522" s="2"/>
      <c r="AF6522" s="4"/>
    </row>
    <row r="6523" spans="2:32">
      <c r="B6523" s="2"/>
      <c r="AF6523" s="4"/>
    </row>
    <row r="6524" spans="2:32">
      <c r="B6524" s="2"/>
      <c r="AF6524" s="4"/>
    </row>
    <row r="6525" spans="2:32">
      <c r="B6525" s="2"/>
      <c r="AF6525" s="4"/>
    </row>
    <row r="6526" spans="2:32">
      <c r="B6526" s="2"/>
      <c r="AF6526" s="4"/>
    </row>
    <row r="6527" spans="2:32">
      <c r="B6527" s="2"/>
      <c r="AF6527" s="4"/>
    </row>
    <row r="6528" spans="2:32">
      <c r="B6528" s="2"/>
      <c r="AF6528" s="4"/>
    </row>
    <row r="6529" spans="2:32">
      <c r="B6529" s="2"/>
      <c r="AF6529" s="4"/>
    </row>
    <row r="6530" spans="2:32">
      <c r="B6530" s="2"/>
      <c r="AF6530" s="4"/>
    </row>
    <row r="6531" spans="2:32">
      <c r="B6531" s="2"/>
      <c r="AF6531" s="4"/>
    </row>
    <row r="6532" spans="2:32">
      <c r="B6532" s="2"/>
      <c r="AF6532" s="4"/>
    </row>
    <row r="6533" spans="2:32">
      <c r="B6533" s="2"/>
      <c r="AF6533" s="4"/>
    </row>
    <row r="6534" spans="2:32">
      <c r="B6534" s="2"/>
      <c r="AF6534" s="4"/>
    </row>
    <row r="6535" spans="2:32">
      <c r="B6535" s="2"/>
      <c r="AF6535" s="4"/>
    </row>
    <row r="6536" spans="2:32">
      <c r="B6536" s="2"/>
      <c r="AF6536" s="4"/>
    </row>
    <row r="6537" spans="2:32">
      <c r="B6537" s="2"/>
      <c r="AF6537" s="4"/>
    </row>
    <row r="6538" spans="2:32">
      <c r="B6538" s="2"/>
      <c r="AF6538" s="4"/>
    </row>
    <row r="6539" spans="2:32">
      <c r="B6539" s="2"/>
      <c r="AF6539" s="4"/>
    </row>
    <row r="6540" spans="2:32">
      <c r="B6540" s="2"/>
      <c r="AF6540" s="4"/>
    </row>
    <row r="6541" spans="2:32">
      <c r="B6541" s="2"/>
      <c r="AF6541" s="4"/>
    </row>
    <row r="6542" spans="2:32">
      <c r="B6542" s="2"/>
      <c r="AF6542" s="4"/>
    </row>
    <row r="6543" spans="2:32">
      <c r="B6543" s="2"/>
      <c r="AF6543" s="4"/>
    </row>
    <row r="6544" spans="2:32">
      <c r="B6544" s="2"/>
      <c r="AF6544" s="4"/>
    </row>
    <row r="6545" spans="2:32">
      <c r="B6545" s="2"/>
      <c r="AF6545" s="4"/>
    </row>
    <row r="6546" spans="2:32">
      <c r="B6546" s="2"/>
      <c r="AF6546" s="4"/>
    </row>
    <row r="6547" spans="2:32">
      <c r="B6547" s="2"/>
      <c r="AF6547" s="4"/>
    </row>
    <row r="6548" spans="2:32">
      <c r="B6548" s="2"/>
      <c r="AF6548" s="4"/>
    </row>
    <row r="6549" spans="2:32">
      <c r="B6549" s="2"/>
      <c r="AF6549" s="4"/>
    </row>
    <row r="6550" spans="2:32">
      <c r="B6550" s="2"/>
      <c r="AF6550" s="4"/>
    </row>
    <row r="6551" spans="2:32">
      <c r="B6551" s="2"/>
      <c r="AF6551" s="4"/>
    </row>
    <row r="6552" spans="2:32">
      <c r="B6552" s="2"/>
      <c r="AF6552" s="4"/>
    </row>
    <row r="6553" spans="2:32">
      <c r="B6553" s="2"/>
      <c r="AF6553" s="4"/>
    </row>
    <row r="6554" spans="2:32">
      <c r="B6554" s="2"/>
      <c r="AF6554" s="4"/>
    </row>
    <row r="6555" spans="2:32">
      <c r="B6555" s="2"/>
      <c r="AF6555" s="4"/>
    </row>
    <row r="6556" spans="2:32">
      <c r="B6556" s="2"/>
      <c r="AF6556" s="4"/>
    </row>
    <row r="6557" spans="2:32">
      <c r="B6557" s="2"/>
      <c r="AF6557" s="4"/>
    </row>
    <row r="6558" spans="2:32">
      <c r="B6558" s="2"/>
      <c r="AF6558" s="4"/>
    </row>
    <row r="6559" spans="2:32">
      <c r="B6559" s="2"/>
      <c r="AF6559" s="4"/>
    </row>
    <row r="6560" spans="2:32">
      <c r="B6560" s="2"/>
      <c r="AF6560" s="4"/>
    </row>
    <row r="6561" spans="2:32">
      <c r="B6561" s="2"/>
      <c r="AF6561" s="4"/>
    </row>
    <row r="6562" spans="2:32">
      <c r="B6562" s="2"/>
      <c r="AF6562" s="4"/>
    </row>
    <row r="6563" spans="2:32">
      <c r="B6563" s="2"/>
      <c r="AF6563" s="4"/>
    </row>
    <row r="6564" spans="2:32">
      <c r="B6564" s="2"/>
      <c r="AF6564" s="4"/>
    </row>
    <row r="6565" spans="2:32">
      <c r="B6565" s="2"/>
      <c r="AF6565" s="4"/>
    </row>
    <row r="6566" spans="2:32">
      <c r="B6566" s="2"/>
      <c r="AF6566" s="4"/>
    </row>
    <row r="6567" spans="2:32">
      <c r="B6567" s="2"/>
      <c r="AF6567" s="4"/>
    </row>
    <row r="6568" spans="2:32">
      <c r="B6568" s="2"/>
      <c r="AF6568" s="4"/>
    </row>
    <row r="6569" spans="2:32">
      <c r="B6569" s="2"/>
      <c r="AF6569" s="4"/>
    </row>
    <row r="6570" spans="2:32">
      <c r="B6570" s="2"/>
      <c r="AF6570" s="4"/>
    </row>
    <row r="6571" spans="2:32">
      <c r="B6571" s="2"/>
      <c r="AF6571" s="4"/>
    </row>
    <row r="6572" spans="2:32">
      <c r="B6572" s="2"/>
      <c r="AF6572" s="4"/>
    </row>
    <row r="6573" spans="2:32">
      <c r="B6573" s="2"/>
      <c r="AF6573" s="4"/>
    </row>
    <row r="6574" spans="2:32">
      <c r="B6574" s="2"/>
      <c r="AF6574" s="4"/>
    </row>
    <row r="6575" spans="2:32">
      <c r="B6575" s="2"/>
      <c r="AF6575" s="4"/>
    </row>
    <row r="6576" spans="2:32">
      <c r="B6576" s="2"/>
      <c r="AF6576" s="4"/>
    </row>
    <row r="6577" spans="2:32">
      <c r="B6577" s="2"/>
      <c r="AF6577" s="4"/>
    </row>
    <row r="6578" spans="2:32">
      <c r="B6578" s="2"/>
      <c r="AF6578" s="4"/>
    </row>
    <row r="6579" spans="2:32">
      <c r="B6579" s="2"/>
      <c r="AF6579" s="4"/>
    </row>
    <row r="6580" spans="2:32">
      <c r="B6580" s="2"/>
      <c r="AF6580" s="4"/>
    </row>
    <row r="6581" spans="2:32">
      <c r="B6581" s="2"/>
      <c r="AF6581" s="4"/>
    </row>
    <row r="6582" spans="2:32">
      <c r="B6582" s="2"/>
      <c r="AF6582" s="4"/>
    </row>
    <row r="6583" spans="2:32">
      <c r="B6583" s="2"/>
      <c r="AF6583" s="4"/>
    </row>
    <row r="6584" spans="2:32">
      <c r="B6584" s="2"/>
      <c r="AF6584" s="4"/>
    </row>
    <row r="6585" spans="2:32">
      <c r="B6585" s="2"/>
      <c r="AF6585" s="4"/>
    </row>
    <row r="6586" spans="2:32">
      <c r="B6586" s="2"/>
      <c r="AF6586" s="4"/>
    </row>
    <row r="6587" spans="2:32">
      <c r="B6587" s="2"/>
      <c r="AF6587" s="4"/>
    </row>
    <row r="6588" spans="2:32">
      <c r="B6588" s="2"/>
      <c r="AF6588" s="4"/>
    </row>
    <row r="6589" spans="2:32">
      <c r="B6589" s="2"/>
      <c r="AF6589" s="4"/>
    </row>
    <row r="6590" spans="2:32">
      <c r="B6590" s="2"/>
      <c r="AF6590" s="4"/>
    </row>
    <row r="6591" spans="2:32">
      <c r="B6591" s="2"/>
      <c r="AF6591" s="4"/>
    </row>
    <row r="6592" spans="2:32">
      <c r="B6592" s="2"/>
      <c r="AF6592" s="4"/>
    </row>
    <row r="6593" spans="2:32">
      <c r="B6593" s="2"/>
      <c r="AF6593" s="4"/>
    </row>
    <row r="6594" spans="2:32">
      <c r="B6594" s="2"/>
      <c r="AF6594" s="4"/>
    </row>
    <row r="6595" spans="2:32">
      <c r="B6595" s="2"/>
      <c r="AF6595" s="4"/>
    </row>
    <row r="6596" spans="2:32">
      <c r="B6596" s="2"/>
      <c r="AF6596" s="4"/>
    </row>
    <row r="6597" spans="2:32">
      <c r="B6597" s="2"/>
      <c r="AF6597" s="4"/>
    </row>
    <row r="6598" spans="2:32">
      <c r="B6598" s="2"/>
      <c r="AF6598" s="4"/>
    </row>
    <row r="6599" spans="2:32">
      <c r="B6599" s="2"/>
      <c r="AF6599" s="4"/>
    </row>
    <row r="6600" spans="2:32">
      <c r="B6600" s="2"/>
      <c r="AF6600" s="4"/>
    </row>
    <row r="6601" spans="2:32">
      <c r="B6601" s="2"/>
      <c r="AF6601" s="4"/>
    </row>
    <row r="6602" spans="2:32">
      <c r="B6602" s="2"/>
      <c r="AF6602" s="4"/>
    </row>
    <row r="6603" spans="2:32">
      <c r="B6603" s="2"/>
      <c r="AF6603" s="4"/>
    </row>
    <row r="6604" spans="2:32">
      <c r="B6604" s="2"/>
      <c r="AF6604" s="4"/>
    </row>
    <row r="6605" spans="2:32">
      <c r="B6605" s="2"/>
      <c r="AF6605" s="4"/>
    </row>
    <row r="6606" spans="2:32">
      <c r="B6606" s="2"/>
      <c r="AF6606" s="4"/>
    </row>
    <row r="6607" spans="2:32">
      <c r="B6607" s="2"/>
      <c r="AF6607" s="4"/>
    </row>
    <row r="6608" spans="2:32">
      <c r="B6608" s="2"/>
      <c r="AF6608" s="4"/>
    </row>
    <row r="6609" spans="2:32">
      <c r="B6609" s="2"/>
      <c r="AF6609" s="4"/>
    </row>
    <row r="6610" spans="2:32">
      <c r="B6610" s="2"/>
      <c r="AF6610" s="4"/>
    </row>
    <row r="6611" spans="2:32">
      <c r="B6611" s="2"/>
      <c r="AF6611" s="4"/>
    </row>
    <row r="6612" spans="2:32">
      <c r="B6612" s="2"/>
      <c r="AF6612" s="4"/>
    </row>
    <row r="6613" spans="2:32">
      <c r="B6613" s="2"/>
      <c r="AF6613" s="4"/>
    </row>
    <row r="6614" spans="2:32">
      <c r="B6614" s="2"/>
      <c r="AF6614" s="4"/>
    </row>
    <row r="6615" spans="2:32">
      <c r="B6615" s="2"/>
      <c r="AF6615" s="4"/>
    </row>
    <row r="6616" spans="2:32">
      <c r="B6616" s="2"/>
      <c r="AF6616" s="4"/>
    </row>
    <row r="6617" spans="2:32">
      <c r="B6617" s="2"/>
      <c r="AF6617" s="4"/>
    </row>
    <row r="6618" spans="2:32">
      <c r="B6618" s="2"/>
      <c r="AF6618" s="4"/>
    </row>
    <row r="6619" spans="2:32">
      <c r="B6619" s="2"/>
      <c r="AF6619" s="4"/>
    </row>
    <row r="6620" spans="2:32">
      <c r="B6620" s="2"/>
      <c r="AF6620" s="4"/>
    </row>
    <row r="6621" spans="2:32">
      <c r="B6621" s="2"/>
      <c r="AF6621" s="4"/>
    </row>
    <row r="6622" spans="2:32">
      <c r="B6622" s="2"/>
      <c r="AF6622" s="4"/>
    </row>
    <row r="6623" spans="2:32">
      <c r="B6623" s="2"/>
      <c r="AF6623" s="4"/>
    </row>
    <row r="6624" spans="2:32">
      <c r="B6624" s="2"/>
      <c r="AF6624" s="4"/>
    </row>
    <row r="6625" spans="2:32">
      <c r="B6625" s="2"/>
      <c r="AF6625" s="4"/>
    </row>
    <row r="6626" spans="2:32">
      <c r="B6626" s="2"/>
      <c r="AF6626" s="4"/>
    </row>
    <row r="6627" spans="2:32">
      <c r="B6627" s="2"/>
      <c r="AF6627" s="4"/>
    </row>
    <row r="6628" spans="2:32">
      <c r="B6628" s="2"/>
      <c r="AF6628" s="4"/>
    </row>
    <row r="6629" spans="2:32">
      <c r="B6629" s="2"/>
      <c r="AF6629" s="4"/>
    </row>
    <row r="6630" spans="2:32">
      <c r="B6630" s="2"/>
      <c r="AF6630" s="4"/>
    </row>
    <row r="6631" spans="2:32">
      <c r="B6631" s="2"/>
      <c r="AF6631" s="4"/>
    </row>
    <row r="6632" spans="2:32">
      <c r="B6632" s="2"/>
      <c r="AF6632" s="4"/>
    </row>
    <row r="6633" spans="2:32">
      <c r="B6633" s="2"/>
      <c r="AF6633" s="4"/>
    </row>
    <row r="6634" spans="2:32">
      <c r="B6634" s="2"/>
      <c r="AF6634" s="4"/>
    </row>
    <row r="6635" spans="2:32">
      <c r="B6635" s="2"/>
      <c r="AF6635" s="4"/>
    </row>
    <row r="6636" spans="2:32">
      <c r="B6636" s="2"/>
      <c r="AF6636" s="4"/>
    </row>
    <row r="6637" spans="2:32">
      <c r="B6637" s="2"/>
      <c r="AF6637" s="4"/>
    </row>
    <row r="6638" spans="2:32">
      <c r="B6638" s="2"/>
      <c r="AF6638" s="4"/>
    </row>
    <row r="6639" spans="2:32">
      <c r="B6639" s="2"/>
      <c r="AF6639" s="4"/>
    </row>
    <row r="6640" spans="2:32">
      <c r="B6640" s="2"/>
      <c r="AF6640" s="4"/>
    </row>
    <row r="6641" spans="2:32">
      <c r="B6641" s="2"/>
      <c r="AF6641" s="4"/>
    </row>
    <row r="6642" spans="2:32">
      <c r="B6642" s="2"/>
      <c r="AF6642" s="4"/>
    </row>
    <row r="6643" spans="2:32">
      <c r="B6643" s="2"/>
      <c r="AF6643" s="4"/>
    </row>
    <row r="6644" spans="2:32">
      <c r="B6644" s="2"/>
      <c r="AF6644" s="4"/>
    </row>
    <row r="6645" spans="2:32">
      <c r="B6645" s="2"/>
      <c r="AF6645" s="4"/>
    </row>
    <row r="6646" spans="2:32">
      <c r="B6646" s="2"/>
      <c r="AF6646" s="4"/>
    </row>
    <row r="6647" spans="2:32">
      <c r="B6647" s="2"/>
      <c r="AF6647" s="4"/>
    </row>
    <row r="6648" spans="2:32">
      <c r="B6648" s="2"/>
      <c r="AF6648" s="4"/>
    </row>
    <row r="6649" spans="2:32">
      <c r="B6649" s="2"/>
      <c r="AF6649" s="4"/>
    </row>
    <row r="6650" spans="2:32">
      <c r="B6650" s="2"/>
      <c r="AF6650" s="4"/>
    </row>
    <row r="6651" spans="2:32">
      <c r="B6651" s="2"/>
      <c r="AF6651" s="4"/>
    </row>
    <row r="6652" spans="2:32">
      <c r="B6652" s="2"/>
      <c r="AF6652" s="4"/>
    </row>
    <row r="6653" spans="2:32">
      <c r="B6653" s="2"/>
      <c r="AF6653" s="4"/>
    </row>
    <row r="6654" spans="2:32">
      <c r="B6654" s="2"/>
      <c r="AF6654" s="4"/>
    </row>
    <row r="6655" spans="2:32">
      <c r="B6655" s="2"/>
      <c r="AF6655" s="4"/>
    </row>
    <row r="6656" spans="2:32">
      <c r="B6656" s="2"/>
      <c r="AF6656" s="4"/>
    </row>
    <row r="6657" spans="2:32">
      <c r="B6657" s="2"/>
      <c r="AF6657" s="4"/>
    </row>
    <row r="6658" spans="2:32">
      <c r="B6658" s="2"/>
      <c r="AF6658" s="4"/>
    </row>
    <row r="6659" spans="2:32">
      <c r="B6659" s="2"/>
      <c r="AF6659" s="4"/>
    </row>
    <row r="6660" spans="2:32">
      <c r="B6660" s="2"/>
      <c r="AF6660" s="4"/>
    </row>
    <row r="6661" spans="2:32">
      <c r="B6661" s="2"/>
      <c r="AF6661" s="4"/>
    </row>
    <row r="6662" spans="2:32">
      <c r="B6662" s="2"/>
      <c r="AF6662" s="4"/>
    </row>
    <row r="6663" spans="2:32">
      <c r="B6663" s="2"/>
      <c r="AF6663" s="4"/>
    </row>
    <row r="6664" spans="2:32">
      <c r="B6664" s="2"/>
      <c r="AF6664" s="4"/>
    </row>
    <row r="6665" spans="2:32">
      <c r="B6665" s="2"/>
      <c r="AF6665" s="4"/>
    </row>
    <row r="6666" spans="2:32">
      <c r="B6666" s="2"/>
      <c r="AF6666" s="4"/>
    </row>
    <row r="6667" spans="2:32">
      <c r="B6667" s="2"/>
      <c r="AF6667" s="4"/>
    </row>
    <row r="6668" spans="2:32">
      <c r="B6668" s="2"/>
      <c r="AF6668" s="4"/>
    </row>
    <row r="6669" spans="2:32">
      <c r="B6669" s="2"/>
      <c r="AF6669" s="4"/>
    </row>
    <row r="6670" spans="2:32">
      <c r="B6670" s="2"/>
      <c r="AF6670" s="4"/>
    </row>
    <row r="6671" spans="2:32">
      <c r="B6671" s="2"/>
      <c r="AF6671" s="4"/>
    </row>
    <row r="6672" spans="2:32">
      <c r="B6672" s="2"/>
      <c r="AF6672" s="4"/>
    </row>
    <row r="6673" spans="2:32">
      <c r="B6673" s="2"/>
      <c r="AF6673" s="4"/>
    </row>
    <row r="6674" spans="2:32">
      <c r="AF6674" s="4"/>
    </row>
    <row r="6675" spans="2:32">
      <c r="AF6675" s="4"/>
    </row>
    <row r="6676" spans="2:32">
      <c r="AF6676" s="4"/>
    </row>
    <row r="6677" spans="2:32">
      <c r="AF6677" s="4"/>
    </row>
    <row r="6678" spans="2:32">
      <c r="AF6678" s="4"/>
    </row>
    <row r="6679" spans="2:32">
      <c r="AF6679" s="4"/>
    </row>
    <row r="6680" spans="2:32">
      <c r="AF6680" s="4"/>
    </row>
    <row r="6681" spans="2:32">
      <c r="AF6681" s="4"/>
    </row>
    <row r="6682" spans="2:32">
      <c r="AF6682" s="4"/>
    </row>
    <row r="6683" spans="2:32">
      <c r="AF6683" s="4"/>
    </row>
    <row r="6684" spans="2:32">
      <c r="AF6684" s="4"/>
    </row>
    <row r="6685" spans="2:32">
      <c r="AF6685" s="4"/>
    </row>
    <row r="6686" spans="2:32">
      <c r="AF6686" s="4"/>
    </row>
    <row r="6687" spans="2:32">
      <c r="AF6687" s="4"/>
    </row>
    <row r="6688" spans="2:32">
      <c r="AF6688" s="4"/>
    </row>
    <row r="6689" spans="32:32">
      <c r="AF6689" s="4"/>
    </row>
    <row r="6690" spans="32:32">
      <c r="AF6690" s="4"/>
    </row>
    <row r="6691" spans="32:32">
      <c r="AF6691" s="4"/>
    </row>
    <row r="6692" spans="32:32">
      <c r="AF6692" s="4"/>
    </row>
    <row r="6693" spans="32:32">
      <c r="AF6693" s="4"/>
    </row>
    <row r="6694" spans="32:32">
      <c r="AF6694" s="4"/>
    </row>
    <row r="6695" spans="32:32">
      <c r="AF6695" s="4"/>
    </row>
    <row r="6696" spans="32:32">
      <c r="AF6696" s="4"/>
    </row>
    <row r="6697" spans="32:32">
      <c r="AF6697" s="4"/>
    </row>
    <row r="6698" spans="32:32">
      <c r="AF6698" s="4"/>
    </row>
    <row r="6699" spans="32:32">
      <c r="AF6699" s="4"/>
    </row>
    <row r="6700" spans="32:32">
      <c r="AF6700" s="4"/>
    </row>
    <row r="6701" spans="32:32">
      <c r="AF6701" s="4"/>
    </row>
    <row r="6702" spans="32:32">
      <c r="AF6702" s="4"/>
    </row>
    <row r="6703" spans="32:32">
      <c r="AF6703" s="4"/>
    </row>
    <row r="6704" spans="32:32">
      <c r="AF6704" s="4"/>
    </row>
    <row r="6705" spans="32:32">
      <c r="AF6705" s="4"/>
    </row>
    <row r="6706" spans="32:32">
      <c r="AF6706" s="4"/>
    </row>
    <row r="6707" spans="32:32">
      <c r="AF6707" s="4"/>
    </row>
    <row r="6708" spans="32:32">
      <c r="AF6708" s="4"/>
    </row>
    <row r="6709" spans="32:32">
      <c r="AF6709" s="4"/>
    </row>
    <row r="6710" spans="32:32">
      <c r="AF6710" s="4"/>
    </row>
    <row r="6711" spans="32:32">
      <c r="AF6711" s="4"/>
    </row>
    <row r="6712" spans="32:32">
      <c r="AF6712" s="4"/>
    </row>
    <row r="6713" spans="32:32">
      <c r="AF6713" s="4"/>
    </row>
    <row r="6714" spans="32:32">
      <c r="AF6714" s="4"/>
    </row>
    <row r="6715" spans="32:32">
      <c r="AF6715" s="4"/>
    </row>
    <row r="6716" spans="32:32">
      <c r="AF6716" s="4"/>
    </row>
    <row r="6717" spans="32:32">
      <c r="AF6717" s="4"/>
    </row>
    <row r="6718" spans="32:32">
      <c r="AF6718" s="4"/>
    </row>
    <row r="6719" spans="32:32">
      <c r="AF6719" s="4"/>
    </row>
    <row r="6720" spans="32:32">
      <c r="AF6720" s="4"/>
    </row>
    <row r="6721" spans="32:32">
      <c r="AF6721" s="4"/>
    </row>
    <row r="6722" spans="32:32">
      <c r="AF6722" s="4"/>
    </row>
    <row r="6723" spans="32:32">
      <c r="AF6723" s="4"/>
    </row>
    <row r="6724" spans="32:32">
      <c r="AF6724" s="4"/>
    </row>
    <row r="6725" spans="32:32">
      <c r="AF6725" s="4"/>
    </row>
  </sheetData>
  <pageMargins left="0.75" right="0.75" top="1" bottom="1" header="0.5" footer="0.5"/>
  <pageSetup paperSize="9" orientation="portrait" horizontalDpi="4294967292" verticalDpi="429496729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245"/>
  <sheetViews>
    <sheetView workbookViewId="0">
      <selection activeCell="M1" sqref="M1:N1048576"/>
    </sheetView>
  </sheetViews>
  <sheetFormatPr defaultColWidth="10.8984375" defaultRowHeight="15.6"/>
  <cols>
    <col min="1" max="1" width="10.8984375" style="3"/>
    <col min="2" max="2" width="10.59765625" style="3" bestFit="1" customWidth="1"/>
    <col min="3" max="3" width="9.5" style="3" customWidth="1"/>
    <col min="4" max="4" width="17.09765625" style="3" customWidth="1"/>
    <col min="5" max="5" width="14.8984375" style="3" customWidth="1"/>
    <col min="6" max="6" width="14.5" style="3" customWidth="1"/>
    <col min="7" max="11" width="10.8984375" style="3"/>
    <col min="12" max="12" width="10.59765625"/>
    <col min="13" max="13" width="9.3984375" style="3" bestFit="1" customWidth="1"/>
    <col min="14" max="14" width="9.8984375" style="3" bestFit="1" customWidth="1"/>
    <col min="15" max="16384" width="10.8984375" style="3"/>
  </cols>
  <sheetData>
    <row r="1" spans="1:14">
      <c r="A1" s="3" t="s">
        <v>0</v>
      </c>
      <c r="B1" s="1">
        <v>42723</v>
      </c>
      <c r="C1" s="1"/>
    </row>
    <row r="2" spans="1:14">
      <c r="A2" s="3" t="s">
        <v>1</v>
      </c>
      <c r="B2" s="2">
        <v>0.41019675925925925</v>
      </c>
      <c r="C2" s="2"/>
      <c r="D2" s="5">
        <f>B2</f>
        <v>0.41019675925925925</v>
      </c>
    </row>
    <row r="3" spans="1:14">
      <c r="B3" s="2">
        <f>B2</f>
        <v>0.41019675925925925</v>
      </c>
      <c r="C3" s="2"/>
      <c r="D3" s="5">
        <f>B3</f>
        <v>0.41019675925925925</v>
      </c>
    </row>
    <row r="4" spans="1:14">
      <c r="B4" s="3" t="s">
        <v>18</v>
      </c>
      <c r="C4" s="3" t="s">
        <v>1</v>
      </c>
      <c r="D4" s="3" t="s">
        <v>22</v>
      </c>
      <c r="E4" s="3" t="s">
        <v>23</v>
      </c>
      <c r="F4" s="3" t="s">
        <v>24</v>
      </c>
      <c r="G4" s="3" t="s">
        <v>25</v>
      </c>
      <c r="H4" s="3" t="s">
        <v>26</v>
      </c>
      <c r="I4" s="3" t="s">
        <v>27</v>
      </c>
      <c r="J4" s="3" t="s">
        <v>28</v>
      </c>
      <c r="K4" s="3" t="s">
        <v>29</v>
      </c>
    </row>
    <row r="5" spans="1:14">
      <c r="B5" s="3" t="s">
        <v>20</v>
      </c>
      <c r="C5" s="3" t="s">
        <v>19</v>
      </c>
      <c r="D5" s="3" t="s">
        <v>21</v>
      </c>
      <c r="E5" s="3" t="s">
        <v>21</v>
      </c>
      <c r="F5" s="3" t="s">
        <v>21</v>
      </c>
      <c r="G5" s="3" t="s">
        <v>21</v>
      </c>
      <c r="H5" s="3" t="s">
        <v>21</v>
      </c>
      <c r="I5" s="3" t="s">
        <v>21</v>
      </c>
      <c r="J5" s="3" t="s">
        <v>30</v>
      </c>
      <c r="K5" s="3" t="s">
        <v>30</v>
      </c>
    </row>
    <row r="6" spans="1:14">
      <c r="B6" s="2">
        <f t="shared" ref="B6:B69" si="0">C6/24/60/60+$B$2</f>
        <v>0.41019675925925925</v>
      </c>
      <c r="C6">
        <v>0</v>
      </c>
      <c r="D6">
        <v>189.72</v>
      </c>
      <c r="E6">
        <v>354.51</v>
      </c>
      <c r="F6">
        <v>306.23</v>
      </c>
      <c r="G6">
        <v>488.17</v>
      </c>
      <c r="H6">
        <v>205.77</v>
      </c>
      <c r="I6">
        <v>82.13</v>
      </c>
      <c r="J6">
        <v>506</v>
      </c>
      <c r="K6">
        <v>95</v>
      </c>
      <c r="N6" s="11"/>
    </row>
    <row r="7" spans="1:14">
      <c r="B7" s="2">
        <f t="shared" si="0"/>
        <v>0.41054398148148147</v>
      </c>
      <c r="C7">
        <v>30</v>
      </c>
      <c r="D7">
        <v>190.5</v>
      </c>
      <c r="E7">
        <v>356.59</v>
      </c>
      <c r="F7">
        <v>307.72000000000003</v>
      </c>
      <c r="G7">
        <v>490.46</v>
      </c>
      <c r="H7">
        <v>206.8</v>
      </c>
      <c r="I7">
        <v>81.42</v>
      </c>
      <c r="J7">
        <v>507</v>
      </c>
      <c r="K7">
        <v>95</v>
      </c>
      <c r="N7" s="11"/>
    </row>
    <row r="8" spans="1:14">
      <c r="B8" s="2">
        <f t="shared" si="0"/>
        <v>0.41089120370370369</v>
      </c>
      <c r="C8">
        <v>60</v>
      </c>
      <c r="D8">
        <v>192.02</v>
      </c>
      <c r="E8">
        <v>360.68</v>
      </c>
      <c r="F8">
        <v>310.26</v>
      </c>
      <c r="G8">
        <v>494.89</v>
      </c>
      <c r="H8">
        <v>208.73</v>
      </c>
      <c r="I8">
        <v>80.59</v>
      </c>
      <c r="J8">
        <v>509</v>
      </c>
      <c r="K8">
        <v>95</v>
      </c>
      <c r="N8" s="11"/>
    </row>
    <row r="9" spans="1:14">
      <c r="B9" s="2">
        <f t="shared" si="0"/>
        <v>0.41123842592592591</v>
      </c>
      <c r="C9">
        <v>90</v>
      </c>
      <c r="D9">
        <v>193.55</v>
      </c>
      <c r="E9">
        <v>364.73</v>
      </c>
      <c r="F9">
        <v>313.11</v>
      </c>
      <c r="G9">
        <v>499.24</v>
      </c>
      <c r="H9">
        <v>210.72</v>
      </c>
      <c r="I9">
        <v>77.98</v>
      </c>
      <c r="J9">
        <v>512</v>
      </c>
      <c r="K9">
        <v>95</v>
      </c>
      <c r="N9" s="11"/>
    </row>
    <row r="10" spans="1:14">
      <c r="B10" s="2">
        <f t="shared" si="0"/>
        <v>0.41158564814814813</v>
      </c>
      <c r="C10">
        <v>120</v>
      </c>
      <c r="D10">
        <v>194.88</v>
      </c>
      <c r="E10">
        <v>368.69</v>
      </c>
      <c r="F10">
        <v>317.04000000000002</v>
      </c>
      <c r="G10">
        <v>503.51</v>
      </c>
      <c r="H10">
        <v>212.68</v>
      </c>
      <c r="I10">
        <v>80.37</v>
      </c>
      <c r="J10">
        <v>514</v>
      </c>
      <c r="K10">
        <v>95</v>
      </c>
      <c r="N10" s="11"/>
    </row>
    <row r="11" spans="1:14">
      <c r="B11" s="2">
        <f t="shared" si="0"/>
        <v>0.41193287037037035</v>
      </c>
      <c r="C11">
        <v>150</v>
      </c>
      <c r="D11">
        <v>196.36</v>
      </c>
      <c r="E11">
        <v>372.74</v>
      </c>
      <c r="F11">
        <v>319.64999999999998</v>
      </c>
      <c r="G11">
        <v>507.63</v>
      </c>
      <c r="H11">
        <v>214.52</v>
      </c>
      <c r="I11">
        <v>84.4</v>
      </c>
      <c r="J11">
        <v>517</v>
      </c>
      <c r="K11">
        <v>96</v>
      </c>
      <c r="N11" s="11"/>
    </row>
    <row r="12" spans="1:14">
      <c r="B12" s="2">
        <f t="shared" si="0"/>
        <v>0.41228009259259257</v>
      </c>
      <c r="C12">
        <v>180</v>
      </c>
      <c r="D12">
        <v>198.04</v>
      </c>
      <c r="E12">
        <v>376.83</v>
      </c>
      <c r="F12">
        <v>322.19</v>
      </c>
      <c r="G12">
        <v>511.72</v>
      </c>
      <c r="H12">
        <v>216.41</v>
      </c>
      <c r="I12">
        <v>84.41</v>
      </c>
      <c r="J12">
        <v>520</v>
      </c>
      <c r="K12">
        <v>97</v>
      </c>
      <c r="N12" s="11"/>
    </row>
    <row r="13" spans="1:14">
      <c r="B13" s="2">
        <f t="shared" si="0"/>
        <v>0.41262731481481479</v>
      </c>
      <c r="C13">
        <v>210</v>
      </c>
      <c r="D13">
        <v>200.05</v>
      </c>
      <c r="E13">
        <v>380.84</v>
      </c>
      <c r="F13">
        <v>325.16000000000003</v>
      </c>
      <c r="G13">
        <v>515.39</v>
      </c>
      <c r="H13">
        <v>218.14</v>
      </c>
      <c r="I13">
        <v>88.73</v>
      </c>
      <c r="J13">
        <v>523</v>
      </c>
      <c r="K13">
        <v>98</v>
      </c>
      <c r="N13" s="11"/>
    </row>
    <row r="14" spans="1:14">
      <c r="B14" s="2">
        <f t="shared" si="0"/>
        <v>0.41297453703703701</v>
      </c>
      <c r="C14">
        <v>240</v>
      </c>
      <c r="D14">
        <v>202.15</v>
      </c>
      <c r="E14">
        <v>384.84</v>
      </c>
      <c r="F14">
        <v>328.58</v>
      </c>
      <c r="G14">
        <v>516.59</v>
      </c>
      <c r="H14">
        <v>219.65</v>
      </c>
      <c r="I14">
        <v>88.92</v>
      </c>
      <c r="J14">
        <v>526</v>
      </c>
      <c r="K14">
        <v>99</v>
      </c>
      <c r="N14" s="11"/>
    </row>
    <row r="15" spans="1:14">
      <c r="B15" s="2">
        <f t="shared" si="0"/>
        <v>0.41332175925925924</v>
      </c>
      <c r="C15">
        <v>270</v>
      </c>
      <c r="D15">
        <v>204.59</v>
      </c>
      <c r="E15">
        <v>388.79</v>
      </c>
      <c r="F15">
        <v>331.6</v>
      </c>
      <c r="G15">
        <v>515.14</v>
      </c>
      <c r="H15">
        <v>220.99</v>
      </c>
      <c r="I15">
        <v>85.76</v>
      </c>
      <c r="J15">
        <v>529</v>
      </c>
      <c r="K15">
        <v>98</v>
      </c>
      <c r="N15" s="11"/>
    </row>
    <row r="16" spans="1:14">
      <c r="B16" s="2">
        <f t="shared" si="0"/>
        <v>0.41366898148148146</v>
      </c>
      <c r="C16">
        <v>300</v>
      </c>
      <c r="D16">
        <v>207.27</v>
      </c>
      <c r="E16">
        <v>392.85</v>
      </c>
      <c r="F16">
        <v>334.14</v>
      </c>
      <c r="G16">
        <v>511.97</v>
      </c>
      <c r="H16">
        <v>221.61</v>
      </c>
      <c r="I16">
        <v>87.91</v>
      </c>
      <c r="J16">
        <v>532</v>
      </c>
      <c r="K16">
        <v>99</v>
      </c>
      <c r="N16" s="11"/>
    </row>
    <row r="17" spans="2:14">
      <c r="B17" s="2">
        <f t="shared" si="0"/>
        <v>0.41401620370370368</v>
      </c>
      <c r="C17">
        <v>330</v>
      </c>
      <c r="D17">
        <v>210.01</v>
      </c>
      <c r="E17">
        <v>396.69</v>
      </c>
      <c r="F17">
        <v>336.8</v>
      </c>
      <c r="G17">
        <v>507.86</v>
      </c>
      <c r="H17">
        <v>221.52</v>
      </c>
      <c r="I17">
        <v>90.13</v>
      </c>
      <c r="J17">
        <v>535</v>
      </c>
      <c r="K17">
        <v>99</v>
      </c>
      <c r="N17" s="11"/>
    </row>
    <row r="18" spans="2:14">
      <c r="B18" s="2">
        <f t="shared" si="0"/>
        <v>0.4143634259259259</v>
      </c>
      <c r="C18">
        <v>360</v>
      </c>
      <c r="D18">
        <v>212.77</v>
      </c>
      <c r="E18">
        <v>400.61</v>
      </c>
      <c r="F18">
        <v>339.46</v>
      </c>
      <c r="G18">
        <v>503.18</v>
      </c>
      <c r="H18">
        <v>220.97</v>
      </c>
      <c r="I18">
        <v>91.79</v>
      </c>
      <c r="J18">
        <v>538</v>
      </c>
      <c r="K18">
        <v>100</v>
      </c>
      <c r="N18" s="11"/>
    </row>
    <row r="19" spans="2:14">
      <c r="B19" s="2">
        <f t="shared" si="0"/>
        <v>0.41471064814814812</v>
      </c>
      <c r="C19">
        <v>390</v>
      </c>
      <c r="D19">
        <v>215.39</v>
      </c>
      <c r="E19">
        <v>404.68</v>
      </c>
      <c r="F19">
        <v>342.32</v>
      </c>
      <c r="G19">
        <v>498.15</v>
      </c>
      <c r="H19">
        <v>220.12</v>
      </c>
      <c r="I19">
        <v>89.43</v>
      </c>
      <c r="J19">
        <v>541</v>
      </c>
      <c r="K19">
        <v>101</v>
      </c>
      <c r="N19" s="11"/>
    </row>
    <row r="20" spans="2:14">
      <c r="B20" s="2">
        <f t="shared" si="0"/>
        <v>0.41505787037037034</v>
      </c>
      <c r="C20">
        <v>420</v>
      </c>
      <c r="D20">
        <v>218.06</v>
      </c>
      <c r="E20">
        <v>408.44</v>
      </c>
      <c r="F20">
        <v>345.19</v>
      </c>
      <c r="G20">
        <v>493.14</v>
      </c>
      <c r="H20">
        <v>218.83</v>
      </c>
      <c r="I20">
        <v>94.71</v>
      </c>
      <c r="J20">
        <v>545</v>
      </c>
      <c r="K20">
        <v>101</v>
      </c>
      <c r="N20" s="11"/>
    </row>
    <row r="21" spans="2:14">
      <c r="B21" s="2">
        <f t="shared" si="0"/>
        <v>0.41540509259259256</v>
      </c>
      <c r="C21">
        <v>450</v>
      </c>
      <c r="D21">
        <v>220.64</v>
      </c>
      <c r="E21">
        <v>412.4</v>
      </c>
      <c r="F21">
        <v>348.02</v>
      </c>
      <c r="G21">
        <v>487.93</v>
      </c>
      <c r="H21">
        <v>217.18</v>
      </c>
      <c r="I21">
        <v>96.86</v>
      </c>
      <c r="J21">
        <v>548</v>
      </c>
      <c r="K21">
        <v>101</v>
      </c>
      <c r="N21" s="11"/>
    </row>
    <row r="22" spans="2:14">
      <c r="B22" s="2">
        <f t="shared" si="0"/>
        <v>0.41575231481481478</v>
      </c>
      <c r="C22">
        <v>480</v>
      </c>
      <c r="D22">
        <v>223.14</v>
      </c>
      <c r="E22">
        <v>416.32</v>
      </c>
      <c r="F22">
        <v>350.99</v>
      </c>
      <c r="G22">
        <v>482.76</v>
      </c>
      <c r="H22">
        <v>215.37</v>
      </c>
      <c r="I22">
        <v>97.31</v>
      </c>
      <c r="J22">
        <v>553</v>
      </c>
      <c r="K22">
        <v>101</v>
      </c>
      <c r="N22" s="11"/>
    </row>
    <row r="23" spans="2:14">
      <c r="B23" s="2">
        <f t="shared" si="0"/>
        <v>0.416099537037037</v>
      </c>
      <c r="C23">
        <v>510</v>
      </c>
      <c r="D23">
        <v>225.57</v>
      </c>
      <c r="E23">
        <v>420.1</v>
      </c>
      <c r="F23">
        <v>353.73</v>
      </c>
      <c r="G23">
        <v>477.66</v>
      </c>
      <c r="H23">
        <v>213.5</v>
      </c>
      <c r="I23">
        <v>100.35</v>
      </c>
      <c r="J23">
        <v>557</v>
      </c>
      <c r="K23">
        <v>102</v>
      </c>
      <c r="N23" s="11"/>
    </row>
    <row r="24" spans="2:14">
      <c r="B24" s="2">
        <f t="shared" si="0"/>
        <v>0.41644675925925922</v>
      </c>
      <c r="C24">
        <v>540</v>
      </c>
      <c r="D24">
        <v>227.96</v>
      </c>
      <c r="E24">
        <v>424.03</v>
      </c>
      <c r="F24">
        <v>356.7</v>
      </c>
      <c r="G24">
        <v>472.56</v>
      </c>
      <c r="H24">
        <v>211.55</v>
      </c>
      <c r="I24">
        <v>97.63</v>
      </c>
      <c r="J24">
        <v>560</v>
      </c>
      <c r="K24">
        <v>102</v>
      </c>
      <c r="N24" s="11"/>
    </row>
    <row r="25" spans="2:14">
      <c r="B25" s="2">
        <f t="shared" si="0"/>
        <v>0.41679398148148145</v>
      </c>
      <c r="C25">
        <v>570</v>
      </c>
      <c r="D25">
        <v>230.41</v>
      </c>
      <c r="E25">
        <v>427.83</v>
      </c>
      <c r="F25">
        <v>359.61</v>
      </c>
      <c r="G25">
        <v>467.49</v>
      </c>
      <c r="H25">
        <v>209.53</v>
      </c>
      <c r="I25">
        <v>96.29</v>
      </c>
      <c r="J25">
        <v>563</v>
      </c>
      <c r="K25">
        <v>102</v>
      </c>
      <c r="N25" s="11"/>
    </row>
    <row r="26" spans="2:14">
      <c r="B26" s="2">
        <f t="shared" si="0"/>
        <v>0.41714120370370367</v>
      </c>
      <c r="C26">
        <v>600</v>
      </c>
      <c r="D26">
        <v>232.57</v>
      </c>
      <c r="E26">
        <v>431.61</v>
      </c>
      <c r="F26">
        <v>361.95</v>
      </c>
      <c r="G26">
        <v>462.6</v>
      </c>
      <c r="H26">
        <v>207.43</v>
      </c>
      <c r="I26">
        <v>100.15</v>
      </c>
      <c r="J26">
        <v>568</v>
      </c>
      <c r="K26">
        <v>103</v>
      </c>
      <c r="N26" s="11"/>
    </row>
    <row r="27" spans="2:14">
      <c r="B27" s="2">
        <f t="shared" si="0"/>
        <v>0.41748842592592589</v>
      </c>
      <c r="C27">
        <v>630</v>
      </c>
      <c r="D27">
        <v>234.59</v>
      </c>
      <c r="E27">
        <v>435.63</v>
      </c>
      <c r="F27">
        <v>365.33</v>
      </c>
      <c r="G27">
        <v>457.76</v>
      </c>
      <c r="H27">
        <v>205.39</v>
      </c>
      <c r="I27">
        <v>99.95</v>
      </c>
      <c r="J27">
        <v>571</v>
      </c>
      <c r="K27">
        <v>104</v>
      </c>
      <c r="N27" s="11"/>
    </row>
    <row r="28" spans="2:14">
      <c r="B28" s="2">
        <f t="shared" si="0"/>
        <v>0.41783564814814811</v>
      </c>
      <c r="C28">
        <v>660</v>
      </c>
      <c r="D28">
        <v>236.64</v>
      </c>
      <c r="E28">
        <v>439.42</v>
      </c>
      <c r="F28">
        <v>368.33</v>
      </c>
      <c r="G28">
        <v>452.97</v>
      </c>
      <c r="H28">
        <v>203.29</v>
      </c>
      <c r="I28">
        <v>106.02</v>
      </c>
      <c r="J28">
        <v>574</v>
      </c>
      <c r="K28">
        <v>104</v>
      </c>
      <c r="N28" s="11"/>
    </row>
    <row r="29" spans="2:14">
      <c r="B29" s="2">
        <f t="shared" si="0"/>
        <v>0.41818287037037039</v>
      </c>
      <c r="C29">
        <v>690</v>
      </c>
      <c r="D29">
        <v>238.49</v>
      </c>
      <c r="E29">
        <v>442.87</v>
      </c>
      <c r="F29">
        <v>370.26</v>
      </c>
      <c r="G29">
        <v>448.62</v>
      </c>
      <c r="H29">
        <v>201.1</v>
      </c>
      <c r="I29">
        <v>108.6</v>
      </c>
      <c r="J29">
        <v>578</v>
      </c>
      <c r="K29">
        <v>104</v>
      </c>
      <c r="N29" s="11"/>
    </row>
    <row r="30" spans="2:14">
      <c r="B30" s="2">
        <f t="shared" si="0"/>
        <v>0.41853009259259261</v>
      </c>
      <c r="C30">
        <v>720</v>
      </c>
      <c r="D30">
        <v>240.28</v>
      </c>
      <c r="E30">
        <v>446.67</v>
      </c>
      <c r="F30">
        <v>373.42</v>
      </c>
      <c r="G30">
        <v>445.19</v>
      </c>
      <c r="H30">
        <v>198.93</v>
      </c>
      <c r="I30">
        <v>104.38</v>
      </c>
      <c r="J30">
        <v>582</v>
      </c>
      <c r="K30">
        <v>103</v>
      </c>
      <c r="N30" s="11"/>
    </row>
    <row r="31" spans="2:14">
      <c r="B31" s="2">
        <f t="shared" si="0"/>
        <v>0.41887731481481483</v>
      </c>
      <c r="C31">
        <v>750</v>
      </c>
      <c r="D31">
        <v>241.97</v>
      </c>
      <c r="E31">
        <v>450.26</v>
      </c>
      <c r="F31">
        <v>376.35</v>
      </c>
      <c r="G31">
        <v>442.8</v>
      </c>
      <c r="H31">
        <v>197.19</v>
      </c>
      <c r="I31">
        <v>106.19</v>
      </c>
      <c r="J31">
        <v>585</v>
      </c>
      <c r="K31">
        <v>104</v>
      </c>
      <c r="N31" s="11"/>
    </row>
    <row r="32" spans="2:14">
      <c r="B32" s="2">
        <f t="shared" si="0"/>
        <v>0.41922453703703705</v>
      </c>
      <c r="C32">
        <v>780</v>
      </c>
      <c r="D32">
        <v>243.56</v>
      </c>
      <c r="E32">
        <v>454.11</v>
      </c>
      <c r="F32">
        <v>378.62</v>
      </c>
      <c r="G32">
        <v>441.77</v>
      </c>
      <c r="H32">
        <v>195.58</v>
      </c>
      <c r="I32">
        <v>114.11</v>
      </c>
      <c r="J32">
        <v>587</v>
      </c>
      <c r="K32">
        <v>104</v>
      </c>
      <c r="N32" s="11"/>
    </row>
    <row r="33" spans="2:14">
      <c r="B33" s="2">
        <f t="shared" si="0"/>
        <v>0.41957175925925927</v>
      </c>
      <c r="C33">
        <v>810</v>
      </c>
      <c r="D33">
        <v>245.33</v>
      </c>
      <c r="E33">
        <v>457.63</v>
      </c>
      <c r="F33">
        <v>380.86</v>
      </c>
      <c r="G33">
        <v>441.96</v>
      </c>
      <c r="H33">
        <v>194.18</v>
      </c>
      <c r="I33">
        <v>110.14</v>
      </c>
      <c r="J33">
        <v>590</v>
      </c>
      <c r="K33">
        <v>104</v>
      </c>
      <c r="N33" s="11"/>
    </row>
    <row r="34" spans="2:14">
      <c r="B34" s="2">
        <f t="shared" si="0"/>
        <v>0.41991898148148149</v>
      </c>
      <c r="C34">
        <v>840</v>
      </c>
      <c r="D34">
        <v>246.88</v>
      </c>
      <c r="E34">
        <v>461.3</v>
      </c>
      <c r="F34">
        <v>383.09</v>
      </c>
      <c r="G34">
        <v>443.2</v>
      </c>
      <c r="H34">
        <v>193.1</v>
      </c>
      <c r="I34">
        <v>109.15</v>
      </c>
      <c r="J34">
        <v>592</v>
      </c>
      <c r="K34">
        <v>104</v>
      </c>
      <c r="N34" s="11"/>
    </row>
    <row r="35" spans="2:14">
      <c r="B35" s="2">
        <f t="shared" si="0"/>
        <v>0.42026620370370371</v>
      </c>
      <c r="C35">
        <v>870</v>
      </c>
      <c r="D35">
        <v>248.35</v>
      </c>
      <c r="E35">
        <v>464.79</v>
      </c>
      <c r="F35">
        <v>385.73</v>
      </c>
      <c r="G35">
        <v>445.37</v>
      </c>
      <c r="H35">
        <v>192.5</v>
      </c>
      <c r="I35">
        <v>110.28</v>
      </c>
      <c r="J35">
        <v>593</v>
      </c>
      <c r="K35">
        <v>104</v>
      </c>
      <c r="N35" s="11"/>
    </row>
    <row r="36" spans="2:14">
      <c r="B36" s="2">
        <f t="shared" si="0"/>
        <v>0.42061342592592593</v>
      </c>
      <c r="C36">
        <v>900</v>
      </c>
      <c r="D36">
        <v>249.91</v>
      </c>
      <c r="E36">
        <v>468.45</v>
      </c>
      <c r="F36">
        <v>388.19</v>
      </c>
      <c r="G36">
        <v>448.13</v>
      </c>
      <c r="H36">
        <v>192.2</v>
      </c>
      <c r="I36">
        <v>110.8</v>
      </c>
      <c r="J36">
        <v>596</v>
      </c>
      <c r="K36">
        <v>103</v>
      </c>
      <c r="N36" s="11"/>
    </row>
    <row r="37" spans="2:14">
      <c r="B37" s="2">
        <f t="shared" si="0"/>
        <v>0.42096064814814815</v>
      </c>
      <c r="C37">
        <v>930</v>
      </c>
      <c r="D37">
        <v>251.62</v>
      </c>
      <c r="E37">
        <v>471.89</v>
      </c>
      <c r="F37">
        <v>390.67</v>
      </c>
      <c r="G37">
        <v>450.93</v>
      </c>
      <c r="H37">
        <v>192.26</v>
      </c>
      <c r="I37">
        <v>112.14</v>
      </c>
      <c r="J37">
        <v>598</v>
      </c>
      <c r="K37">
        <v>102</v>
      </c>
      <c r="N37" s="11"/>
    </row>
    <row r="38" spans="2:14">
      <c r="B38" s="2">
        <f t="shared" si="0"/>
        <v>0.42130787037037037</v>
      </c>
      <c r="C38">
        <v>960</v>
      </c>
      <c r="D38">
        <v>252.96</v>
      </c>
      <c r="E38">
        <v>475.48</v>
      </c>
      <c r="F38">
        <v>393.73</v>
      </c>
      <c r="G38">
        <v>452.63</v>
      </c>
      <c r="H38">
        <v>192.6</v>
      </c>
      <c r="I38">
        <v>110.58</v>
      </c>
      <c r="J38">
        <v>600</v>
      </c>
      <c r="K38">
        <v>101</v>
      </c>
      <c r="N38" s="11"/>
    </row>
    <row r="39" spans="2:14">
      <c r="B39" s="2">
        <f t="shared" si="0"/>
        <v>0.4216550925925926</v>
      </c>
      <c r="C39">
        <v>990</v>
      </c>
      <c r="D39">
        <v>254.29</v>
      </c>
      <c r="E39">
        <v>478.98</v>
      </c>
      <c r="F39">
        <v>395.85</v>
      </c>
      <c r="G39">
        <v>452.93</v>
      </c>
      <c r="H39">
        <v>192.85</v>
      </c>
      <c r="I39">
        <v>117.07</v>
      </c>
      <c r="J39">
        <v>602</v>
      </c>
      <c r="K39">
        <v>99</v>
      </c>
      <c r="N39" s="11"/>
    </row>
    <row r="40" spans="2:14">
      <c r="B40" s="2">
        <f t="shared" si="0"/>
        <v>0.42200231481481482</v>
      </c>
      <c r="C40">
        <v>1020</v>
      </c>
      <c r="D40">
        <v>255.82</v>
      </c>
      <c r="E40">
        <v>482.51</v>
      </c>
      <c r="F40">
        <v>398.7</v>
      </c>
      <c r="G40">
        <v>451.71</v>
      </c>
      <c r="H40">
        <v>192.65</v>
      </c>
      <c r="I40">
        <v>111.82</v>
      </c>
      <c r="J40">
        <v>604</v>
      </c>
      <c r="K40">
        <v>99</v>
      </c>
      <c r="N40" s="11"/>
    </row>
    <row r="41" spans="2:14">
      <c r="B41" s="2">
        <f t="shared" si="0"/>
        <v>0.42234953703703704</v>
      </c>
      <c r="C41">
        <v>1050</v>
      </c>
      <c r="D41">
        <v>257.66000000000003</v>
      </c>
      <c r="E41">
        <v>485.84</v>
      </c>
      <c r="F41">
        <v>401.47</v>
      </c>
      <c r="G41">
        <v>449.44</v>
      </c>
      <c r="H41">
        <v>192.42</v>
      </c>
      <c r="I41">
        <v>115.67</v>
      </c>
      <c r="J41">
        <v>606</v>
      </c>
      <c r="K41">
        <v>100</v>
      </c>
      <c r="N41" s="11"/>
    </row>
    <row r="42" spans="2:14">
      <c r="B42" s="2">
        <f t="shared" si="0"/>
        <v>0.42269675925925926</v>
      </c>
      <c r="C42">
        <v>1080</v>
      </c>
      <c r="D42">
        <v>259.61</v>
      </c>
      <c r="E42">
        <v>489.05</v>
      </c>
      <c r="F42">
        <v>403.36</v>
      </c>
      <c r="G42">
        <v>446.28</v>
      </c>
      <c r="H42">
        <v>191.91</v>
      </c>
      <c r="I42">
        <v>118.28</v>
      </c>
      <c r="J42">
        <v>608</v>
      </c>
      <c r="K42">
        <v>100</v>
      </c>
      <c r="N42" s="11"/>
    </row>
    <row r="43" spans="2:14">
      <c r="B43" s="2">
        <f t="shared" si="0"/>
        <v>0.42304398148148148</v>
      </c>
      <c r="C43">
        <v>1110</v>
      </c>
      <c r="D43">
        <v>262.08999999999997</v>
      </c>
      <c r="E43">
        <v>492.62</v>
      </c>
      <c r="F43">
        <v>406.57</v>
      </c>
      <c r="G43">
        <v>442.63</v>
      </c>
      <c r="H43">
        <v>191.08</v>
      </c>
      <c r="I43">
        <v>116.68</v>
      </c>
      <c r="J43">
        <v>610</v>
      </c>
      <c r="K43">
        <v>100</v>
      </c>
      <c r="N43" s="11"/>
    </row>
    <row r="44" spans="2:14">
      <c r="B44" s="2">
        <f t="shared" si="0"/>
        <v>0.4233912037037037</v>
      </c>
      <c r="C44">
        <v>1140</v>
      </c>
      <c r="D44">
        <v>264.77</v>
      </c>
      <c r="E44">
        <v>496.08</v>
      </c>
      <c r="F44">
        <v>409.46</v>
      </c>
      <c r="G44">
        <v>438.96</v>
      </c>
      <c r="H44">
        <v>190.14</v>
      </c>
      <c r="I44">
        <v>118.55</v>
      </c>
      <c r="J44">
        <v>612</v>
      </c>
      <c r="K44">
        <v>100</v>
      </c>
      <c r="N44" s="11"/>
    </row>
    <row r="45" spans="2:14">
      <c r="B45" s="2">
        <f t="shared" si="0"/>
        <v>0.42373842592592592</v>
      </c>
      <c r="C45">
        <v>1170</v>
      </c>
      <c r="D45">
        <v>267.43</v>
      </c>
      <c r="E45">
        <v>499.26</v>
      </c>
      <c r="F45">
        <v>412.05</v>
      </c>
      <c r="G45">
        <v>435.22</v>
      </c>
      <c r="H45">
        <v>188.9</v>
      </c>
      <c r="I45">
        <v>121.68</v>
      </c>
      <c r="J45">
        <v>614</v>
      </c>
      <c r="K45">
        <v>101</v>
      </c>
      <c r="N45" s="11"/>
    </row>
    <row r="46" spans="2:14">
      <c r="B46" s="2">
        <f t="shared" si="0"/>
        <v>0.42408564814814814</v>
      </c>
      <c r="C46">
        <v>1200</v>
      </c>
      <c r="D46">
        <v>270.16000000000003</v>
      </c>
      <c r="E46">
        <v>502.56</v>
      </c>
      <c r="F46">
        <v>413.8</v>
      </c>
      <c r="G46">
        <v>431.52</v>
      </c>
      <c r="H46">
        <v>187.74</v>
      </c>
      <c r="I46">
        <v>118.54</v>
      </c>
      <c r="J46">
        <v>617</v>
      </c>
      <c r="K46">
        <v>102</v>
      </c>
      <c r="N46" s="11"/>
    </row>
    <row r="47" spans="2:14">
      <c r="B47" s="2">
        <f t="shared" si="0"/>
        <v>0.42443287037037036</v>
      </c>
      <c r="C47">
        <v>1230</v>
      </c>
      <c r="D47">
        <v>272.98</v>
      </c>
      <c r="E47">
        <v>505.62</v>
      </c>
      <c r="F47">
        <v>416.39</v>
      </c>
      <c r="G47">
        <v>428.41</v>
      </c>
      <c r="H47">
        <v>186.35</v>
      </c>
      <c r="I47">
        <v>126.98</v>
      </c>
      <c r="J47">
        <v>619</v>
      </c>
      <c r="K47">
        <v>102</v>
      </c>
      <c r="N47" s="11"/>
    </row>
    <row r="48" spans="2:14">
      <c r="B48" s="2">
        <f t="shared" si="0"/>
        <v>0.42478009259259258</v>
      </c>
      <c r="C48">
        <v>1260</v>
      </c>
      <c r="D48">
        <v>275.93</v>
      </c>
      <c r="E48">
        <v>508.75</v>
      </c>
      <c r="F48">
        <v>418.69</v>
      </c>
      <c r="G48">
        <v>425.93</v>
      </c>
      <c r="H48">
        <v>184.94</v>
      </c>
      <c r="I48">
        <v>122.24</v>
      </c>
      <c r="J48">
        <v>621</v>
      </c>
      <c r="K48">
        <v>103</v>
      </c>
      <c r="N48" s="11"/>
    </row>
    <row r="49" spans="2:14">
      <c r="B49" s="2">
        <f t="shared" si="0"/>
        <v>0.42512731481481481</v>
      </c>
      <c r="C49">
        <v>1290</v>
      </c>
      <c r="D49">
        <v>278.48</v>
      </c>
      <c r="E49">
        <v>511.8</v>
      </c>
      <c r="F49">
        <v>421.2</v>
      </c>
      <c r="G49">
        <v>424.14</v>
      </c>
      <c r="H49">
        <v>183.48</v>
      </c>
      <c r="I49">
        <v>127.76</v>
      </c>
      <c r="J49">
        <v>622</v>
      </c>
      <c r="K49">
        <v>104</v>
      </c>
      <c r="N49" s="11"/>
    </row>
    <row r="50" spans="2:14">
      <c r="B50" s="2">
        <f t="shared" si="0"/>
        <v>0.42547453703703703</v>
      </c>
      <c r="C50">
        <v>1320</v>
      </c>
      <c r="D50">
        <v>280.77999999999997</v>
      </c>
      <c r="E50">
        <v>514.62</v>
      </c>
      <c r="F50">
        <v>423.78</v>
      </c>
      <c r="G50">
        <v>423.48</v>
      </c>
      <c r="H50">
        <v>182.4</v>
      </c>
      <c r="I50">
        <v>126.64</v>
      </c>
      <c r="J50">
        <v>624</v>
      </c>
      <c r="K50">
        <v>104</v>
      </c>
      <c r="N50" s="11"/>
    </row>
    <row r="51" spans="2:14">
      <c r="B51" s="2">
        <f t="shared" si="0"/>
        <v>0.42582175925925925</v>
      </c>
      <c r="C51">
        <v>1350</v>
      </c>
      <c r="D51">
        <v>283.11</v>
      </c>
      <c r="E51">
        <v>517.58000000000004</v>
      </c>
      <c r="F51">
        <v>425.73</v>
      </c>
      <c r="G51">
        <v>423.57</v>
      </c>
      <c r="H51">
        <v>181.88</v>
      </c>
      <c r="I51">
        <v>136.03</v>
      </c>
      <c r="J51">
        <v>626</v>
      </c>
      <c r="K51">
        <v>104</v>
      </c>
      <c r="N51" s="11"/>
    </row>
    <row r="52" spans="2:14">
      <c r="B52" s="2">
        <f t="shared" si="0"/>
        <v>0.42616898148148147</v>
      </c>
      <c r="C52">
        <v>1380</v>
      </c>
      <c r="D52">
        <v>285.5</v>
      </c>
      <c r="E52">
        <v>520.30999999999995</v>
      </c>
      <c r="F52">
        <v>427.28</v>
      </c>
      <c r="G52">
        <v>424.58</v>
      </c>
      <c r="H52">
        <v>181.17</v>
      </c>
      <c r="I52">
        <v>132.5</v>
      </c>
      <c r="J52">
        <v>628</v>
      </c>
      <c r="K52">
        <v>104</v>
      </c>
      <c r="N52" s="11"/>
    </row>
    <row r="53" spans="2:14">
      <c r="B53" s="2">
        <f t="shared" si="0"/>
        <v>0.42651620370370369</v>
      </c>
      <c r="C53">
        <v>1410</v>
      </c>
      <c r="D53">
        <v>287.61</v>
      </c>
      <c r="E53">
        <v>523.23</v>
      </c>
      <c r="F53">
        <v>430.29</v>
      </c>
      <c r="G53">
        <v>426.43</v>
      </c>
      <c r="H53">
        <v>180.64</v>
      </c>
      <c r="I53">
        <v>136.29</v>
      </c>
      <c r="J53">
        <v>630</v>
      </c>
      <c r="K53">
        <v>104</v>
      </c>
      <c r="N53" s="11"/>
    </row>
    <row r="54" spans="2:14">
      <c r="B54" s="2">
        <f t="shared" si="0"/>
        <v>0.42686342592592591</v>
      </c>
      <c r="C54">
        <v>1440</v>
      </c>
      <c r="D54">
        <v>289.72000000000003</v>
      </c>
      <c r="E54">
        <v>525.77</v>
      </c>
      <c r="F54">
        <v>432.42</v>
      </c>
      <c r="G54">
        <v>428.72</v>
      </c>
      <c r="H54">
        <v>180.36</v>
      </c>
      <c r="I54">
        <v>134.01</v>
      </c>
      <c r="J54">
        <v>631</v>
      </c>
      <c r="K54">
        <v>103</v>
      </c>
      <c r="N54" s="11"/>
    </row>
    <row r="55" spans="2:14">
      <c r="B55" s="2">
        <f t="shared" si="0"/>
        <v>0.42721064814814813</v>
      </c>
      <c r="C55">
        <v>1470</v>
      </c>
      <c r="D55">
        <v>291.95</v>
      </c>
      <c r="E55">
        <v>528.35</v>
      </c>
      <c r="F55">
        <v>435.29</v>
      </c>
      <c r="G55">
        <v>431.19</v>
      </c>
      <c r="H55">
        <v>180.32</v>
      </c>
      <c r="I55">
        <v>131.88</v>
      </c>
      <c r="J55">
        <v>633</v>
      </c>
      <c r="K55">
        <v>104</v>
      </c>
      <c r="N55" s="11"/>
    </row>
    <row r="56" spans="2:14">
      <c r="B56" s="2">
        <f t="shared" si="0"/>
        <v>0.42755787037037035</v>
      </c>
      <c r="C56">
        <v>1500</v>
      </c>
      <c r="D56">
        <v>293.88</v>
      </c>
      <c r="E56">
        <v>530.94000000000005</v>
      </c>
      <c r="F56">
        <v>436.85</v>
      </c>
      <c r="G56">
        <v>433.13</v>
      </c>
      <c r="H56">
        <v>180.45</v>
      </c>
      <c r="I56">
        <v>138.13</v>
      </c>
      <c r="J56">
        <v>633</v>
      </c>
      <c r="K56">
        <v>104</v>
      </c>
      <c r="N56" s="11"/>
    </row>
    <row r="57" spans="2:14">
      <c r="B57" s="2">
        <f t="shared" si="0"/>
        <v>0.42790509259259257</v>
      </c>
      <c r="C57">
        <v>1530</v>
      </c>
      <c r="D57">
        <v>295.82</v>
      </c>
      <c r="E57">
        <v>533.38</v>
      </c>
      <c r="F57">
        <v>439.92</v>
      </c>
      <c r="G57">
        <v>433.73</v>
      </c>
      <c r="H57">
        <v>180.66</v>
      </c>
      <c r="I57">
        <v>138.13</v>
      </c>
      <c r="J57">
        <v>635</v>
      </c>
      <c r="K57">
        <v>104</v>
      </c>
      <c r="N57" s="11"/>
    </row>
    <row r="58" spans="2:14">
      <c r="B58" s="2">
        <f t="shared" si="0"/>
        <v>0.42825231481481479</v>
      </c>
      <c r="C58">
        <v>1560</v>
      </c>
      <c r="D58">
        <v>297.83</v>
      </c>
      <c r="E58">
        <v>535.80999999999995</v>
      </c>
      <c r="F58">
        <v>442.35</v>
      </c>
      <c r="G58">
        <v>433.08</v>
      </c>
      <c r="H58">
        <v>180.73</v>
      </c>
      <c r="I58">
        <v>142.59</v>
      </c>
      <c r="J58">
        <v>635</v>
      </c>
      <c r="K58">
        <v>105</v>
      </c>
      <c r="N58" s="11"/>
    </row>
    <row r="59" spans="2:14">
      <c r="B59" s="2">
        <f t="shared" si="0"/>
        <v>0.42859953703703701</v>
      </c>
      <c r="C59">
        <v>1590</v>
      </c>
      <c r="D59">
        <v>299.56</v>
      </c>
      <c r="E59">
        <v>538.14</v>
      </c>
      <c r="F59">
        <v>444.71</v>
      </c>
      <c r="G59">
        <v>431.2</v>
      </c>
      <c r="H59">
        <v>180.57</v>
      </c>
      <c r="I59">
        <v>141.05000000000001</v>
      </c>
      <c r="J59">
        <v>637</v>
      </c>
      <c r="K59">
        <v>106</v>
      </c>
      <c r="N59" s="11"/>
    </row>
    <row r="60" spans="2:14">
      <c r="B60" s="2">
        <f t="shared" si="0"/>
        <v>0.42894675925925924</v>
      </c>
      <c r="C60">
        <v>1620</v>
      </c>
      <c r="D60">
        <v>301.29000000000002</v>
      </c>
      <c r="E60">
        <v>540.57000000000005</v>
      </c>
      <c r="F60">
        <v>446.11</v>
      </c>
      <c r="G60">
        <v>428.46</v>
      </c>
      <c r="H60">
        <v>180.13</v>
      </c>
      <c r="I60">
        <v>142.49</v>
      </c>
      <c r="J60">
        <v>639</v>
      </c>
      <c r="K60">
        <v>106</v>
      </c>
      <c r="N60" s="11"/>
    </row>
    <row r="61" spans="2:14">
      <c r="B61" s="2">
        <f t="shared" si="0"/>
        <v>0.42929398148148146</v>
      </c>
      <c r="C61">
        <v>1650</v>
      </c>
      <c r="D61">
        <v>303.27</v>
      </c>
      <c r="E61">
        <v>542.53</v>
      </c>
      <c r="F61">
        <v>448.3</v>
      </c>
      <c r="G61">
        <v>425.53</v>
      </c>
      <c r="H61">
        <v>179.69</v>
      </c>
      <c r="I61">
        <v>140.63999999999999</v>
      </c>
      <c r="J61">
        <v>640</v>
      </c>
      <c r="K61">
        <v>106</v>
      </c>
      <c r="N61" s="11"/>
    </row>
    <row r="62" spans="2:14">
      <c r="B62" s="2">
        <f t="shared" si="0"/>
        <v>0.42964120370370368</v>
      </c>
      <c r="C62">
        <v>1680</v>
      </c>
      <c r="D62">
        <v>305.01</v>
      </c>
      <c r="E62">
        <v>544.45000000000005</v>
      </c>
      <c r="F62">
        <v>450.29</v>
      </c>
      <c r="G62">
        <v>422.03</v>
      </c>
      <c r="H62">
        <v>179.11</v>
      </c>
      <c r="I62">
        <v>149.83000000000001</v>
      </c>
      <c r="J62">
        <v>642</v>
      </c>
      <c r="K62">
        <v>107</v>
      </c>
      <c r="N62" s="11"/>
    </row>
    <row r="63" spans="2:14">
      <c r="B63" s="2">
        <f t="shared" si="0"/>
        <v>0.4299884259259259</v>
      </c>
      <c r="C63">
        <v>1710</v>
      </c>
      <c r="D63">
        <v>306.81</v>
      </c>
      <c r="E63">
        <v>546.64</v>
      </c>
      <c r="F63">
        <v>452.25</v>
      </c>
      <c r="G63">
        <v>418.36</v>
      </c>
      <c r="H63">
        <v>178.12</v>
      </c>
      <c r="I63">
        <v>146.61000000000001</v>
      </c>
      <c r="J63">
        <v>644</v>
      </c>
      <c r="K63">
        <v>107</v>
      </c>
      <c r="N63" s="11"/>
    </row>
    <row r="64" spans="2:14">
      <c r="B64" s="2">
        <f t="shared" si="0"/>
        <v>0.43033564814814812</v>
      </c>
      <c r="C64">
        <v>1740</v>
      </c>
      <c r="D64">
        <v>308.52999999999997</v>
      </c>
      <c r="E64">
        <v>548.69000000000005</v>
      </c>
      <c r="F64">
        <v>454.52</v>
      </c>
      <c r="G64">
        <v>415.03</v>
      </c>
      <c r="H64">
        <v>176.86</v>
      </c>
      <c r="I64">
        <v>149.35</v>
      </c>
      <c r="J64">
        <v>646</v>
      </c>
      <c r="K64">
        <v>106</v>
      </c>
      <c r="N64" s="11"/>
    </row>
    <row r="65" spans="2:14">
      <c r="B65" s="2">
        <f t="shared" si="0"/>
        <v>0.43068287037037034</v>
      </c>
      <c r="C65">
        <v>1770</v>
      </c>
      <c r="D65">
        <v>309.83</v>
      </c>
      <c r="E65">
        <v>550.84</v>
      </c>
      <c r="F65">
        <v>456.88</v>
      </c>
      <c r="G65">
        <v>411.95</v>
      </c>
      <c r="H65">
        <v>175.68</v>
      </c>
      <c r="I65">
        <v>152.15</v>
      </c>
      <c r="J65">
        <v>648</v>
      </c>
      <c r="K65">
        <v>107</v>
      </c>
      <c r="N65" s="11"/>
    </row>
    <row r="66" spans="2:14">
      <c r="B66" s="2">
        <f t="shared" si="0"/>
        <v>0.43103009259259256</v>
      </c>
      <c r="C66">
        <v>1800</v>
      </c>
      <c r="D66">
        <v>311.18</v>
      </c>
      <c r="E66">
        <v>552.89</v>
      </c>
      <c r="F66">
        <v>459.13</v>
      </c>
      <c r="G66">
        <v>409.59</v>
      </c>
      <c r="H66">
        <v>174.56</v>
      </c>
      <c r="I66">
        <v>145.27000000000001</v>
      </c>
      <c r="J66">
        <v>650</v>
      </c>
      <c r="K66">
        <v>107</v>
      </c>
      <c r="N66" s="11"/>
    </row>
    <row r="67" spans="2:14">
      <c r="B67" s="2">
        <f t="shared" si="0"/>
        <v>0.43137731481481478</v>
      </c>
      <c r="C67">
        <v>1830</v>
      </c>
      <c r="D67">
        <v>312.75</v>
      </c>
      <c r="E67">
        <v>554.87</v>
      </c>
      <c r="F67">
        <v>461.31</v>
      </c>
      <c r="G67">
        <v>408.13</v>
      </c>
      <c r="H67">
        <v>173.4</v>
      </c>
      <c r="I67">
        <v>154.97</v>
      </c>
      <c r="J67">
        <v>652</v>
      </c>
      <c r="K67">
        <v>108</v>
      </c>
      <c r="N67" s="11"/>
    </row>
    <row r="68" spans="2:14">
      <c r="B68" s="2">
        <f t="shared" si="0"/>
        <v>0.431724537037037</v>
      </c>
      <c r="C68">
        <v>1860</v>
      </c>
      <c r="D68">
        <v>314.25</v>
      </c>
      <c r="E68">
        <v>556.71</v>
      </c>
      <c r="F68">
        <v>463.64</v>
      </c>
      <c r="G68">
        <v>407.47</v>
      </c>
      <c r="H68">
        <v>172.38</v>
      </c>
      <c r="I68">
        <v>152.13999999999999</v>
      </c>
      <c r="J68">
        <v>654</v>
      </c>
      <c r="K68">
        <v>108</v>
      </c>
      <c r="N68" s="11"/>
    </row>
    <row r="69" spans="2:14">
      <c r="B69" s="2">
        <f t="shared" si="0"/>
        <v>0.43207175925925922</v>
      </c>
      <c r="C69">
        <v>1890</v>
      </c>
      <c r="D69">
        <v>315.68</v>
      </c>
      <c r="E69">
        <v>558.41</v>
      </c>
      <c r="F69">
        <v>465.82</v>
      </c>
      <c r="G69">
        <v>408.08</v>
      </c>
      <c r="H69">
        <v>171.75</v>
      </c>
      <c r="I69">
        <v>154.86000000000001</v>
      </c>
      <c r="J69">
        <v>655</v>
      </c>
      <c r="K69">
        <v>108</v>
      </c>
      <c r="N69" s="11"/>
    </row>
    <row r="70" spans="2:14">
      <c r="B70" s="2">
        <f t="shared" ref="B70:B133" si="1">C70/24/60/60+$B$2</f>
        <v>0.43241898148148145</v>
      </c>
      <c r="C70">
        <v>1920</v>
      </c>
      <c r="D70">
        <v>317.08</v>
      </c>
      <c r="E70">
        <v>559.98</v>
      </c>
      <c r="F70">
        <v>468.11</v>
      </c>
      <c r="G70">
        <v>409.77</v>
      </c>
      <c r="H70">
        <v>171.35</v>
      </c>
      <c r="I70">
        <v>151.38</v>
      </c>
      <c r="J70">
        <v>657</v>
      </c>
      <c r="K70">
        <v>109</v>
      </c>
      <c r="N70" s="11"/>
    </row>
    <row r="71" spans="2:14">
      <c r="B71" s="2">
        <f t="shared" si="1"/>
        <v>0.43276620370370367</v>
      </c>
      <c r="C71">
        <v>1950</v>
      </c>
      <c r="D71">
        <v>318.58</v>
      </c>
      <c r="E71">
        <v>561.62</v>
      </c>
      <c r="F71">
        <v>469.67</v>
      </c>
      <c r="G71">
        <v>412.31</v>
      </c>
      <c r="H71">
        <v>171.1</v>
      </c>
      <c r="I71">
        <v>155.4</v>
      </c>
      <c r="J71">
        <v>659</v>
      </c>
      <c r="K71">
        <v>109</v>
      </c>
      <c r="N71" s="11"/>
    </row>
    <row r="72" spans="2:14">
      <c r="B72" s="2">
        <f t="shared" si="1"/>
        <v>0.43311342592592589</v>
      </c>
      <c r="C72">
        <v>1980</v>
      </c>
      <c r="D72">
        <v>319.75</v>
      </c>
      <c r="E72">
        <v>563.5</v>
      </c>
      <c r="F72">
        <v>471.4</v>
      </c>
      <c r="G72">
        <v>415.45</v>
      </c>
      <c r="H72">
        <v>171.15</v>
      </c>
      <c r="I72">
        <v>160.72</v>
      </c>
      <c r="J72">
        <v>661</v>
      </c>
      <c r="K72">
        <v>109</v>
      </c>
      <c r="N72" s="11"/>
    </row>
    <row r="73" spans="2:14">
      <c r="B73" s="2">
        <f t="shared" si="1"/>
        <v>0.43346064814814811</v>
      </c>
      <c r="C73">
        <v>2010</v>
      </c>
      <c r="D73">
        <v>321.02</v>
      </c>
      <c r="E73">
        <v>565.09</v>
      </c>
      <c r="F73">
        <v>473.54</v>
      </c>
      <c r="G73">
        <v>418.77</v>
      </c>
      <c r="H73">
        <v>171.46</v>
      </c>
      <c r="I73">
        <v>153.88999999999999</v>
      </c>
      <c r="J73">
        <v>664</v>
      </c>
      <c r="K73">
        <v>109</v>
      </c>
      <c r="N73" s="11"/>
    </row>
    <row r="74" spans="2:14">
      <c r="B74" s="2">
        <f t="shared" si="1"/>
        <v>0.43380787037037039</v>
      </c>
      <c r="C74">
        <v>2040</v>
      </c>
      <c r="D74">
        <v>322.24</v>
      </c>
      <c r="E74">
        <v>566.62</v>
      </c>
      <c r="F74">
        <v>475.44</v>
      </c>
      <c r="G74">
        <v>421.27</v>
      </c>
      <c r="H74">
        <v>172.04</v>
      </c>
      <c r="I74">
        <v>161.99</v>
      </c>
      <c r="J74">
        <v>666</v>
      </c>
      <c r="K74">
        <v>108</v>
      </c>
      <c r="N74" s="11"/>
    </row>
    <row r="75" spans="2:14">
      <c r="B75" s="2">
        <f t="shared" si="1"/>
        <v>0.43415509259259261</v>
      </c>
      <c r="C75">
        <v>2070</v>
      </c>
      <c r="D75">
        <v>323.62</v>
      </c>
      <c r="E75">
        <v>568.19000000000005</v>
      </c>
      <c r="F75">
        <v>476.73</v>
      </c>
      <c r="G75">
        <v>422.13</v>
      </c>
      <c r="H75">
        <v>172.75</v>
      </c>
      <c r="I75">
        <v>155.38999999999999</v>
      </c>
      <c r="J75">
        <v>668</v>
      </c>
      <c r="K75">
        <v>111</v>
      </c>
      <c r="N75" s="11"/>
    </row>
    <row r="76" spans="2:14">
      <c r="B76" s="2">
        <f t="shared" si="1"/>
        <v>0.43450231481481483</v>
      </c>
      <c r="C76">
        <v>2100</v>
      </c>
      <c r="D76">
        <v>324.86</v>
      </c>
      <c r="E76">
        <v>569.53</v>
      </c>
      <c r="F76">
        <v>478.17</v>
      </c>
      <c r="G76">
        <v>421.51</v>
      </c>
      <c r="H76">
        <v>173.31</v>
      </c>
      <c r="I76">
        <v>155.80000000000001</v>
      </c>
      <c r="J76">
        <v>670</v>
      </c>
      <c r="K76">
        <v>111</v>
      </c>
      <c r="N76" s="11"/>
    </row>
    <row r="77" spans="2:14">
      <c r="B77" s="2">
        <f t="shared" si="1"/>
        <v>0.43484953703703705</v>
      </c>
      <c r="C77">
        <v>2130</v>
      </c>
      <c r="D77">
        <v>325.83</v>
      </c>
      <c r="E77">
        <v>570.74</v>
      </c>
      <c r="F77">
        <v>480.93</v>
      </c>
      <c r="G77">
        <v>420.1</v>
      </c>
      <c r="H77">
        <v>173.44</v>
      </c>
      <c r="I77">
        <v>162.71</v>
      </c>
      <c r="J77">
        <v>672</v>
      </c>
      <c r="K77">
        <v>110</v>
      </c>
      <c r="N77" s="11"/>
    </row>
    <row r="78" spans="2:14">
      <c r="B78" s="2">
        <f t="shared" si="1"/>
        <v>0.43519675925925927</v>
      </c>
      <c r="C78">
        <v>2160</v>
      </c>
      <c r="D78">
        <v>326.77</v>
      </c>
      <c r="E78">
        <v>571.98</v>
      </c>
      <c r="F78">
        <v>482.28</v>
      </c>
      <c r="G78">
        <v>417.56</v>
      </c>
      <c r="H78">
        <v>173.4</v>
      </c>
      <c r="I78">
        <v>156.35</v>
      </c>
      <c r="J78">
        <v>674</v>
      </c>
      <c r="K78">
        <v>109</v>
      </c>
      <c r="N78" s="11"/>
    </row>
    <row r="79" spans="2:14">
      <c r="B79" s="2">
        <f t="shared" si="1"/>
        <v>0.43554398148148149</v>
      </c>
      <c r="C79">
        <v>2190</v>
      </c>
      <c r="D79">
        <v>327.8</v>
      </c>
      <c r="E79">
        <v>573.03</v>
      </c>
      <c r="F79">
        <v>484.26</v>
      </c>
      <c r="G79">
        <v>414.77</v>
      </c>
      <c r="H79">
        <v>173</v>
      </c>
      <c r="I79">
        <v>160.88999999999999</v>
      </c>
      <c r="J79">
        <v>677</v>
      </c>
      <c r="K79">
        <v>108</v>
      </c>
      <c r="N79" s="11"/>
    </row>
    <row r="80" spans="2:14">
      <c r="B80" s="2">
        <f t="shared" si="1"/>
        <v>0.43589120370370371</v>
      </c>
      <c r="C80">
        <v>2220</v>
      </c>
      <c r="D80">
        <v>328.69</v>
      </c>
      <c r="E80">
        <v>574.29</v>
      </c>
      <c r="F80">
        <v>486.53</v>
      </c>
      <c r="G80">
        <v>411.7</v>
      </c>
      <c r="H80">
        <v>172.3</v>
      </c>
      <c r="I80">
        <v>160.88999999999999</v>
      </c>
      <c r="J80">
        <v>679</v>
      </c>
      <c r="K80">
        <v>107</v>
      </c>
      <c r="N80" s="11"/>
    </row>
    <row r="81" spans="2:14">
      <c r="B81" s="2">
        <f t="shared" si="1"/>
        <v>0.43623842592592593</v>
      </c>
      <c r="C81">
        <v>2250</v>
      </c>
      <c r="D81">
        <v>329.77</v>
      </c>
      <c r="E81">
        <v>575.20000000000005</v>
      </c>
      <c r="F81">
        <v>487.65</v>
      </c>
      <c r="G81">
        <v>408.07</v>
      </c>
      <c r="H81">
        <v>171.44</v>
      </c>
      <c r="I81">
        <v>170.72</v>
      </c>
      <c r="J81">
        <v>681</v>
      </c>
      <c r="K81">
        <v>107</v>
      </c>
      <c r="N81" s="11"/>
    </row>
    <row r="82" spans="2:14">
      <c r="B82" s="2">
        <f t="shared" si="1"/>
        <v>0.43658564814814815</v>
      </c>
      <c r="C82">
        <v>2280</v>
      </c>
      <c r="D82">
        <v>330.96</v>
      </c>
      <c r="E82">
        <v>575.99</v>
      </c>
      <c r="F82">
        <v>488.91</v>
      </c>
      <c r="G82">
        <v>404.63</v>
      </c>
      <c r="H82">
        <v>170.41</v>
      </c>
      <c r="I82">
        <v>169.06</v>
      </c>
      <c r="J82">
        <v>683</v>
      </c>
      <c r="K82">
        <v>107</v>
      </c>
      <c r="N82" s="11"/>
    </row>
    <row r="83" spans="2:14">
      <c r="B83" s="2">
        <f t="shared" si="1"/>
        <v>0.43693287037037037</v>
      </c>
      <c r="C83">
        <v>2310</v>
      </c>
      <c r="D83">
        <v>332.04</v>
      </c>
      <c r="E83">
        <v>576.86</v>
      </c>
      <c r="F83">
        <v>490.3</v>
      </c>
      <c r="G83">
        <v>401.57</v>
      </c>
      <c r="H83">
        <v>169.35</v>
      </c>
      <c r="I83">
        <v>162.5</v>
      </c>
      <c r="J83">
        <v>685</v>
      </c>
      <c r="K83">
        <v>107</v>
      </c>
      <c r="N83" s="11"/>
    </row>
    <row r="84" spans="2:14">
      <c r="B84" s="2">
        <f t="shared" si="1"/>
        <v>0.4372800925925926</v>
      </c>
      <c r="C84">
        <v>2340</v>
      </c>
      <c r="D84">
        <v>332.96</v>
      </c>
      <c r="E84">
        <v>577.6</v>
      </c>
      <c r="F84">
        <v>491.87</v>
      </c>
      <c r="G84">
        <v>399.02</v>
      </c>
      <c r="H84">
        <v>168.32</v>
      </c>
      <c r="I84">
        <v>164.35</v>
      </c>
      <c r="J84">
        <v>688</v>
      </c>
      <c r="K84">
        <v>106</v>
      </c>
      <c r="N84" s="11"/>
    </row>
    <row r="85" spans="2:14">
      <c r="B85" s="2">
        <f t="shared" si="1"/>
        <v>0.43762731481481482</v>
      </c>
      <c r="C85">
        <v>2370</v>
      </c>
      <c r="D85">
        <v>333.98</v>
      </c>
      <c r="E85">
        <v>578.52</v>
      </c>
      <c r="F85">
        <v>493.43</v>
      </c>
      <c r="G85">
        <v>397.05</v>
      </c>
      <c r="H85">
        <v>167.3</v>
      </c>
      <c r="I85">
        <v>177.42</v>
      </c>
      <c r="J85">
        <v>689</v>
      </c>
      <c r="K85">
        <v>107</v>
      </c>
      <c r="N85" s="11"/>
    </row>
    <row r="86" spans="2:14">
      <c r="B86" s="2">
        <f t="shared" si="1"/>
        <v>0.43797453703703704</v>
      </c>
      <c r="C86">
        <v>2400</v>
      </c>
      <c r="D86">
        <v>334.85</v>
      </c>
      <c r="E86">
        <v>579.23</v>
      </c>
      <c r="F86">
        <v>494.71</v>
      </c>
      <c r="G86">
        <v>395.77</v>
      </c>
      <c r="H86">
        <v>166.47</v>
      </c>
      <c r="I86">
        <v>179.52</v>
      </c>
      <c r="J86">
        <v>692</v>
      </c>
      <c r="K86">
        <v>106</v>
      </c>
      <c r="N86" s="11"/>
    </row>
    <row r="87" spans="2:14">
      <c r="B87" s="2">
        <f t="shared" si="1"/>
        <v>0.43832175925925926</v>
      </c>
      <c r="C87">
        <v>2430</v>
      </c>
      <c r="D87">
        <v>335.71</v>
      </c>
      <c r="E87">
        <v>579.91999999999996</v>
      </c>
      <c r="F87">
        <v>496.19</v>
      </c>
      <c r="G87">
        <v>395.77</v>
      </c>
      <c r="H87">
        <v>165.73</v>
      </c>
      <c r="I87">
        <v>181.8</v>
      </c>
      <c r="J87">
        <v>694</v>
      </c>
      <c r="K87">
        <v>106</v>
      </c>
      <c r="N87" s="11"/>
    </row>
    <row r="88" spans="2:14">
      <c r="B88" s="2">
        <f t="shared" si="1"/>
        <v>0.43866898148148148</v>
      </c>
      <c r="C88">
        <v>2460</v>
      </c>
      <c r="D88">
        <v>336.3</v>
      </c>
      <c r="E88">
        <v>580.39</v>
      </c>
      <c r="F88">
        <v>497.63</v>
      </c>
      <c r="G88">
        <v>396.59</v>
      </c>
      <c r="H88">
        <v>165.21</v>
      </c>
      <c r="I88">
        <v>169.87</v>
      </c>
      <c r="J88">
        <v>696</v>
      </c>
      <c r="K88">
        <v>107</v>
      </c>
      <c r="N88" s="11"/>
    </row>
    <row r="89" spans="2:14">
      <c r="B89" s="2">
        <f t="shared" si="1"/>
        <v>0.4390162037037037</v>
      </c>
      <c r="C89">
        <v>2490</v>
      </c>
      <c r="D89">
        <v>337.17</v>
      </c>
      <c r="E89">
        <v>580.85</v>
      </c>
      <c r="F89">
        <v>498.76</v>
      </c>
      <c r="G89">
        <v>398.47</v>
      </c>
      <c r="H89">
        <v>165.03</v>
      </c>
      <c r="I89">
        <v>179</v>
      </c>
      <c r="J89">
        <v>699</v>
      </c>
      <c r="K89">
        <v>106</v>
      </c>
      <c r="N89" s="11"/>
    </row>
    <row r="90" spans="2:14">
      <c r="B90" s="2">
        <f t="shared" si="1"/>
        <v>0.43936342592592592</v>
      </c>
      <c r="C90">
        <v>2520</v>
      </c>
      <c r="D90">
        <v>338.24</v>
      </c>
      <c r="E90">
        <v>581.11</v>
      </c>
      <c r="F90">
        <v>500.15</v>
      </c>
      <c r="G90">
        <v>401.3</v>
      </c>
      <c r="H90">
        <v>165.12</v>
      </c>
      <c r="I90">
        <v>179.03</v>
      </c>
      <c r="J90">
        <v>701</v>
      </c>
      <c r="K90">
        <v>106</v>
      </c>
      <c r="N90" s="11"/>
    </row>
    <row r="91" spans="2:14">
      <c r="B91" s="2">
        <f t="shared" si="1"/>
        <v>0.43971064814814814</v>
      </c>
      <c r="C91">
        <v>2550</v>
      </c>
      <c r="D91">
        <v>339.09</v>
      </c>
      <c r="E91">
        <v>581.59</v>
      </c>
      <c r="F91">
        <v>501.37</v>
      </c>
      <c r="G91">
        <v>404.62</v>
      </c>
      <c r="H91">
        <v>165.49</v>
      </c>
      <c r="I91">
        <v>181.2</v>
      </c>
      <c r="J91">
        <v>703</v>
      </c>
      <c r="K91">
        <v>107</v>
      </c>
      <c r="N91" s="11"/>
    </row>
    <row r="92" spans="2:14">
      <c r="B92" s="2">
        <f t="shared" si="1"/>
        <v>0.44005787037037036</v>
      </c>
      <c r="C92">
        <v>2580</v>
      </c>
      <c r="D92">
        <v>339.85</v>
      </c>
      <c r="E92">
        <v>581.99</v>
      </c>
      <c r="F92">
        <v>502.49</v>
      </c>
      <c r="G92">
        <v>407.67</v>
      </c>
      <c r="H92">
        <v>166.1</v>
      </c>
      <c r="I92">
        <v>182.81</v>
      </c>
      <c r="J92">
        <v>706</v>
      </c>
      <c r="K92">
        <v>107</v>
      </c>
      <c r="N92" s="11"/>
    </row>
    <row r="93" spans="2:14">
      <c r="B93" s="2">
        <f t="shared" si="1"/>
        <v>0.44040509259259258</v>
      </c>
      <c r="C93">
        <v>2610</v>
      </c>
      <c r="D93">
        <v>340.49</v>
      </c>
      <c r="E93">
        <v>582.57000000000005</v>
      </c>
      <c r="F93">
        <v>503.53</v>
      </c>
      <c r="G93">
        <v>409.66</v>
      </c>
      <c r="H93">
        <v>166.76</v>
      </c>
      <c r="I93">
        <v>183.9</v>
      </c>
      <c r="J93">
        <v>708</v>
      </c>
      <c r="K93">
        <v>106</v>
      </c>
      <c r="N93" s="11"/>
    </row>
    <row r="94" spans="2:14">
      <c r="B94" s="2">
        <f t="shared" si="1"/>
        <v>0.44075231481481481</v>
      </c>
      <c r="C94">
        <v>2640</v>
      </c>
      <c r="D94">
        <v>340.91</v>
      </c>
      <c r="E94">
        <v>582.87</v>
      </c>
      <c r="F94">
        <v>504.36</v>
      </c>
      <c r="G94">
        <v>410.24</v>
      </c>
      <c r="H94">
        <v>167.18</v>
      </c>
      <c r="I94">
        <v>186.58</v>
      </c>
      <c r="J94">
        <v>711</v>
      </c>
      <c r="K94">
        <v>107</v>
      </c>
      <c r="N94" s="11"/>
    </row>
    <row r="95" spans="2:14">
      <c r="B95" s="2">
        <f t="shared" si="1"/>
        <v>0.44109953703703703</v>
      </c>
      <c r="C95">
        <v>2670</v>
      </c>
      <c r="D95">
        <v>341.13</v>
      </c>
      <c r="E95">
        <v>583.04999999999995</v>
      </c>
      <c r="F95">
        <v>505.66</v>
      </c>
      <c r="G95">
        <v>409.55</v>
      </c>
      <c r="H95">
        <v>167.7</v>
      </c>
      <c r="I95">
        <v>190.68</v>
      </c>
      <c r="J95">
        <v>712</v>
      </c>
      <c r="K95">
        <v>108</v>
      </c>
      <c r="N95" s="11"/>
    </row>
    <row r="96" spans="2:14">
      <c r="B96" s="2">
        <f t="shared" si="1"/>
        <v>0.44144675925925925</v>
      </c>
      <c r="C96">
        <v>2700</v>
      </c>
      <c r="D96">
        <v>341.13</v>
      </c>
      <c r="E96">
        <v>583.33000000000004</v>
      </c>
      <c r="F96">
        <v>507.08</v>
      </c>
      <c r="G96">
        <v>407.83</v>
      </c>
      <c r="H96">
        <v>167.93</v>
      </c>
      <c r="I96">
        <v>192.24</v>
      </c>
      <c r="J96">
        <v>714</v>
      </c>
      <c r="K96">
        <v>108</v>
      </c>
      <c r="N96" s="11"/>
    </row>
    <row r="97" spans="2:14">
      <c r="B97" s="2">
        <f t="shared" si="1"/>
        <v>0.44179398148148147</v>
      </c>
      <c r="C97">
        <v>2730</v>
      </c>
      <c r="D97">
        <v>341.13</v>
      </c>
      <c r="E97">
        <v>583.64</v>
      </c>
      <c r="F97">
        <v>508.28</v>
      </c>
      <c r="G97">
        <v>405.38</v>
      </c>
      <c r="H97">
        <v>167.75</v>
      </c>
      <c r="I97">
        <v>190.6</v>
      </c>
      <c r="J97">
        <v>716</v>
      </c>
      <c r="K97">
        <v>109</v>
      </c>
      <c r="N97" s="11"/>
    </row>
    <row r="98" spans="2:14">
      <c r="B98" s="2">
        <f t="shared" si="1"/>
        <v>0.44214120370370369</v>
      </c>
      <c r="C98">
        <v>2760</v>
      </c>
      <c r="D98">
        <v>341.36</v>
      </c>
      <c r="E98">
        <v>583.91</v>
      </c>
      <c r="F98">
        <v>509.65</v>
      </c>
      <c r="G98">
        <v>402.41</v>
      </c>
      <c r="H98">
        <v>167.45</v>
      </c>
      <c r="I98">
        <v>190.72</v>
      </c>
      <c r="J98">
        <v>719</v>
      </c>
      <c r="K98">
        <v>109</v>
      </c>
      <c r="N98" s="11"/>
    </row>
    <row r="99" spans="2:14">
      <c r="B99" s="2">
        <f t="shared" si="1"/>
        <v>0.44248842592592591</v>
      </c>
      <c r="C99">
        <v>2790</v>
      </c>
      <c r="D99">
        <v>341.59</v>
      </c>
      <c r="E99">
        <v>584.03</v>
      </c>
      <c r="F99">
        <v>510.92</v>
      </c>
      <c r="G99">
        <v>399.34</v>
      </c>
      <c r="H99">
        <v>166.88</v>
      </c>
      <c r="I99">
        <v>190.35</v>
      </c>
      <c r="J99">
        <v>722</v>
      </c>
      <c r="K99">
        <v>109</v>
      </c>
      <c r="N99" s="11"/>
    </row>
    <row r="100" spans="2:14">
      <c r="B100" s="2">
        <f t="shared" si="1"/>
        <v>0.44283564814814813</v>
      </c>
      <c r="C100">
        <v>2820</v>
      </c>
      <c r="D100">
        <v>341.84</v>
      </c>
      <c r="E100">
        <v>584.16</v>
      </c>
      <c r="F100">
        <v>511.64</v>
      </c>
      <c r="G100">
        <v>396.01</v>
      </c>
      <c r="H100">
        <v>166.01</v>
      </c>
      <c r="I100">
        <v>199.05</v>
      </c>
      <c r="J100">
        <v>724</v>
      </c>
      <c r="K100">
        <v>109</v>
      </c>
      <c r="N100" s="11"/>
    </row>
    <row r="101" spans="2:14">
      <c r="B101" s="2">
        <f t="shared" si="1"/>
        <v>0.44318287037037035</v>
      </c>
      <c r="C101">
        <v>2850</v>
      </c>
      <c r="D101">
        <v>341.9</v>
      </c>
      <c r="E101">
        <v>584.30999999999995</v>
      </c>
      <c r="F101">
        <v>512.53</v>
      </c>
      <c r="G101">
        <v>392.83</v>
      </c>
      <c r="H101">
        <v>165.38</v>
      </c>
      <c r="I101">
        <v>198.46</v>
      </c>
      <c r="J101">
        <v>727</v>
      </c>
      <c r="K101">
        <v>110</v>
      </c>
      <c r="N101" s="11"/>
    </row>
    <row r="102" spans="2:14">
      <c r="B102" s="2">
        <f t="shared" si="1"/>
        <v>0.44353009259259257</v>
      </c>
      <c r="C102">
        <v>2880</v>
      </c>
      <c r="D102">
        <v>342.37</v>
      </c>
      <c r="E102">
        <v>584.41999999999996</v>
      </c>
      <c r="F102">
        <v>513.34</v>
      </c>
      <c r="G102">
        <v>390.21</v>
      </c>
      <c r="H102">
        <v>164.49</v>
      </c>
      <c r="I102">
        <v>200.01</v>
      </c>
      <c r="J102">
        <v>729</v>
      </c>
      <c r="K102">
        <v>110</v>
      </c>
      <c r="N102" s="11"/>
    </row>
    <row r="103" spans="2:14">
      <c r="B103" s="2">
        <f t="shared" si="1"/>
        <v>0.44387731481481479</v>
      </c>
      <c r="C103">
        <v>2910</v>
      </c>
      <c r="D103">
        <v>343.06</v>
      </c>
      <c r="E103">
        <v>584.61</v>
      </c>
      <c r="F103">
        <v>514.49</v>
      </c>
      <c r="G103">
        <v>388.14</v>
      </c>
      <c r="H103">
        <v>163.75</v>
      </c>
      <c r="I103">
        <v>205.76</v>
      </c>
      <c r="J103">
        <v>732</v>
      </c>
      <c r="K103">
        <v>110</v>
      </c>
      <c r="N103" s="11"/>
    </row>
    <row r="104" spans="2:14">
      <c r="B104" s="2">
        <f t="shared" si="1"/>
        <v>0.44422453703703701</v>
      </c>
      <c r="C104">
        <v>2940</v>
      </c>
      <c r="D104">
        <v>343.74</v>
      </c>
      <c r="E104">
        <v>584.61</v>
      </c>
      <c r="F104">
        <v>515.02</v>
      </c>
      <c r="G104">
        <v>386.62</v>
      </c>
      <c r="H104">
        <v>163.09</v>
      </c>
      <c r="I104">
        <v>202.65</v>
      </c>
      <c r="J104">
        <v>734</v>
      </c>
      <c r="K104">
        <v>111</v>
      </c>
      <c r="N104" s="11"/>
    </row>
    <row r="105" spans="2:14">
      <c r="B105" s="2">
        <f t="shared" si="1"/>
        <v>0.44457175925925924</v>
      </c>
      <c r="C105">
        <v>2970</v>
      </c>
      <c r="D105">
        <v>344.44</v>
      </c>
      <c r="E105">
        <v>584.6</v>
      </c>
      <c r="F105">
        <v>515.79999999999995</v>
      </c>
      <c r="G105">
        <v>385.67</v>
      </c>
      <c r="H105">
        <v>162.69999999999999</v>
      </c>
      <c r="I105">
        <v>203.42</v>
      </c>
      <c r="J105">
        <v>733</v>
      </c>
      <c r="K105">
        <v>112</v>
      </c>
      <c r="N105" s="11"/>
    </row>
    <row r="106" spans="2:14">
      <c r="B106" s="2">
        <f t="shared" si="1"/>
        <v>0.44491898148148146</v>
      </c>
      <c r="C106">
        <v>3000</v>
      </c>
      <c r="D106">
        <v>345.11</v>
      </c>
      <c r="E106">
        <v>584.66999999999996</v>
      </c>
      <c r="F106">
        <v>516.65</v>
      </c>
      <c r="G106">
        <v>385.9</v>
      </c>
      <c r="H106">
        <v>162.47999999999999</v>
      </c>
      <c r="I106">
        <v>212.57</v>
      </c>
      <c r="J106">
        <v>735</v>
      </c>
      <c r="K106">
        <v>111</v>
      </c>
      <c r="N106" s="11"/>
    </row>
    <row r="107" spans="2:14">
      <c r="B107" s="2">
        <f t="shared" si="1"/>
        <v>0.44526620370370368</v>
      </c>
      <c r="C107">
        <v>3030</v>
      </c>
      <c r="D107">
        <v>345.63</v>
      </c>
      <c r="E107">
        <v>584.83000000000004</v>
      </c>
      <c r="F107">
        <v>517.5</v>
      </c>
      <c r="G107">
        <v>387.28</v>
      </c>
      <c r="H107">
        <v>162.46</v>
      </c>
      <c r="I107">
        <v>214.83</v>
      </c>
      <c r="J107">
        <v>737</v>
      </c>
      <c r="K107">
        <v>110</v>
      </c>
      <c r="N107" s="11"/>
    </row>
    <row r="108" spans="2:14">
      <c r="B108" s="2">
        <f t="shared" si="1"/>
        <v>0.4456134259259259</v>
      </c>
      <c r="C108">
        <v>3060</v>
      </c>
      <c r="D108">
        <v>346.05</v>
      </c>
      <c r="E108">
        <v>585.04</v>
      </c>
      <c r="F108">
        <v>518.08000000000004</v>
      </c>
      <c r="G108">
        <v>389.55</v>
      </c>
      <c r="H108">
        <v>162.41</v>
      </c>
      <c r="I108">
        <v>204.76</v>
      </c>
      <c r="J108">
        <v>740</v>
      </c>
      <c r="K108">
        <v>111</v>
      </c>
      <c r="N108" s="11"/>
    </row>
    <row r="109" spans="2:14">
      <c r="B109" s="2">
        <f t="shared" si="1"/>
        <v>0.44596064814814812</v>
      </c>
      <c r="C109">
        <v>3090</v>
      </c>
      <c r="D109">
        <v>346.5</v>
      </c>
      <c r="E109">
        <v>585.19000000000005</v>
      </c>
      <c r="F109">
        <v>519.13</v>
      </c>
      <c r="G109">
        <v>392.18</v>
      </c>
      <c r="H109">
        <v>162.69999999999999</v>
      </c>
      <c r="I109">
        <v>208.2</v>
      </c>
      <c r="J109">
        <v>743</v>
      </c>
      <c r="K109">
        <v>111</v>
      </c>
      <c r="N109" s="11"/>
    </row>
    <row r="110" spans="2:14">
      <c r="B110" s="2">
        <f t="shared" si="1"/>
        <v>0.44630787037037034</v>
      </c>
      <c r="C110">
        <v>3120</v>
      </c>
      <c r="D110">
        <v>346.86</v>
      </c>
      <c r="E110">
        <v>585.22</v>
      </c>
      <c r="F110">
        <v>519.86</v>
      </c>
      <c r="G110">
        <v>395.45</v>
      </c>
      <c r="H110">
        <v>163.22</v>
      </c>
      <c r="I110">
        <v>203.82</v>
      </c>
      <c r="J110">
        <v>745</v>
      </c>
      <c r="K110">
        <v>111</v>
      </c>
      <c r="N110" s="11"/>
    </row>
    <row r="111" spans="2:14">
      <c r="B111" s="2">
        <f t="shared" si="1"/>
        <v>0.44665509259259256</v>
      </c>
      <c r="C111">
        <v>3150</v>
      </c>
      <c r="D111">
        <v>347.07</v>
      </c>
      <c r="E111">
        <v>585.04999999999995</v>
      </c>
      <c r="F111">
        <v>520.44000000000005</v>
      </c>
      <c r="G111">
        <v>398.59</v>
      </c>
      <c r="H111">
        <v>163.72</v>
      </c>
      <c r="I111">
        <v>208.26</v>
      </c>
      <c r="J111">
        <v>748</v>
      </c>
      <c r="K111">
        <v>110</v>
      </c>
      <c r="N111" s="11"/>
    </row>
    <row r="112" spans="2:14">
      <c r="B112" s="2">
        <f t="shared" si="1"/>
        <v>0.44700231481481478</v>
      </c>
      <c r="C112">
        <v>3180</v>
      </c>
      <c r="D112">
        <v>347.36</v>
      </c>
      <c r="E112">
        <v>584.9</v>
      </c>
      <c r="F112">
        <v>520.91999999999996</v>
      </c>
      <c r="G112">
        <v>400.26</v>
      </c>
      <c r="H112">
        <v>164.16</v>
      </c>
      <c r="I112">
        <v>210.22</v>
      </c>
      <c r="J112">
        <v>751</v>
      </c>
      <c r="K112">
        <v>111</v>
      </c>
      <c r="N112" s="11"/>
    </row>
    <row r="113" spans="2:14">
      <c r="B113" s="2">
        <f t="shared" si="1"/>
        <v>0.447349537037037</v>
      </c>
      <c r="C113">
        <v>3210</v>
      </c>
      <c r="D113">
        <v>347.5</v>
      </c>
      <c r="E113">
        <v>585.20000000000005</v>
      </c>
      <c r="F113">
        <v>521.73</v>
      </c>
      <c r="G113">
        <v>400.36</v>
      </c>
      <c r="H113">
        <v>164.78</v>
      </c>
      <c r="I113">
        <v>211.16</v>
      </c>
      <c r="J113">
        <v>753</v>
      </c>
      <c r="K113">
        <v>109</v>
      </c>
      <c r="N113" s="11"/>
    </row>
    <row r="114" spans="2:14">
      <c r="B114" s="2">
        <f t="shared" si="1"/>
        <v>0.44769675925925922</v>
      </c>
      <c r="C114">
        <v>3240</v>
      </c>
      <c r="D114">
        <v>347.54</v>
      </c>
      <c r="E114">
        <v>585.13</v>
      </c>
      <c r="F114">
        <v>522.30999999999995</v>
      </c>
      <c r="G114">
        <v>399.18</v>
      </c>
      <c r="H114">
        <v>165.07</v>
      </c>
      <c r="I114">
        <v>214.79</v>
      </c>
      <c r="J114">
        <v>755</v>
      </c>
      <c r="K114">
        <v>108</v>
      </c>
      <c r="N114" s="11"/>
    </row>
    <row r="115" spans="2:14">
      <c r="B115" s="2">
        <f t="shared" si="1"/>
        <v>0.4480439814814815</v>
      </c>
      <c r="C115">
        <v>3270</v>
      </c>
      <c r="D115">
        <v>347.61</v>
      </c>
      <c r="E115">
        <v>585.16999999999996</v>
      </c>
      <c r="F115">
        <v>522.94000000000005</v>
      </c>
      <c r="G115">
        <v>397.4</v>
      </c>
      <c r="H115">
        <v>164.95</v>
      </c>
      <c r="I115">
        <v>232.47</v>
      </c>
      <c r="J115">
        <v>757</v>
      </c>
      <c r="K115">
        <v>109</v>
      </c>
      <c r="N115" s="11"/>
    </row>
    <row r="116" spans="2:14">
      <c r="B116" s="2">
        <f t="shared" si="1"/>
        <v>0.44839120370370367</v>
      </c>
      <c r="C116">
        <v>3300</v>
      </c>
      <c r="D116">
        <v>347.58</v>
      </c>
      <c r="E116">
        <v>585.17999999999995</v>
      </c>
      <c r="F116">
        <v>523.42999999999995</v>
      </c>
      <c r="G116">
        <v>394.7</v>
      </c>
      <c r="H116">
        <v>164.8</v>
      </c>
      <c r="I116">
        <v>220.93</v>
      </c>
      <c r="J116">
        <v>760</v>
      </c>
      <c r="K116">
        <v>108</v>
      </c>
      <c r="N116" s="11"/>
    </row>
    <row r="117" spans="2:14">
      <c r="B117" s="2">
        <f t="shared" si="1"/>
        <v>0.44873842592592594</v>
      </c>
      <c r="C117">
        <v>3330</v>
      </c>
      <c r="D117">
        <v>347.66</v>
      </c>
      <c r="E117">
        <v>585.11</v>
      </c>
      <c r="F117">
        <v>523.94000000000005</v>
      </c>
      <c r="G117">
        <v>391.98</v>
      </c>
      <c r="H117">
        <v>164.29</v>
      </c>
      <c r="I117">
        <v>228.52</v>
      </c>
      <c r="J117">
        <v>762</v>
      </c>
      <c r="K117">
        <v>107</v>
      </c>
      <c r="N117" s="11"/>
    </row>
    <row r="118" spans="2:14">
      <c r="B118" s="2">
        <f t="shared" si="1"/>
        <v>0.44908564814814811</v>
      </c>
      <c r="C118">
        <v>3360</v>
      </c>
      <c r="D118">
        <v>347.59</v>
      </c>
      <c r="E118">
        <v>585.08000000000004</v>
      </c>
      <c r="F118">
        <v>524.27</v>
      </c>
      <c r="G118">
        <v>388.96</v>
      </c>
      <c r="H118">
        <v>163.79</v>
      </c>
      <c r="I118">
        <v>231.5</v>
      </c>
      <c r="J118">
        <v>765</v>
      </c>
      <c r="K118">
        <v>106</v>
      </c>
      <c r="N118" s="11"/>
    </row>
    <row r="119" spans="2:14">
      <c r="B119" s="2">
        <f t="shared" si="1"/>
        <v>0.44943287037037039</v>
      </c>
      <c r="C119">
        <v>3390</v>
      </c>
      <c r="D119">
        <v>347.68</v>
      </c>
      <c r="E119">
        <v>585.25</v>
      </c>
      <c r="F119">
        <v>524.66999999999996</v>
      </c>
      <c r="G119">
        <v>385.79</v>
      </c>
      <c r="H119">
        <v>163.05000000000001</v>
      </c>
      <c r="I119">
        <v>233.1</v>
      </c>
      <c r="J119">
        <v>767</v>
      </c>
      <c r="K119">
        <v>106</v>
      </c>
      <c r="N119" s="11"/>
    </row>
    <row r="120" spans="2:14">
      <c r="B120" s="2">
        <f t="shared" si="1"/>
        <v>0.44978009259259255</v>
      </c>
      <c r="C120">
        <v>3420</v>
      </c>
      <c r="D120">
        <v>348.43</v>
      </c>
      <c r="E120">
        <v>585.34</v>
      </c>
      <c r="F120">
        <v>525.25</v>
      </c>
      <c r="G120">
        <v>383.17</v>
      </c>
      <c r="H120">
        <v>162.11000000000001</v>
      </c>
      <c r="I120">
        <v>228.1</v>
      </c>
      <c r="J120">
        <v>769</v>
      </c>
      <c r="K120">
        <v>106</v>
      </c>
      <c r="N120" s="11"/>
    </row>
    <row r="121" spans="2:14">
      <c r="B121" s="2">
        <f t="shared" si="1"/>
        <v>0.45012731481481483</v>
      </c>
      <c r="C121">
        <v>3450</v>
      </c>
      <c r="D121">
        <v>349.01</v>
      </c>
      <c r="E121">
        <v>585.34</v>
      </c>
      <c r="F121">
        <v>525.9</v>
      </c>
      <c r="G121">
        <v>380.65</v>
      </c>
      <c r="H121">
        <v>161.13999999999999</v>
      </c>
      <c r="I121">
        <v>243.14</v>
      </c>
      <c r="J121">
        <v>771</v>
      </c>
      <c r="K121">
        <v>106</v>
      </c>
      <c r="N121" s="11"/>
    </row>
    <row r="122" spans="2:14">
      <c r="B122" s="2">
        <f t="shared" si="1"/>
        <v>0.45047453703703699</v>
      </c>
      <c r="C122">
        <v>3480</v>
      </c>
      <c r="D122">
        <v>349.76</v>
      </c>
      <c r="E122">
        <v>585.30999999999995</v>
      </c>
      <c r="F122">
        <v>526.29999999999995</v>
      </c>
      <c r="G122">
        <v>379.25</v>
      </c>
      <c r="H122">
        <v>160.22999999999999</v>
      </c>
      <c r="I122">
        <v>239.6</v>
      </c>
      <c r="J122">
        <v>774</v>
      </c>
      <c r="K122">
        <v>106</v>
      </c>
      <c r="N122" s="11"/>
    </row>
    <row r="123" spans="2:14">
      <c r="B123" s="2">
        <f t="shared" si="1"/>
        <v>0.45082175925925927</v>
      </c>
      <c r="C123">
        <v>3510</v>
      </c>
      <c r="D123">
        <v>350.49</v>
      </c>
      <c r="E123">
        <v>585.33000000000004</v>
      </c>
      <c r="F123">
        <v>526.62</v>
      </c>
      <c r="G123">
        <v>378.41</v>
      </c>
      <c r="H123">
        <v>159.59</v>
      </c>
      <c r="I123">
        <v>225.78</v>
      </c>
      <c r="J123">
        <v>773</v>
      </c>
      <c r="K123">
        <v>106</v>
      </c>
      <c r="N123" s="11"/>
    </row>
    <row r="124" spans="2:14">
      <c r="B124" s="2">
        <f t="shared" si="1"/>
        <v>0.45116898148148149</v>
      </c>
      <c r="C124">
        <v>3540</v>
      </c>
      <c r="D124">
        <v>350.98</v>
      </c>
      <c r="E124">
        <v>585.4</v>
      </c>
      <c r="F124">
        <v>527.12</v>
      </c>
      <c r="G124">
        <v>378.56</v>
      </c>
      <c r="H124">
        <v>159.15</v>
      </c>
      <c r="I124">
        <v>235.57</v>
      </c>
      <c r="J124">
        <v>775</v>
      </c>
      <c r="K124">
        <v>107</v>
      </c>
      <c r="N124" s="11"/>
    </row>
    <row r="125" spans="2:14">
      <c r="B125" s="2">
        <f t="shared" si="1"/>
        <v>0.45151620370370371</v>
      </c>
      <c r="C125">
        <v>3570</v>
      </c>
      <c r="D125">
        <v>351.33</v>
      </c>
      <c r="E125">
        <v>585.35</v>
      </c>
      <c r="F125">
        <v>527.71</v>
      </c>
      <c r="G125">
        <v>379.86</v>
      </c>
      <c r="H125">
        <v>158.93</v>
      </c>
      <c r="I125">
        <v>238.73</v>
      </c>
      <c r="J125">
        <v>778</v>
      </c>
      <c r="K125">
        <v>106</v>
      </c>
      <c r="N125" s="11"/>
    </row>
    <row r="126" spans="2:14">
      <c r="B126" s="2">
        <f t="shared" si="1"/>
        <v>0.45186342592592593</v>
      </c>
      <c r="C126">
        <v>3600</v>
      </c>
      <c r="D126">
        <v>351.69</v>
      </c>
      <c r="E126">
        <v>585.23</v>
      </c>
      <c r="F126">
        <v>528.16999999999996</v>
      </c>
      <c r="G126">
        <v>381.98</v>
      </c>
      <c r="H126">
        <v>159.08000000000001</v>
      </c>
      <c r="I126">
        <v>237.57</v>
      </c>
      <c r="J126">
        <v>781</v>
      </c>
      <c r="K126">
        <v>107</v>
      </c>
      <c r="N126" s="11"/>
    </row>
    <row r="127" spans="2:14">
      <c r="B127" s="2">
        <f t="shared" si="1"/>
        <v>0.45221064814814815</v>
      </c>
      <c r="C127">
        <v>3630</v>
      </c>
      <c r="D127">
        <v>352.01</v>
      </c>
      <c r="E127">
        <v>585.19000000000005</v>
      </c>
      <c r="F127">
        <v>528.48</v>
      </c>
      <c r="G127">
        <v>385.02</v>
      </c>
      <c r="H127">
        <v>159.32</v>
      </c>
      <c r="I127">
        <v>245.84</v>
      </c>
      <c r="J127">
        <v>782</v>
      </c>
      <c r="K127">
        <v>108</v>
      </c>
      <c r="N127" s="11"/>
    </row>
    <row r="128" spans="2:14">
      <c r="B128" s="2">
        <f t="shared" si="1"/>
        <v>0.45255787037037037</v>
      </c>
      <c r="C128">
        <v>3660</v>
      </c>
      <c r="D128">
        <v>352.4</v>
      </c>
      <c r="E128">
        <v>585.36</v>
      </c>
      <c r="F128">
        <v>529.02</v>
      </c>
      <c r="G128">
        <v>388.27</v>
      </c>
      <c r="H128">
        <v>159.82</v>
      </c>
      <c r="I128">
        <v>235.61</v>
      </c>
      <c r="J128">
        <v>784</v>
      </c>
      <c r="K128">
        <v>108</v>
      </c>
      <c r="N128" s="11"/>
    </row>
    <row r="129" spans="2:14">
      <c r="B129" s="2">
        <f t="shared" si="1"/>
        <v>0.4529050925925926</v>
      </c>
      <c r="C129">
        <v>3690</v>
      </c>
      <c r="D129">
        <v>352.88</v>
      </c>
      <c r="E129">
        <v>585.17999999999995</v>
      </c>
      <c r="F129">
        <v>529.55999999999995</v>
      </c>
      <c r="G129">
        <v>391.36</v>
      </c>
      <c r="H129">
        <v>160.54</v>
      </c>
      <c r="I129">
        <v>246.41</v>
      </c>
      <c r="J129">
        <v>789</v>
      </c>
      <c r="K129">
        <v>109</v>
      </c>
      <c r="N129" s="11"/>
    </row>
    <row r="130" spans="2:14">
      <c r="B130" s="2">
        <f t="shared" si="1"/>
        <v>0.45325231481481482</v>
      </c>
      <c r="C130">
        <v>3720</v>
      </c>
      <c r="D130">
        <v>353.51</v>
      </c>
      <c r="E130">
        <v>585.21</v>
      </c>
      <c r="F130">
        <v>529.98</v>
      </c>
      <c r="G130">
        <v>393.18</v>
      </c>
      <c r="H130">
        <v>161.18</v>
      </c>
      <c r="I130">
        <v>239.64</v>
      </c>
      <c r="J130">
        <v>791</v>
      </c>
      <c r="K130">
        <v>109</v>
      </c>
      <c r="N130" s="11"/>
    </row>
    <row r="131" spans="2:14">
      <c r="B131" s="2">
        <f t="shared" si="1"/>
        <v>0.45359953703703704</v>
      </c>
      <c r="C131">
        <v>3750</v>
      </c>
      <c r="D131">
        <v>354.72</v>
      </c>
      <c r="E131">
        <v>585.23</v>
      </c>
      <c r="F131">
        <v>530.13</v>
      </c>
      <c r="G131">
        <v>393.56</v>
      </c>
      <c r="H131">
        <v>162.08000000000001</v>
      </c>
      <c r="I131">
        <v>249.48</v>
      </c>
      <c r="J131">
        <v>793</v>
      </c>
      <c r="K131">
        <v>109</v>
      </c>
      <c r="N131" s="11"/>
    </row>
    <row r="132" spans="2:14">
      <c r="B132" s="2">
        <f t="shared" si="1"/>
        <v>0.45394675925925926</v>
      </c>
      <c r="C132">
        <v>3780</v>
      </c>
      <c r="D132">
        <v>355.88</v>
      </c>
      <c r="E132">
        <v>585.17999999999995</v>
      </c>
      <c r="F132">
        <v>530.36</v>
      </c>
      <c r="G132">
        <v>392.71</v>
      </c>
      <c r="H132">
        <v>162.58000000000001</v>
      </c>
      <c r="I132">
        <v>239.7</v>
      </c>
      <c r="J132">
        <v>796</v>
      </c>
      <c r="K132">
        <v>109</v>
      </c>
      <c r="N132" s="11"/>
    </row>
    <row r="133" spans="2:14">
      <c r="B133" s="2">
        <f t="shared" si="1"/>
        <v>0.45429398148148148</v>
      </c>
      <c r="C133">
        <v>3810</v>
      </c>
      <c r="D133">
        <v>357.03</v>
      </c>
      <c r="E133">
        <v>585.26</v>
      </c>
      <c r="F133">
        <v>530.96</v>
      </c>
      <c r="G133">
        <v>390.94</v>
      </c>
      <c r="H133">
        <v>162.74</v>
      </c>
      <c r="I133">
        <v>243.22</v>
      </c>
      <c r="J133">
        <v>800</v>
      </c>
      <c r="K133">
        <v>109</v>
      </c>
      <c r="N133" s="11"/>
    </row>
    <row r="134" spans="2:14">
      <c r="B134" s="2">
        <f t="shared" ref="B134:B197" si="2">C134/24/60/60+$B$2</f>
        <v>0.4546412037037037</v>
      </c>
      <c r="C134">
        <v>3840</v>
      </c>
      <c r="D134">
        <v>358.15</v>
      </c>
      <c r="E134">
        <v>585.23</v>
      </c>
      <c r="F134">
        <v>531.41999999999996</v>
      </c>
      <c r="G134">
        <v>388.69</v>
      </c>
      <c r="H134">
        <v>162.72999999999999</v>
      </c>
      <c r="I134">
        <v>246.93</v>
      </c>
      <c r="J134">
        <v>803</v>
      </c>
      <c r="K134">
        <v>109</v>
      </c>
      <c r="N134" s="11"/>
    </row>
    <row r="135" spans="2:14">
      <c r="B135" s="2">
        <f t="shared" si="2"/>
        <v>0.45498842592592592</v>
      </c>
      <c r="C135">
        <v>3870</v>
      </c>
      <c r="D135">
        <v>359.28</v>
      </c>
      <c r="E135">
        <v>585.13</v>
      </c>
      <c r="F135">
        <v>531.47</v>
      </c>
      <c r="G135">
        <v>386.15</v>
      </c>
      <c r="H135">
        <v>162.52000000000001</v>
      </c>
      <c r="I135">
        <v>246.45</v>
      </c>
      <c r="J135">
        <v>805</v>
      </c>
      <c r="K135">
        <v>110</v>
      </c>
      <c r="N135" s="11"/>
    </row>
    <row r="136" spans="2:14">
      <c r="B136" s="2">
        <f t="shared" si="2"/>
        <v>0.45533564814814814</v>
      </c>
      <c r="C136">
        <v>3900</v>
      </c>
      <c r="D136">
        <v>360.43</v>
      </c>
      <c r="E136">
        <v>584.99</v>
      </c>
      <c r="F136">
        <v>531.69000000000005</v>
      </c>
      <c r="G136">
        <v>383.14</v>
      </c>
      <c r="H136">
        <v>161.91</v>
      </c>
      <c r="I136">
        <v>247.4</v>
      </c>
      <c r="J136">
        <v>806</v>
      </c>
      <c r="K136">
        <v>111</v>
      </c>
      <c r="N136" s="11"/>
    </row>
    <row r="137" spans="2:14">
      <c r="B137" s="2">
        <f t="shared" si="2"/>
        <v>0.45568287037037036</v>
      </c>
      <c r="C137">
        <v>3930</v>
      </c>
      <c r="D137">
        <v>361.44</v>
      </c>
      <c r="E137">
        <v>585.21</v>
      </c>
      <c r="F137">
        <v>532.24</v>
      </c>
      <c r="G137">
        <v>380.06</v>
      </c>
      <c r="H137">
        <v>161.38999999999999</v>
      </c>
      <c r="I137">
        <v>258.20999999999998</v>
      </c>
      <c r="J137">
        <v>810</v>
      </c>
      <c r="K137">
        <v>111</v>
      </c>
      <c r="N137" s="11"/>
    </row>
    <row r="138" spans="2:14">
      <c r="B138" s="2">
        <f t="shared" si="2"/>
        <v>0.45603009259259258</v>
      </c>
      <c r="C138">
        <v>3960</v>
      </c>
      <c r="D138">
        <v>362.45</v>
      </c>
      <c r="E138">
        <v>585.22</v>
      </c>
      <c r="F138">
        <v>532.42999999999995</v>
      </c>
      <c r="G138">
        <v>377.29</v>
      </c>
      <c r="H138">
        <v>160.79</v>
      </c>
      <c r="I138">
        <v>262.2</v>
      </c>
      <c r="J138">
        <v>814</v>
      </c>
      <c r="K138">
        <v>111</v>
      </c>
      <c r="N138" s="11"/>
    </row>
    <row r="139" spans="2:14">
      <c r="B139" s="2">
        <f t="shared" si="2"/>
        <v>0.45637731481481481</v>
      </c>
      <c r="C139">
        <v>3990</v>
      </c>
      <c r="D139">
        <v>363.39</v>
      </c>
      <c r="E139">
        <v>585.03</v>
      </c>
      <c r="F139">
        <v>532.70000000000005</v>
      </c>
      <c r="G139">
        <v>374.74</v>
      </c>
      <c r="H139">
        <v>160.05000000000001</v>
      </c>
      <c r="I139">
        <v>259.56</v>
      </c>
      <c r="J139">
        <v>816</v>
      </c>
      <c r="K139">
        <v>111</v>
      </c>
      <c r="N139" s="11"/>
    </row>
    <row r="140" spans="2:14">
      <c r="B140" s="2">
        <f t="shared" si="2"/>
        <v>0.45672453703703703</v>
      </c>
      <c r="C140">
        <v>4020</v>
      </c>
      <c r="D140">
        <v>364.21</v>
      </c>
      <c r="E140">
        <v>584.99</v>
      </c>
      <c r="F140">
        <v>533.12</v>
      </c>
      <c r="G140">
        <v>372.63</v>
      </c>
      <c r="H140">
        <v>159.13999999999999</v>
      </c>
      <c r="I140">
        <v>267.06</v>
      </c>
      <c r="J140">
        <v>818</v>
      </c>
      <c r="K140">
        <v>111</v>
      </c>
      <c r="N140" s="11"/>
    </row>
    <row r="141" spans="2:14">
      <c r="B141" s="2">
        <f t="shared" si="2"/>
        <v>0.45707175925925925</v>
      </c>
      <c r="C141">
        <v>4050</v>
      </c>
      <c r="D141">
        <v>365.04</v>
      </c>
      <c r="E141">
        <v>584.91999999999996</v>
      </c>
      <c r="F141">
        <v>533.41</v>
      </c>
      <c r="G141">
        <v>371.5</v>
      </c>
      <c r="H141">
        <v>158.47999999999999</v>
      </c>
      <c r="I141">
        <v>271.51</v>
      </c>
      <c r="J141">
        <v>820</v>
      </c>
      <c r="K141">
        <v>111</v>
      </c>
      <c r="N141" s="11"/>
    </row>
    <row r="142" spans="2:14">
      <c r="B142" s="2">
        <f t="shared" si="2"/>
        <v>0.45741898148148147</v>
      </c>
      <c r="C142">
        <v>4080</v>
      </c>
      <c r="D142">
        <v>365.96</v>
      </c>
      <c r="E142">
        <v>585.03</v>
      </c>
      <c r="F142">
        <v>533.77</v>
      </c>
      <c r="G142">
        <v>371.14</v>
      </c>
      <c r="H142">
        <v>158.09</v>
      </c>
      <c r="I142">
        <v>265.73</v>
      </c>
      <c r="J142">
        <v>822</v>
      </c>
      <c r="K142">
        <v>111</v>
      </c>
      <c r="N142" s="11"/>
    </row>
    <row r="143" spans="2:14">
      <c r="B143" s="2">
        <f t="shared" si="2"/>
        <v>0.45776620370370369</v>
      </c>
      <c r="C143">
        <v>4110</v>
      </c>
      <c r="D143">
        <v>366.85</v>
      </c>
      <c r="E143">
        <v>584.98</v>
      </c>
      <c r="F143">
        <v>534.07000000000005</v>
      </c>
      <c r="G143">
        <v>371.92</v>
      </c>
      <c r="H143">
        <v>157.84</v>
      </c>
      <c r="I143">
        <v>266.01</v>
      </c>
      <c r="J143">
        <v>820</v>
      </c>
      <c r="K143">
        <v>112</v>
      </c>
      <c r="N143" s="11"/>
    </row>
    <row r="144" spans="2:14">
      <c r="B144" s="2">
        <f t="shared" si="2"/>
        <v>0.45811342592592591</v>
      </c>
      <c r="C144">
        <v>4140</v>
      </c>
      <c r="D144">
        <v>367.75</v>
      </c>
      <c r="E144">
        <v>584.75</v>
      </c>
      <c r="F144">
        <v>534.17999999999995</v>
      </c>
      <c r="G144">
        <v>373.91</v>
      </c>
      <c r="H144">
        <v>157.69999999999999</v>
      </c>
      <c r="I144">
        <v>272.63</v>
      </c>
      <c r="J144">
        <v>816</v>
      </c>
      <c r="K144">
        <v>111</v>
      </c>
      <c r="N144" s="11"/>
    </row>
    <row r="145" spans="2:14">
      <c r="B145" s="2">
        <f t="shared" si="2"/>
        <v>0.45846064814814813</v>
      </c>
      <c r="C145">
        <v>4170</v>
      </c>
      <c r="D145">
        <v>368.4</v>
      </c>
      <c r="E145">
        <v>584.72</v>
      </c>
      <c r="F145">
        <v>534.59</v>
      </c>
      <c r="G145">
        <v>376.27</v>
      </c>
      <c r="H145">
        <v>158.03</v>
      </c>
      <c r="I145">
        <v>272.37</v>
      </c>
      <c r="J145">
        <v>818</v>
      </c>
      <c r="K145">
        <v>111</v>
      </c>
      <c r="N145" s="11"/>
    </row>
    <row r="146" spans="2:14">
      <c r="B146" s="2">
        <f t="shared" si="2"/>
        <v>0.45880787037037035</v>
      </c>
      <c r="C146">
        <v>4200</v>
      </c>
      <c r="D146">
        <v>369.11</v>
      </c>
      <c r="E146">
        <v>584.98</v>
      </c>
      <c r="F146">
        <v>535.08000000000004</v>
      </c>
      <c r="G146">
        <v>379.06</v>
      </c>
      <c r="H146">
        <v>158.66999999999999</v>
      </c>
      <c r="I146">
        <v>284.16000000000003</v>
      </c>
      <c r="J146">
        <v>821</v>
      </c>
      <c r="K146">
        <v>111</v>
      </c>
      <c r="N146" s="11"/>
    </row>
    <row r="147" spans="2:14">
      <c r="B147" s="2">
        <f t="shared" si="2"/>
        <v>0.45915509259259257</v>
      </c>
      <c r="C147">
        <v>4230</v>
      </c>
      <c r="D147">
        <v>367.86</v>
      </c>
      <c r="E147">
        <v>583.91</v>
      </c>
      <c r="F147">
        <v>534.5</v>
      </c>
      <c r="G147">
        <v>383.86</v>
      </c>
      <c r="H147">
        <v>160.22999999999999</v>
      </c>
      <c r="I147">
        <v>291.83</v>
      </c>
      <c r="J147">
        <v>925</v>
      </c>
      <c r="K147">
        <v>258</v>
      </c>
      <c r="N147" s="11"/>
    </row>
    <row r="148" spans="2:14">
      <c r="B148" s="2">
        <f t="shared" si="2"/>
        <v>0.45950231481481479</v>
      </c>
      <c r="C148">
        <v>4260</v>
      </c>
      <c r="D148">
        <v>385.44</v>
      </c>
      <c r="E148">
        <v>551.13</v>
      </c>
      <c r="F148">
        <v>507.21</v>
      </c>
      <c r="G148">
        <v>348.21</v>
      </c>
      <c r="H148">
        <v>200.51</v>
      </c>
      <c r="I148">
        <v>338.37</v>
      </c>
      <c r="J148">
        <v>904</v>
      </c>
      <c r="K148">
        <v>1846</v>
      </c>
      <c r="N148" s="11"/>
    </row>
    <row r="149" spans="2:14">
      <c r="B149" s="2">
        <f t="shared" si="2"/>
        <v>0.45984953703703701</v>
      </c>
      <c r="C149">
        <v>4290</v>
      </c>
      <c r="D149">
        <v>409.39</v>
      </c>
      <c r="E149">
        <v>547.5</v>
      </c>
      <c r="F149">
        <v>505.01</v>
      </c>
      <c r="G149">
        <v>332.32</v>
      </c>
      <c r="H149">
        <v>225.95</v>
      </c>
      <c r="I149">
        <v>338.22</v>
      </c>
      <c r="J149">
        <v>1052</v>
      </c>
      <c r="K149">
        <v>1869</v>
      </c>
      <c r="N149" s="11"/>
    </row>
    <row r="150" spans="2:14">
      <c r="B150" s="2">
        <f t="shared" si="2"/>
        <v>0.46019675925925924</v>
      </c>
      <c r="C150">
        <v>4320</v>
      </c>
      <c r="D150">
        <v>420.91</v>
      </c>
      <c r="E150">
        <v>549.95000000000005</v>
      </c>
      <c r="F150">
        <v>504.02</v>
      </c>
      <c r="G150">
        <v>318.81</v>
      </c>
      <c r="H150">
        <v>234.33</v>
      </c>
      <c r="I150">
        <v>331.6</v>
      </c>
      <c r="J150">
        <v>1133</v>
      </c>
      <c r="K150">
        <v>1892</v>
      </c>
      <c r="N150" s="11"/>
    </row>
    <row r="151" spans="2:14">
      <c r="B151" s="2">
        <f t="shared" si="2"/>
        <v>0.46054398148148146</v>
      </c>
      <c r="C151">
        <v>4350</v>
      </c>
      <c r="D151">
        <v>422.3</v>
      </c>
      <c r="E151">
        <v>551.01</v>
      </c>
      <c r="F151">
        <v>507.53</v>
      </c>
      <c r="G151">
        <v>313.18</v>
      </c>
      <c r="H151">
        <v>239.94</v>
      </c>
      <c r="I151">
        <v>335.37</v>
      </c>
      <c r="J151">
        <v>1141</v>
      </c>
      <c r="K151">
        <v>1904</v>
      </c>
      <c r="N151" s="11"/>
    </row>
    <row r="152" spans="2:14">
      <c r="B152" s="2">
        <f t="shared" si="2"/>
        <v>0.46089120370370368</v>
      </c>
      <c r="C152">
        <v>4380</v>
      </c>
      <c r="D152">
        <v>422.66</v>
      </c>
      <c r="E152">
        <v>551.13</v>
      </c>
      <c r="F152">
        <v>504.33</v>
      </c>
      <c r="G152">
        <v>310.77</v>
      </c>
      <c r="H152">
        <v>244.62</v>
      </c>
      <c r="I152">
        <v>337.58</v>
      </c>
      <c r="J152">
        <v>1150</v>
      </c>
      <c r="K152">
        <v>1914</v>
      </c>
      <c r="N152" s="11"/>
    </row>
    <row r="153" spans="2:14">
      <c r="B153" s="2">
        <f t="shared" si="2"/>
        <v>0.4612384259259259</v>
      </c>
      <c r="C153">
        <v>4410</v>
      </c>
      <c r="D153">
        <v>423.96</v>
      </c>
      <c r="E153">
        <v>550.95000000000005</v>
      </c>
      <c r="F153">
        <v>501.84</v>
      </c>
      <c r="G153">
        <v>308.66000000000003</v>
      </c>
      <c r="H153">
        <v>245.72</v>
      </c>
      <c r="I153">
        <v>343.46</v>
      </c>
      <c r="J153">
        <v>1155</v>
      </c>
      <c r="K153">
        <v>1925</v>
      </c>
      <c r="N153" s="11"/>
    </row>
    <row r="154" spans="2:14">
      <c r="B154" s="2">
        <f t="shared" si="2"/>
        <v>0.46158564814814812</v>
      </c>
      <c r="C154">
        <v>4440</v>
      </c>
      <c r="D154">
        <v>424.88</v>
      </c>
      <c r="E154">
        <v>552.25</v>
      </c>
      <c r="F154">
        <v>502.53</v>
      </c>
      <c r="G154">
        <v>306.75</v>
      </c>
      <c r="H154">
        <v>246.54</v>
      </c>
      <c r="I154">
        <v>343.33</v>
      </c>
      <c r="J154">
        <v>1160</v>
      </c>
      <c r="K154">
        <v>1936</v>
      </c>
      <c r="N154" s="11"/>
    </row>
    <row r="155" spans="2:14">
      <c r="B155" s="2">
        <f t="shared" si="2"/>
        <v>0.46193287037037034</v>
      </c>
      <c r="C155">
        <v>4470</v>
      </c>
      <c r="D155">
        <v>425.09</v>
      </c>
      <c r="E155">
        <v>553.41</v>
      </c>
      <c r="F155">
        <v>503.83</v>
      </c>
      <c r="G155">
        <v>305.02</v>
      </c>
      <c r="H155">
        <v>247.36</v>
      </c>
      <c r="I155">
        <v>345.32</v>
      </c>
      <c r="J155">
        <v>1165</v>
      </c>
      <c r="K155">
        <v>1946</v>
      </c>
      <c r="N155" s="11"/>
    </row>
    <row r="156" spans="2:14">
      <c r="B156" s="2">
        <f t="shared" si="2"/>
        <v>0.46228009259259256</v>
      </c>
      <c r="C156">
        <v>4500</v>
      </c>
      <c r="D156">
        <v>425.72</v>
      </c>
      <c r="E156">
        <v>554.58000000000004</v>
      </c>
      <c r="F156">
        <v>505.5</v>
      </c>
      <c r="G156">
        <v>303.2</v>
      </c>
      <c r="H156">
        <v>246.65</v>
      </c>
      <c r="I156">
        <v>347.93</v>
      </c>
      <c r="J156">
        <v>1164</v>
      </c>
      <c r="K156">
        <v>1963</v>
      </c>
      <c r="N156" s="11"/>
    </row>
    <row r="157" spans="2:14">
      <c r="B157" s="2">
        <f t="shared" si="2"/>
        <v>0.46262731481481478</v>
      </c>
      <c r="C157">
        <v>4530</v>
      </c>
      <c r="D157">
        <v>426.33</v>
      </c>
      <c r="E157">
        <v>555.75</v>
      </c>
      <c r="F157">
        <v>507.69</v>
      </c>
      <c r="G157">
        <v>302.01</v>
      </c>
      <c r="H157">
        <v>246.71</v>
      </c>
      <c r="I157">
        <v>345.76</v>
      </c>
      <c r="J157">
        <v>1168</v>
      </c>
      <c r="K157">
        <v>1973</v>
      </c>
      <c r="N157" s="11"/>
    </row>
    <row r="158" spans="2:14">
      <c r="B158" s="2">
        <f t="shared" si="2"/>
        <v>0.462974537037037</v>
      </c>
      <c r="C158">
        <v>4560</v>
      </c>
      <c r="D158">
        <v>426.43</v>
      </c>
      <c r="E158">
        <v>556.52</v>
      </c>
      <c r="F158">
        <v>508.99</v>
      </c>
      <c r="G158">
        <v>303.44</v>
      </c>
      <c r="H158">
        <v>247.02</v>
      </c>
      <c r="I158">
        <v>350.18</v>
      </c>
      <c r="J158">
        <v>1170</v>
      </c>
      <c r="K158">
        <v>1983</v>
      </c>
      <c r="N158" s="11"/>
    </row>
    <row r="159" spans="2:14">
      <c r="B159" s="2">
        <f t="shared" si="2"/>
        <v>0.46332175925925922</v>
      </c>
      <c r="C159">
        <v>4590</v>
      </c>
      <c r="D159">
        <v>426.71</v>
      </c>
      <c r="E159">
        <v>556.94000000000005</v>
      </c>
      <c r="F159">
        <v>510.3</v>
      </c>
      <c r="G159">
        <v>306.33999999999997</v>
      </c>
      <c r="H159">
        <v>248.72</v>
      </c>
      <c r="I159">
        <v>348.64</v>
      </c>
      <c r="J159">
        <v>1172</v>
      </c>
      <c r="K159">
        <v>1990</v>
      </c>
      <c r="N159" s="11"/>
    </row>
    <row r="160" spans="2:14">
      <c r="B160" s="2">
        <f t="shared" si="2"/>
        <v>0.4636689814814815</v>
      </c>
      <c r="C160">
        <v>4620</v>
      </c>
      <c r="D160">
        <v>426.94</v>
      </c>
      <c r="E160">
        <v>556.54</v>
      </c>
      <c r="F160">
        <v>510</v>
      </c>
      <c r="G160">
        <v>309.85000000000002</v>
      </c>
      <c r="H160">
        <v>251.03</v>
      </c>
      <c r="I160">
        <v>345.29</v>
      </c>
      <c r="J160">
        <v>1175</v>
      </c>
      <c r="K160">
        <v>1997</v>
      </c>
      <c r="N160" s="11"/>
    </row>
    <row r="161" spans="2:14">
      <c r="B161" s="2">
        <f t="shared" si="2"/>
        <v>0.46401620370370367</v>
      </c>
      <c r="C161">
        <v>4650</v>
      </c>
      <c r="D161">
        <v>426.09</v>
      </c>
      <c r="E161">
        <v>556.84</v>
      </c>
      <c r="F161">
        <v>510.84</v>
      </c>
      <c r="G161">
        <v>314.17</v>
      </c>
      <c r="H161">
        <v>252.46</v>
      </c>
      <c r="I161">
        <v>352.18</v>
      </c>
      <c r="J161">
        <v>1175</v>
      </c>
      <c r="K161">
        <v>2005</v>
      </c>
      <c r="N161" s="11"/>
    </row>
    <row r="162" spans="2:14">
      <c r="B162" s="2">
        <f t="shared" si="2"/>
        <v>0.46436342592592594</v>
      </c>
      <c r="C162">
        <v>4680</v>
      </c>
      <c r="D162">
        <v>425.83</v>
      </c>
      <c r="E162">
        <v>557.70000000000005</v>
      </c>
      <c r="F162">
        <v>512.23</v>
      </c>
      <c r="G162">
        <v>319.42</v>
      </c>
      <c r="H162">
        <v>253.87</v>
      </c>
      <c r="I162">
        <v>352.93</v>
      </c>
      <c r="J162">
        <v>1177</v>
      </c>
      <c r="K162">
        <v>2010</v>
      </c>
      <c r="N162" s="11"/>
    </row>
    <row r="163" spans="2:14">
      <c r="B163" s="2">
        <f t="shared" si="2"/>
        <v>0.46471064814814811</v>
      </c>
      <c r="C163">
        <v>4710</v>
      </c>
      <c r="D163">
        <v>425.68</v>
      </c>
      <c r="E163">
        <v>558.29999999999995</v>
      </c>
      <c r="F163">
        <v>513.72</v>
      </c>
      <c r="G163">
        <v>324.52999999999997</v>
      </c>
      <c r="H163">
        <v>254.76</v>
      </c>
      <c r="I163">
        <v>349.75</v>
      </c>
      <c r="J163">
        <v>1179</v>
      </c>
      <c r="K163">
        <v>2018</v>
      </c>
      <c r="N163" s="11"/>
    </row>
    <row r="164" spans="2:14">
      <c r="B164" s="2">
        <f t="shared" si="2"/>
        <v>0.46505787037037039</v>
      </c>
      <c r="C164">
        <v>4740</v>
      </c>
      <c r="D164">
        <v>425.39</v>
      </c>
      <c r="E164">
        <v>558.01</v>
      </c>
      <c r="F164">
        <v>514.04</v>
      </c>
      <c r="G164">
        <v>329.48</v>
      </c>
      <c r="H164">
        <v>256.13</v>
      </c>
      <c r="I164">
        <v>358.91</v>
      </c>
      <c r="J164">
        <v>1182</v>
      </c>
      <c r="K164">
        <v>2024</v>
      </c>
      <c r="N164" s="11"/>
    </row>
    <row r="165" spans="2:14">
      <c r="B165" s="2">
        <f t="shared" si="2"/>
        <v>0.46540509259259255</v>
      </c>
      <c r="C165">
        <v>4770</v>
      </c>
      <c r="D165">
        <v>425.38</v>
      </c>
      <c r="E165">
        <v>558.17999999999995</v>
      </c>
      <c r="F165">
        <v>514.16999999999996</v>
      </c>
      <c r="G165">
        <v>333.96</v>
      </c>
      <c r="H165">
        <v>257.93</v>
      </c>
      <c r="I165">
        <v>356.65</v>
      </c>
      <c r="J165">
        <v>1182</v>
      </c>
      <c r="K165">
        <v>2029</v>
      </c>
      <c r="N165" s="11"/>
    </row>
    <row r="166" spans="2:14">
      <c r="B166" s="2">
        <f t="shared" si="2"/>
        <v>0.46575231481481483</v>
      </c>
      <c r="C166">
        <v>4800</v>
      </c>
      <c r="D166">
        <v>425.23</v>
      </c>
      <c r="E166">
        <v>558.26</v>
      </c>
      <c r="F166">
        <v>514.33000000000004</v>
      </c>
      <c r="G166">
        <v>336.87</v>
      </c>
      <c r="H166">
        <v>259.12</v>
      </c>
      <c r="I166">
        <v>359.63</v>
      </c>
      <c r="J166">
        <v>1184</v>
      </c>
      <c r="K166">
        <v>2034</v>
      </c>
      <c r="N166" s="11"/>
    </row>
    <row r="167" spans="2:14">
      <c r="B167" s="2">
        <f t="shared" si="2"/>
        <v>0.46609953703703699</v>
      </c>
      <c r="C167">
        <v>4830</v>
      </c>
      <c r="D167">
        <v>425.13</v>
      </c>
      <c r="E167">
        <v>558.03</v>
      </c>
      <c r="F167">
        <v>515.30999999999995</v>
      </c>
      <c r="G167">
        <v>337.58</v>
      </c>
      <c r="H167">
        <v>260.19</v>
      </c>
      <c r="I167">
        <v>358.88</v>
      </c>
      <c r="J167">
        <v>1185</v>
      </c>
      <c r="K167">
        <v>2035</v>
      </c>
      <c r="N167" s="11"/>
    </row>
    <row r="168" spans="2:14">
      <c r="B168" s="2">
        <f t="shared" si="2"/>
        <v>0.46644675925925927</v>
      </c>
      <c r="C168">
        <v>4860</v>
      </c>
      <c r="D168">
        <v>424.8</v>
      </c>
      <c r="E168">
        <v>557.28</v>
      </c>
      <c r="F168">
        <v>515.09</v>
      </c>
      <c r="G168">
        <v>336.99</v>
      </c>
      <c r="H168">
        <v>261.67</v>
      </c>
      <c r="I168">
        <v>358.36</v>
      </c>
      <c r="J168">
        <v>1185</v>
      </c>
      <c r="K168">
        <v>2038</v>
      </c>
      <c r="N168" s="11"/>
    </row>
    <row r="169" spans="2:14">
      <c r="B169" s="2">
        <f t="shared" si="2"/>
        <v>0.46679398148148149</v>
      </c>
      <c r="C169">
        <v>4890</v>
      </c>
      <c r="D169">
        <v>424.63</v>
      </c>
      <c r="E169">
        <v>557.25</v>
      </c>
      <c r="F169">
        <v>515.20000000000005</v>
      </c>
      <c r="G169">
        <v>335.4</v>
      </c>
      <c r="H169">
        <v>262.45999999999998</v>
      </c>
      <c r="I169">
        <v>360.2</v>
      </c>
      <c r="J169">
        <v>1185</v>
      </c>
      <c r="K169">
        <v>2042</v>
      </c>
      <c r="N169" s="11"/>
    </row>
    <row r="170" spans="2:14">
      <c r="B170" s="2">
        <f t="shared" si="2"/>
        <v>0.46714120370370371</v>
      </c>
      <c r="C170">
        <v>4920</v>
      </c>
      <c r="D170">
        <v>424.51</v>
      </c>
      <c r="E170">
        <v>557.41999999999996</v>
      </c>
      <c r="F170">
        <v>515.41</v>
      </c>
      <c r="G170">
        <v>333</v>
      </c>
      <c r="H170">
        <v>262.43</v>
      </c>
      <c r="I170">
        <v>361.84</v>
      </c>
      <c r="J170">
        <v>1185</v>
      </c>
      <c r="K170">
        <v>2047</v>
      </c>
      <c r="N170" s="11"/>
    </row>
    <row r="171" spans="2:14">
      <c r="B171" s="2">
        <f t="shared" si="2"/>
        <v>0.46748842592592593</v>
      </c>
      <c r="C171">
        <v>4950</v>
      </c>
      <c r="D171">
        <v>424.34</v>
      </c>
      <c r="E171">
        <v>557.32000000000005</v>
      </c>
      <c r="F171">
        <v>515.5</v>
      </c>
      <c r="G171">
        <v>330.74</v>
      </c>
      <c r="H171">
        <v>262.89</v>
      </c>
      <c r="I171">
        <v>363.65</v>
      </c>
      <c r="J171">
        <v>1185</v>
      </c>
      <c r="K171">
        <v>2048</v>
      </c>
      <c r="N171" s="11"/>
    </row>
    <row r="172" spans="2:14">
      <c r="B172" s="2">
        <f t="shared" si="2"/>
        <v>0.46783564814814815</v>
      </c>
      <c r="C172">
        <v>4980</v>
      </c>
      <c r="D172">
        <v>424.17</v>
      </c>
      <c r="E172">
        <v>557.15</v>
      </c>
      <c r="F172">
        <v>515.51</v>
      </c>
      <c r="G172">
        <v>328.16</v>
      </c>
      <c r="H172">
        <v>263.51</v>
      </c>
      <c r="I172">
        <v>366.75</v>
      </c>
      <c r="J172">
        <v>1186</v>
      </c>
      <c r="K172">
        <v>2050</v>
      </c>
      <c r="N172" s="11"/>
    </row>
    <row r="173" spans="2:14">
      <c r="B173" s="2">
        <f t="shared" si="2"/>
        <v>0.46818287037037037</v>
      </c>
      <c r="C173">
        <v>5010</v>
      </c>
      <c r="D173">
        <v>423.76</v>
      </c>
      <c r="E173">
        <v>557.1</v>
      </c>
      <c r="F173">
        <v>515.9</v>
      </c>
      <c r="G173">
        <v>325.49</v>
      </c>
      <c r="H173">
        <v>263.95999999999998</v>
      </c>
      <c r="I173">
        <v>367.91</v>
      </c>
      <c r="J173">
        <v>1188</v>
      </c>
      <c r="K173">
        <v>2052</v>
      </c>
      <c r="N173" s="11"/>
    </row>
    <row r="174" spans="2:14">
      <c r="B174" s="2">
        <f t="shared" si="2"/>
        <v>0.4685300925925926</v>
      </c>
      <c r="C174">
        <v>5040</v>
      </c>
      <c r="D174">
        <v>423.82</v>
      </c>
      <c r="E174">
        <v>557.16999999999996</v>
      </c>
      <c r="F174">
        <v>515.91</v>
      </c>
      <c r="G174">
        <v>323.66000000000003</v>
      </c>
      <c r="H174">
        <v>265.27999999999997</v>
      </c>
      <c r="I174">
        <v>368.31</v>
      </c>
      <c r="J174">
        <v>1188</v>
      </c>
      <c r="K174">
        <v>2056</v>
      </c>
      <c r="N174" s="11"/>
    </row>
    <row r="175" spans="2:14">
      <c r="B175" s="2">
        <f t="shared" si="2"/>
        <v>0.46887731481481482</v>
      </c>
      <c r="C175">
        <v>5070</v>
      </c>
      <c r="D175">
        <v>423.95</v>
      </c>
      <c r="E175">
        <v>557.35</v>
      </c>
      <c r="F175">
        <v>516.28</v>
      </c>
      <c r="G175">
        <v>322.16000000000003</v>
      </c>
      <c r="H175">
        <v>266.68</v>
      </c>
      <c r="I175">
        <v>367.76</v>
      </c>
      <c r="J175">
        <v>1188</v>
      </c>
      <c r="K175">
        <v>2061</v>
      </c>
      <c r="N175" s="11"/>
    </row>
    <row r="176" spans="2:14">
      <c r="B176" s="2">
        <f t="shared" si="2"/>
        <v>0.46922453703703704</v>
      </c>
      <c r="C176">
        <v>5100</v>
      </c>
      <c r="D176">
        <v>423.87</v>
      </c>
      <c r="E176">
        <v>557.21</v>
      </c>
      <c r="F176">
        <v>516.34</v>
      </c>
      <c r="G176">
        <v>322.81</v>
      </c>
      <c r="H176">
        <v>268.05</v>
      </c>
      <c r="I176">
        <v>366.79</v>
      </c>
      <c r="J176">
        <v>1189</v>
      </c>
      <c r="K176">
        <v>2023</v>
      </c>
      <c r="N176" s="11"/>
    </row>
    <row r="177" spans="2:14">
      <c r="B177" s="2">
        <f t="shared" si="2"/>
        <v>0.46957175925925926</v>
      </c>
      <c r="C177">
        <v>5130</v>
      </c>
      <c r="D177">
        <v>423.99</v>
      </c>
      <c r="E177">
        <v>557.03</v>
      </c>
      <c r="F177">
        <v>516.19000000000005</v>
      </c>
      <c r="G177">
        <v>325.88</v>
      </c>
      <c r="H177">
        <v>265.17</v>
      </c>
      <c r="I177">
        <v>359.07</v>
      </c>
      <c r="J177">
        <v>1535</v>
      </c>
      <c r="K177">
        <v>2077</v>
      </c>
      <c r="N177" s="11"/>
    </row>
    <row r="178" spans="2:14">
      <c r="B178" s="2">
        <f t="shared" si="2"/>
        <v>0.46991898148148148</v>
      </c>
      <c r="C178">
        <v>5160</v>
      </c>
      <c r="D178">
        <v>424.21</v>
      </c>
      <c r="E178">
        <v>557.04999999999995</v>
      </c>
      <c r="F178">
        <v>516.13</v>
      </c>
      <c r="G178">
        <v>326.27</v>
      </c>
      <c r="H178">
        <v>263.8</v>
      </c>
      <c r="I178">
        <v>366.85</v>
      </c>
      <c r="J178">
        <v>1795</v>
      </c>
      <c r="K178">
        <v>2072</v>
      </c>
      <c r="N178" s="11"/>
    </row>
    <row r="179" spans="2:14">
      <c r="B179" s="2">
        <f t="shared" si="2"/>
        <v>0.4702662037037037</v>
      </c>
      <c r="C179">
        <v>5190</v>
      </c>
      <c r="D179">
        <v>424.27</v>
      </c>
      <c r="E179">
        <v>557.28</v>
      </c>
      <c r="F179">
        <v>516.44000000000005</v>
      </c>
      <c r="G179">
        <v>328.45</v>
      </c>
      <c r="H179">
        <v>263.32</v>
      </c>
      <c r="I179">
        <v>353.15</v>
      </c>
      <c r="J179">
        <v>2251</v>
      </c>
      <c r="K179">
        <v>2090</v>
      </c>
      <c r="N179" s="11"/>
    </row>
    <row r="180" spans="2:14">
      <c r="B180" s="2">
        <f t="shared" si="2"/>
        <v>0.47061342592592592</v>
      </c>
      <c r="C180">
        <v>5220</v>
      </c>
      <c r="D180">
        <v>424</v>
      </c>
      <c r="E180">
        <v>557.02</v>
      </c>
      <c r="F180">
        <v>516.53</v>
      </c>
      <c r="G180">
        <v>332.21</v>
      </c>
      <c r="H180">
        <v>264.39999999999998</v>
      </c>
      <c r="I180">
        <v>361.27</v>
      </c>
      <c r="J180">
        <v>2465</v>
      </c>
      <c r="K180">
        <v>2081</v>
      </c>
      <c r="N180" s="11"/>
    </row>
    <row r="181" spans="2:14">
      <c r="B181" s="2">
        <f t="shared" si="2"/>
        <v>0.47096064814814814</v>
      </c>
      <c r="C181">
        <v>5250</v>
      </c>
      <c r="D181">
        <v>423.8</v>
      </c>
      <c r="E181">
        <v>556.71</v>
      </c>
      <c r="F181">
        <v>516.44000000000005</v>
      </c>
      <c r="G181">
        <v>336.03</v>
      </c>
      <c r="H181">
        <v>265.70999999999998</v>
      </c>
      <c r="I181">
        <v>345.61</v>
      </c>
      <c r="J181">
        <v>2810</v>
      </c>
      <c r="K181">
        <v>2101</v>
      </c>
      <c r="N181" s="11"/>
    </row>
    <row r="182" spans="2:14">
      <c r="B182" s="2">
        <f t="shared" si="2"/>
        <v>0.47130787037037036</v>
      </c>
      <c r="C182">
        <v>5280</v>
      </c>
      <c r="D182">
        <v>423.72</v>
      </c>
      <c r="E182">
        <v>556.91999999999996</v>
      </c>
      <c r="F182">
        <v>516.67999999999995</v>
      </c>
      <c r="G182">
        <v>341.22</v>
      </c>
      <c r="H182">
        <v>267.10000000000002</v>
      </c>
      <c r="I182">
        <v>351.66</v>
      </c>
      <c r="J182">
        <v>3238</v>
      </c>
      <c r="K182">
        <v>2085</v>
      </c>
      <c r="N182" s="11"/>
    </row>
    <row r="183" spans="2:14">
      <c r="B183" s="2">
        <f t="shared" si="2"/>
        <v>0.47165509259259258</v>
      </c>
      <c r="C183">
        <v>5310</v>
      </c>
      <c r="D183">
        <v>423.79</v>
      </c>
      <c r="E183">
        <v>557.04</v>
      </c>
      <c r="F183">
        <v>517.28</v>
      </c>
      <c r="G183">
        <v>345.73</v>
      </c>
      <c r="H183">
        <v>268.8</v>
      </c>
      <c r="I183">
        <v>356.68</v>
      </c>
      <c r="J183">
        <v>3264</v>
      </c>
      <c r="K183">
        <v>2083</v>
      </c>
      <c r="N183" s="11"/>
    </row>
    <row r="184" spans="2:14">
      <c r="B184" s="2">
        <f t="shared" si="2"/>
        <v>0.47200231481481481</v>
      </c>
      <c r="C184">
        <v>5340</v>
      </c>
      <c r="D184">
        <v>424.06</v>
      </c>
      <c r="E184">
        <v>557.13</v>
      </c>
      <c r="F184">
        <v>517.97</v>
      </c>
      <c r="G184">
        <v>349.58</v>
      </c>
      <c r="H184">
        <v>270.54000000000002</v>
      </c>
      <c r="I184">
        <v>354.77</v>
      </c>
      <c r="J184">
        <v>3265</v>
      </c>
      <c r="K184">
        <v>2087</v>
      </c>
      <c r="N184" s="11"/>
    </row>
    <row r="185" spans="2:14">
      <c r="B185" s="2">
        <f t="shared" si="2"/>
        <v>0.47234953703703703</v>
      </c>
      <c r="C185">
        <v>5370</v>
      </c>
      <c r="D185">
        <v>424.17</v>
      </c>
      <c r="E185">
        <v>556.92999999999995</v>
      </c>
      <c r="F185">
        <v>516.88</v>
      </c>
      <c r="G185">
        <v>352.42</v>
      </c>
      <c r="H185">
        <v>272.32</v>
      </c>
      <c r="I185">
        <v>354.74</v>
      </c>
      <c r="J185">
        <v>3264</v>
      </c>
      <c r="K185">
        <v>2089</v>
      </c>
      <c r="N185" s="11"/>
    </row>
    <row r="186" spans="2:14">
      <c r="B186" s="2">
        <f t="shared" si="2"/>
        <v>0.47269675925925925</v>
      </c>
      <c r="C186">
        <v>5400</v>
      </c>
      <c r="D186">
        <v>424.3</v>
      </c>
      <c r="E186">
        <v>556.91</v>
      </c>
      <c r="F186">
        <v>516.95000000000005</v>
      </c>
      <c r="G186">
        <v>352.66</v>
      </c>
      <c r="H186">
        <v>273.06</v>
      </c>
      <c r="I186">
        <v>357.58</v>
      </c>
      <c r="J186">
        <v>3275</v>
      </c>
      <c r="K186">
        <v>2095</v>
      </c>
      <c r="N186" s="11"/>
    </row>
    <row r="187" spans="2:14">
      <c r="B187" s="2">
        <f t="shared" si="2"/>
        <v>0.47304398148148147</v>
      </c>
      <c r="C187">
        <v>5430</v>
      </c>
      <c r="D187">
        <v>424.39</v>
      </c>
      <c r="E187">
        <v>557.33000000000004</v>
      </c>
      <c r="F187">
        <v>517.75</v>
      </c>
      <c r="G187">
        <v>351.81</v>
      </c>
      <c r="H187">
        <v>273.22000000000003</v>
      </c>
      <c r="I187">
        <v>357.35</v>
      </c>
      <c r="J187">
        <v>3271</v>
      </c>
      <c r="K187">
        <v>2096</v>
      </c>
      <c r="N187" s="11"/>
    </row>
    <row r="188" spans="2:14">
      <c r="B188" s="2">
        <f t="shared" si="2"/>
        <v>0.47339120370370369</v>
      </c>
      <c r="C188">
        <v>5460</v>
      </c>
      <c r="D188">
        <v>424.48</v>
      </c>
      <c r="E188">
        <v>557.34</v>
      </c>
      <c r="F188">
        <v>517.98</v>
      </c>
      <c r="G188">
        <v>349.99</v>
      </c>
      <c r="H188">
        <v>273.49</v>
      </c>
      <c r="I188">
        <v>357.64</v>
      </c>
      <c r="J188">
        <v>3275</v>
      </c>
      <c r="K188">
        <v>2102</v>
      </c>
      <c r="N188" s="11"/>
    </row>
    <row r="189" spans="2:14">
      <c r="B189" s="2">
        <f t="shared" si="2"/>
        <v>0.47373842592592591</v>
      </c>
      <c r="C189">
        <v>5490</v>
      </c>
      <c r="D189">
        <v>424.5</v>
      </c>
      <c r="E189">
        <v>557.45000000000005</v>
      </c>
      <c r="F189">
        <v>518.28</v>
      </c>
      <c r="G189">
        <v>347.7</v>
      </c>
      <c r="H189">
        <v>273.94</v>
      </c>
      <c r="I189">
        <v>357.44</v>
      </c>
      <c r="J189">
        <v>3283</v>
      </c>
      <c r="K189">
        <v>2102</v>
      </c>
      <c r="N189" s="11"/>
    </row>
    <row r="190" spans="2:14">
      <c r="B190" s="2">
        <f t="shared" si="2"/>
        <v>0.47408564814814813</v>
      </c>
      <c r="C190">
        <v>5520</v>
      </c>
      <c r="D190">
        <v>424.58</v>
      </c>
      <c r="E190">
        <v>557.47</v>
      </c>
      <c r="F190">
        <v>518.57000000000005</v>
      </c>
      <c r="G190">
        <v>344.76</v>
      </c>
      <c r="H190">
        <v>274.56</v>
      </c>
      <c r="I190">
        <v>356.61</v>
      </c>
      <c r="J190">
        <v>3288</v>
      </c>
      <c r="K190">
        <v>2104</v>
      </c>
      <c r="N190" s="11"/>
    </row>
    <row r="191" spans="2:14">
      <c r="B191" s="2">
        <f t="shared" si="2"/>
        <v>0.47443287037037035</v>
      </c>
      <c r="C191">
        <v>5550</v>
      </c>
      <c r="D191">
        <v>424.65</v>
      </c>
      <c r="E191">
        <v>557.46</v>
      </c>
      <c r="F191">
        <v>518.64</v>
      </c>
      <c r="G191">
        <v>341.45</v>
      </c>
      <c r="H191">
        <v>275.05</v>
      </c>
      <c r="I191">
        <v>357.98</v>
      </c>
      <c r="J191">
        <v>3283</v>
      </c>
      <c r="K191">
        <v>2103</v>
      </c>
      <c r="N191" s="11"/>
    </row>
    <row r="192" spans="2:14">
      <c r="B192" s="2">
        <f t="shared" si="2"/>
        <v>0.47478009259259257</v>
      </c>
      <c r="C192">
        <v>5580</v>
      </c>
      <c r="D192">
        <v>424.89</v>
      </c>
      <c r="E192">
        <v>557.63</v>
      </c>
      <c r="F192">
        <v>518.53</v>
      </c>
      <c r="G192">
        <v>339.05</v>
      </c>
      <c r="H192">
        <v>275.41000000000003</v>
      </c>
      <c r="I192">
        <v>356.44</v>
      </c>
      <c r="J192">
        <v>3288</v>
      </c>
      <c r="K192">
        <v>2105</v>
      </c>
      <c r="N192" s="11"/>
    </row>
    <row r="193" spans="2:14">
      <c r="B193" s="2">
        <f t="shared" si="2"/>
        <v>0.47512731481481479</v>
      </c>
      <c r="C193">
        <v>5610</v>
      </c>
      <c r="D193">
        <v>425.21</v>
      </c>
      <c r="E193">
        <v>557.61</v>
      </c>
      <c r="F193">
        <v>518.89</v>
      </c>
      <c r="G193">
        <v>336.7</v>
      </c>
      <c r="H193">
        <v>275.88</v>
      </c>
      <c r="I193">
        <v>360.59</v>
      </c>
      <c r="J193">
        <v>3296</v>
      </c>
      <c r="K193">
        <v>2109</v>
      </c>
      <c r="N193" s="11"/>
    </row>
    <row r="194" spans="2:14">
      <c r="B194" s="2">
        <f t="shared" si="2"/>
        <v>0.47547453703703701</v>
      </c>
      <c r="C194">
        <v>5640</v>
      </c>
      <c r="D194">
        <v>425.57</v>
      </c>
      <c r="E194">
        <v>557.79999999999995</v>
      </c>
      <c r="F194">
        <v>519.25</v>
      </c>
      <c r="G194">
        <v>335.76</v>
      </c>
      <c r="H194">
        <v>276.8</v>
      </c>
      <c r="I194">
        <v>360.21</v>
      </c>
      <c r="J194">
        <v>3281</v>
      </c>
      <c r="K194">
        <v>2111</v>
      </c>
      <c r="N194" s="11"/>
    </row>
    <row r="195" spans="2:14">
      <c r="B195" s="2">
        <f t="shared" si="2"/>
        <v>0.47582175925925924</v>
      </c>
      <c r="C195">
        <v>5670</v>
      </c>
      <c r="D195">
        <v>426.05</v>
      </c>
      <c r="E195">
        <v>558.11</v>
      </c>
      <c r="F195">
        <v>519.63</v>
      </c>
      <c r="G195">
        <v>335.48</v>
      </c>
      <c r="H195">
        <v>277.36</v>
      </c>
      <c r="I195">
        <v>362.66</v>
      </c>
      <c r="J195">
        <v>3293</v>
      </c>
      <c r="K195">
        <v>2112</v>
      </c>
      <c r="N195" s="11"/>
    </row>
    <row r="196" spans="2:14">
      <c r="B196" s="2">
        <f t="shared" si="2"/>
        <v>0.47616898148148146</v>
      </c>
      <c r="C196">
        <v>5700</v>
      </c>
      <c r="D196">
        <v>426.49</v>
      </c>
      <c r="E196">
        <v>558.13</v>
      </c>
      <c r="F196">
        <v>519.69000000000005</v>
      </c>
      <c r="G196">
        <v>336.4</v>
      </c>
      <c r="H196">
        <v>278.12</v>
      </c>
      <c r="I196">
        <v>358.09</v>
      </c>
      <c r="J196">
        <v>3290</v>
      </c>
      <c r="K196">
        <v>2115</v>
      </c>
      <c r="N196" s="11"/>
    </row>
    <row r="197" spans="2:14">
      <c r="B197" s="2">
        <f t="shared" si="2"/>
        <v>0.47651620370370368</v>
      </c>
      <c r="C197">
        <v>5730</v>
      </c>
      <c r="D197">
        <v>426.97</v>
      </c>
      <c r="E197">
        <v>558.4</v>
      </c>
      <c r="F197">
        <v>519.53</v>
      </c>
      <c r="G197">
        <v>338.58</v>
      </c>
      <c r="H197">
        <v>279.38</v>
      </c>
      <c r="I197">
        <v>361.23</v>
      </c>
      <c r="J197">
        <v>3294</v>
      </c>
      <c r="K197">
        <v>2109</v>
      </c>
      <c r="N197" s="11"/>
    </row>
    <row r="198" spans="2:14">
      <c r="B198" s="2">
        <f t="shared" ref="B198:B224" si="3">C198/24/60/60+$B$2</f>
        <v>0.4768634259259259</v>
      </c>
      <c r="C198">
        <v>5760</v>
      </c>
      <c r="D198">
        <v>427.35</v>
      </c>
      <c r="E198">
        <v>558.45000000000005</v>
      </c>
      <c r="F198">
        <v>520</v>
      </c>
      <c r="G198">
        <v>341.81</v>
      </c>
      <c r="H198">
        <v>280.68</v>
      </c>
      <c r="I198">
        <v>362.8</v>
      </c>
      <c r="J198">
        <v>3291</v>
      </c>
      <c r="K198">
        <v>2107</v>
      </c>
      <c r="N198" s="11"/>
    </row>
    <row r="199" spans="2:14">
      <c r="B199" s="2">
        <f t="shared" si="3"/>
        <v>0.47721064814814812</v>
      </c>
      <c r="C199">
        <v>5790</v>
      </c>
      <c r="D199">
        <v>427.68</v>
      </c>
      <c r="E199">
        <v>558.70000000000005</v>
      </c>
      <c r="F199">
        <v>520.27</v>
      </c>
      <c r="G199">
        <v>345.66</v>
      </c>
      <c r="H199">
        <v>282.08999999999997</v>
      </c>
      <c r="I199">
        <v>363.87</v>
      </c>
      <c r="J199">
        <v>3300</v>
      </c>
      <c r="K199">
        <v>2103</v>
      </c>
      <c r="N199" s="11"/>
    </row>
    <row r="200" spans="2:14">
      <c r="B200" s="2">
        <f t="shared" si="3"/>
        <v>0.47755787037037034</v>
      </c>
      <c r="C200">
        <v>5820</v>
      </c>
      <c r="D200">
        <v>428.19</v>
      </c>
      <c r="E200">
        <v>558.95000000000005</v>
      </c>
      <c r="F200">
        <v>520.57000000000005</v>
      </c>
      <c r="G200">
        <v>350.2</v>
      </c>
      <c r="H200">
        <v>282.94</v>
      </c>
      <c r="I200">
        <v>367.05</v>
      </c>
      <c r="J200">
        <v>3296</v>
      </c>
      <c r="K200">
        <v>2109</v>
      </c>
      <c r="N200" s="11"/>
    </row>
    <row r="201" spans="2:14">
      <c r="B201" s="2">
        <f t="shared" si="3"/>
        <v>0.47790509259259256</v>
      </c>
      <c r="C201">
        <v>5850</v>
      </c>
      <c r="D201">
        <v>428.66</v>
      </c>
      <c r="E201">
        <v>558.91</v>
      </c>
      <c r="F201">
        <v>520.85</v>
      </c>
      <c r="G201">
        <v>354.92</v>
      </c>
      <c r="H201">
        <v>284</v>
      </c>
      <c r="I201">
        <v>366.01</v>
      </c>
      <c r="J201">
        <v>3305</v>
      </c>
      <c r="K201">
        <v>2116</v>
      </c>
      <c r="N201" s="11"/>
    </row>
    <row r="202" spans="2:14">
      <c r="B202" s="2">
        <f t="shared" si="3"/>
        <v>0.47825231481481478</v>
      </c>
      <c r="C202">
        <v>5880</v>
      </c>
      <c r="D202">
        <v>429.13</v>
      </c>
      <c r="E202">
        <v>558.97</v>
      </c>
      <c r="F202">
        <v>520.97</v>
      </c>
      <c r="G202">
        <v>358.8</v>
      </c>
      <c r="H202">
        <v>285.66000000000003</v>
      </c>
      <c r="I202">
        <v>366.11</v>
      </c>
      <c r="J202">
        <v>3300</v>
      </c>
      <c r="K202">
        <v>2117</v>
      </c>
      <c r="N202" s="11"/>
    </row>
    <row r="203" spans="2:14">
      <c r="B203" s="2">
        <f t="shared" si="3"/>
        <v>0.47859953703703706</v>
      </c>
      <c r="C203">
        <v>5910</v>
      </c>
      <c r="D203">
        <v>429.68</v>
      </c>
      <c r="E203">
        <v>559.19000000000005</v>
      </c>
      <c r="F203">
        <v>521.25</v>
      </c>
      <c r="G203">
        <v>361.49</v>
      </c>
      <c r="H203">
        <v>287.36</v>
      </c>
      <c r="I203">
        <v>367.28</v>
      </c>
      <c r="J203">
        <v>3306</v>
      </c>
      <c r="K203">
        <v>2126</v>
      </c>
      <c r="N203" s="11"/>
    </row>
    <row r="204" spans="2:14">
      <c r="B204" s="2">
        <f t="shared" si="3"/>
        <v>0.47894675925925922</v>
      </c>
      <c r="C204">
        <v>5940</v>
      </c>
      <c r="D204">
        <v>430.15</v>
      </c>
      <c r="E204">
        <v>559.51</v>
      </c>
      <c r="F204">
        <v>521.71</v>
      </c>
      <c r="G204">
        <v>362.61</v>
      </c>
      <c r="H204">
        <v>288.58</v>
      </c>
      <c r="I204">
        <v>370.76</v>
      </c>
      <c r="J204">
        <v>3301</v>
      </c>
      <c r="K204">
        <v>2126</v>
      </c>
      <c r="N204" s="11"/>
    </row>
    <row r="205" spans="2:14">
      <c r="B205" s="2">
        <f t="shared" si="3"/>
        <v>0.47929398148148145</v>
      </c>
      <c r="C205">
        <v>5970</v>
      </c>
      <c r="D205">
        <v>430.64</v>
      </c>
      <c r="E205">
        <v>559.6</v>
      </c>
      <c r="F205">
        <v>522.02</v>
      </c>
      <c r="G205">
        <v>361.98</v>
      </c>
      <c r="H205">
        <v>289.29000000000002</v>
      </c>
      <c r="I205">
        <v>371.19</v>
      </c>
      <c r="J205">
        <v>3310</v>
      </c>
      <c r="K205">
        <v>2129</v>
      </c>
      <c r="N205" s="11"/>
    </row>
    <row r="206" spans="2:14">
      <c r="B206" s="2">
        <f t="shared" si="3"/>
        <v>0.47964120370370367</v>
      </c>
      <c r="C206">
        <v>6000</v>
      </c>
      <c r="D206">
        <v>431.08</v>
      </c>
      <c r="E206">
        <v>559.67999999999995</v>
      </c>
      <c r="F206">
        <v>522.23</v>
      </c>
      <c r="G206">
        <v>360.36</v>
      </c>
      <c r="H206">
        <v>289.73</v>
      </c>
      <c r="I206">
        <v>372.63</v>
      </c>
      <c r="J206">
        <v>3306</v>
      </c>
      <c r="K206">
        <v>2129</v>
      </c>
      <c r="N206" s="11"/>
    </row>
    <row r="207" spans="2:14">
      <c r="B207" s="2">
        <f t="shared" si="3"/>
        <v>0.47998842592592594</v>
      </c>
      <c r="C207">
        <v>6030</v>
      </c>
      <c r="D207">
        <v>431.43</v>
      </c>
      <c r="E207">
        <v>559.85</v>
      </c>
      <c r="F207">
        <v>522.42999999999995</v>
      </c>
      <c r="G207">
        <v>358.02</v>
      </c>
      <c r="H207">
        <v>290.31</v>
      </c>
      <c r="I207">
        <v>369.37</v>
      </c>
      <c r="J207">
        <v>3310</v>
      </c>
      <c r="K207">
        <v>2133</v>
      </c>
      <c r="N207" s="11"/>
    </row>
    <row r="208" spans="2:14">
      <c r="B208" s="2">
        <f t="shared" si="3"/>
        <v>0.48033564814814811</v>
      </c>
      <c r="C208">
        <v>6060</v>
      </c>
      <c r="D208">
        <v>431.84</v>
      </c>
      <c r="E208">
        <v>559.99</v>
      </c>
      <c r="F208">
        <v>522.66999999999996</v>
      </c>
      <c r="G208">
        <v>355.22</v>
      </c>
      <c r="H208">
        <v>290.92</v>
      </c>
      <c r="I208">
        <v>371.19</v>
      </c>
      <c r="J208">
        <v>3317</v>
      </c>
      <c r="K208">
        <v>2139</v>
      </c>
      <c r="N208" s="11"/>
    </row>
    <row r="209" spans="2:14">
      <c r="B209" s="2">
        <f t="shared" si="3"/>
        <v>0.48068287037037039</v>
      </c>
      <c r="C209">
        <v>6090</v>
      </c>
      <c r="D209">
        <v>432.22</v>
      </c>
      <c r="E209">
        <v>559.97</v>
      </c>
      <c r="F209">
        <v>522.97</v>
      </c>
      <c r="G209">
        <v>352.42</v>
      </c>
      <c r="H209">
        <v>291.41000000000003</v>
      </c>
      <c r="I209">
        <v>371.79</v>
      </c>
      <c r="J209">
        <v>3312</v>
      </c>
      <c r="K209">
        <v>2136</v>
      </c>
      <c r="N209" s="11"/>
    </row>
    <row r="210" spans="2:14">
      <c r="B210" s="2">
        <f t="shared" si="3"/>
        <v>0.48103009259259255</v>
      </c>
      <c r="C210">
        <v>6120</v>
      </c>
      <c r="D210">
        <v>432.71</v>
      </c>
      <c r="E210">
        <v>560.12</v>
      </c>
      <c r="F210">
        <v>523.02</v>
      </c>
      <c r="G210">
        <v>349.66</v>
      </c>
      <c r="H210">
        <v>291.61</v>
      </c>
      <c r="I210">
        <v>371.5</v>
      </c>
      <c r="J210">
        <v>3327</v>
      </c>
      <c r="K210">
        <v>2140</v>
      </c>
      <c r="N210" s="11"/>
    </row>
    <row r="211" spans="2:14">
      <c r="B211" s="2">
        <f t="shared" si="3"/>
        <v>0.48137731481481483</v>
      </c>
      <c r="C211">
        <v>6150</v>
      </c>
      <c r="D211">
        <v>433.12</v>
      </c>
      <c r="E211">
        <v>560.26</v>
      </c>
      <c r="F211">
        <v>523.11</v>
      </c>
      <c r="G211">
        <v>347.16</v>
      </c>
      <c r="H211">
        <v>292</v>
      </c>
      <c r="I211">
        <v>375.48</v>
      </c>
      <c r="J211">
        <v>3317</v>
      </c>
      <c r="K211">
        <v>2146</v>
      </c>
      <c r="N211" s="11"/>
    </row>
    <row r="212" spans="2:14">
      <c r="B212" s="2">
        <f t="shared" si="3"/>
        <v>0.48172453703703705</v>
      </c>
      <c r="C212">
        <v>6180</v>
      </c>
      <c r="D212">
        <v>433.56</v>
      </c>
      <c r="E212">
        <v>560.58000000000004</v>
      </c>
      <c r="F212">
        <v>523.37</v>
      </c>
      <c r="G212">
        <v>345.38</v>
      </c>
      <c r="H212">
        <v>292.39</v>
      </c>
      <c r="I212">
        <v>376.66</v>
      </c>
      <c r="J212">
        <v>3316</v>
      </c>
      <c r="K212">
        <v>2156</v>
      </c>
      <c r="N212" s="11"/>
    </row>
    <row r="213" spans="2:14">
      <c r="B213" s="2">
        <f t="shared" si="3"/>
        <v>0.48207175925925927</v>
      </c>
      <c r="C213">
        <v>6210</v>
      </c>
      <c r="D213">
        <v>433.94</v>
      </c>
      <c r="E213">
        <v>560.41</v>
      </c>
      <c r="F213">
        <v>523.63</v>
      </c>
      <c r="G213">
        <v>346.77</v>
      </c>
      <c r="H213">
        <v>291.89999999999998</v>
      </c>
      <c r="I213">
        <v>378.19</v>
      </c>
      <c r="J213">
        <v>3335</v>
      </c>
      <c r="K213">
        <v>2158</v>
      </c>
      <c r="N213" s="11"/>
    </row>
    <row r="214" spans="2:14">
      <c r="B214" s="2">
        <f t="shared" si="3"/>
        <v>0.48241898148148143</v>
      </c>
      <c r="C214">
        <v>6240</v>
      </c>
      <c r="D214">
        <v>434.28</v>
      </c>
      <c r="E214">
        <v>560.52</v>
      </c>
      <c r="F214">
        <v>523.91999999999996</v>
      </c>
      <c r="G214">
        <v>346.16</v>
      </c>
      <c r="H214">
        <v>291.7</v>
      </c>
      <c r="I214">
        <v>381.99</v>
      </c>
      <c r="J214">
        <v>3330</v>
      </c>
      <c r="K214">
        <v>2148</v>
      </c>
      <c r="N214" s="11"/>
    </row>
    <row r="215" spans="2:14">
      <c r="B215" s="2">
        <f t="shared" si="3"/>
        <v>0.48276620370370371</v>
      </c>
      <c r="C215">
        <v>6270</v>
      </c>
      <c r="D215">
        <v>434.59</v>
      </c>
      <c r="E215">
        <v>560.70000000000005</v>
      </c>
      <c r="F215">
        <v>523.73</v>
      </c>
      <c r="G215">
        <v>347.16</v>
      </c>
      <c r="H215">
        <v>292.77</v>
      </c>
      <c r="I215">
        <v>382.09</v>
      </c>
      <c r="J215">
        <v>3331</v>
      </c>
      <c r="K215">
        <v>2154</v>
      </c>
      <c r="N215" s="11"/>
    </row>
    <row r="216" spans="2:14">
      <c r="B216" s="2">
        <f t="shared" si="3"/>
        <v>0.48311342592592593</v>
      </c>
      <c r="C216">
        <v>6300</v>
      </c>
      <c r="D216">
        <v>434.83</v>
      </c>
      <c r="E216">
        <v>560.80999999999995</v>
      </c>
      <c r="F216">
        <v>524</v>
      </c>
      <c r="G216">
        <v>350.38</v>
      </c>
      <c r="H216">
        <v>293.63</v>
      </c>
      <c r="I216">
        <v>382.41</v>
      </c>
      <c r="J216">
        <v>3337</v>
      </c>
      <c r="K216">
        <v>2158</v>
      </c>
      <c r="N216" s="11"/>
    </row>
    <row r="217" spans="2:14">
      <c r="B217" s="2">
        <f t="shared" si="3"/>
        <v>0.48346064814814815</v>
      </c>
      <c r="C217">
        <v>6330</v>
      </c>
      <c r="D217">
        <v>434.97</v>
      </c>
      <c r="E217">
        <v>560.53</v>
      </c>
      <c r="F217">
        <v>524.07000000000005</v>
      </c>
      <c r="G217">
        <v>355.21</v>
      </c>
      <c r="H217">
        <v>290.73</v>
      </c>
      <c r="I217">
        <v>383.45</v>
      </c>
      <c r="J217">
        <v>3331</v>
      </c>
      <c r="K217">
        <v>2160</v>
      </c>
      <c r="N217" s="11"/>
    </row>
    <row r="218" spans="2:14">
      <c r="B218" s="2">
        <f t="shared" si="3"/>
        <v>0.48380787037037037</v>
      </c>
      <c r="C218">
        <v>6360</v>
      </c>
      <c r="D218">
        <v>435.24</v>
      </c>
      <c r="E218">
        <v>560.17999999999995</v>
      </c>
      <c r="F218">
        <v>523.98</v>
      </c>
      <c r="G218">
        <v>361.26</v>
      </c>
      <c r="H218">
        <v>286.48</v>
      </c>
      <c r="I218">
        <v>382.96</v>
      </c>
      <c r="J218">
        <v>3328</v>
      </c>
      <c r="K218">
        <v>2173</v>
      </c>
      <c r="N218" s="11"/>
    </row>
    <row r="219" spans="2:14">
      <c r="B219" s="2">
        <f t="shared" si="3"/>
        <v>0.4841550925925926</v>
      </c>
      <c r="C219">
        <v>6390</v>
      </c>
      <c r="D219">
        <v>435.59</v>
      </c>
      <c r="E219">
        <v>560.19000000000005</v>
      </c>
      <c r="F219">
        <v>524.14</v>
      </c>
      <c r="G219">
        <v>364.19</v>
      </c>
      <c r="H219">
        <v>282.33</v>
      </c>
      <c r="I219">
        <v>385.35</v>
      </c>
      <c r="J219">
        <v>3329</v>
      </c>
      <c r="K219">
        <v>2166</v>
      </c>
      <c r="N219" s="11"/>
    </row>
    <row r="220" spans="2:14">
      <c r="B220" s="2">
        <f t="shared" si="3"/>
        <v>0.48450231481481482</v>
      </c>
      <c r="C220">
        <v>6420</v>
      </c>
      <c r="D220">
        <v>436.02</v>
      </c>
      <c r="E220">
        <v>560.36</v>
      </c>
      <c r="F220">
        <v>524.14</v>
      </c>
      <c r="G220">
        <v>367.52</v>
      </c>
      <c r="H220">
        <v>281.52</v>
      </c>
      <c r="I220">
        <v>385.51</v>
      </c>
      <c r="J220">
        <v>3338</v>
      </c>
      <c r="K220">
        <v>2161</v>
      </c>
      <c r="N220" s="11"/>
    </row>
    <row r="221" spans="2:14">
      <c r="B221" s="2">
        <f t="shared" si="3"/>
        <v>0.48484953703703704</v>
      </c>
      <c r="C221">
        <v>6450</v>
      </c>
      <c r="D221">
        <v>436.48</v>
      </c>
      <c r="E221">
        <v>560.36</v>
      </c>
      <c r="F221">
        <v>524.37</v>
      </c>
      <c r="G221">
        <v>370.44</v>
      </c>
      <c r="H221">
        <v>281.8</v>
      </c>
      <c r="I221">
        <v>386.24</v>
      </c>
      <c r="J221">
        <v>3334</v>
      </c>
      <c r="K221">
        <v>2164</v>
      </c>
      <c r="N221" s="11"/>
    </row>
    <row r="222" spans="2:14">
      <c r="B222" s="2">
        <f t="shared" si="3"/>
        <v>0.48519675925925926</v>
      </c>
      <c r="C222">
        <v>6480</v>
      </c>
      <c r="D222">
        <v>436.8</v>
      </c>
      <c r="E222">
        <v>560.44000000000005</v>
      </c>
      <c r="F222">
        <v>524.15</v>
      </c>
      <c r="G222">
        <v>374.66</v>
      </c>
      <c r="H222">
        <v>281.77999999999997</v>
      </c>
      <c r="I222">
        <v>392.12</v>
      </c>
      <c r="J222">
        <v>3333</v>
      </c>
      <c r="K222">
        <v>2171</v>
      </c>
      <c r="N222" s="11"/>
    </row>
    <row r="223" spans="2:14">
      <c r="B223" s="2">
        <f t="shared" si="3"/>
        <v>0.48554398148148148</v>
      </c>
      <c r="C223">
        <v>6510</v>
      </c>
      <c r="D223">
        <v>437.07</v>
      </c>
      <c r="E223">
        <v>560.45000000000005</v>
      </c>
      <c r="F223">
        <v>524.17999999999995</v>
      </c>
      <c r="G223">
        <v>374.59</v>
      </c>
      <c r="H223">
        <v>280.23</v>
      </c>
      <c r="I223">
        <v>391.9</v>
      </c>
      <c r="J223">
        <v>3342</v>
      </c>
      <c r="K223">
        <v>2181</v>
      </c>
      <c r="N223" s="11"/>
    </row>
    <row r="224" spans="2:14">
      <c r="B224" s="2">
        <f t="shared" si="3"/>
        <v>0.4858912037037037</v>
      </c>
      <c r="C224">
        <v>6540</v>
      </c>
      <c r="D224">
        <v>437.32</v>
      </c>
      <c r="E224">
        <v>560.32000000000005</v>
      </c>
      <c r="F224">
        <v>524.39</v>
      </c>
      <c r="G224">
        <v>374.14</v>
      </c>
      <c r="H224">
        <v>279.2</v>
      </c>
      <c r="I224">
        <v>393.42</v>
      </c>
      <c r="J224">
        <v>3342</v>
      </c>
      <c r="K224">
        <v>2187</v>
      </c>
      <c r="N224" s="11"/>
    </row>
    <row r="225" spans="2:14">
      <c r="B225" s="2">
        <f>C225/24/60/60+$B$3</f>
        <v>0.48623842592592592</v>
      </c>
      <c r="C225">
        <v>6570</v>
      </c>
      <c r="D225">
        <v>437.5</v>
      </c>
      <c r="E225">
        <v>560.19000000000005</v>
      </c>
      <c r="F225">
        <v>524.42999999999995</v>
      </c>
      <c r="G225">
        <v>376.88</v>
      </c>
      <c r="H225">
        <v>277.54000000000002</v>
      </c>
      <c r="I225">
        <v>394.61</v>
      </c>
      <c r="J225">
        <v>3345</v>
      </c>
      <c r="K225">
        <v>2190</v>
      </c>
      <c r="N225" s="11"/>
    </row>
    <row r="226" spans="2:14">
      <c r="B226" s="2">
        <f t="shared" ref="B226:B289" si="4">C226/24/60/60+$B$3</f>
        <v>0.48658564814814814</v>
      </c>
      <c r="C226">
        <v>6600</v>
      </c>
      <c r="D226">
        <v>437.65</v>
      </c>
      <c r="E226">
        <v>559.61</v>
      </c>
      <c r="F226">
        <v>524.47</v>
      </c>
      <c r="G226">
        <v>385.9</v>
      </c>
      <c r="H226">
        <v>274.77999999999997</v>
      </c>
      <c r="I226">
        <v>395.85</v>
      </c>
      <c r="J226">
        <v>3339</v>
      </c>
      <c r="K226">
        <v>2193</v>
      </c>
      <c r="N226" s="11"/>
    </row>
    <row r="227" spans="2:14">
      <c r="B227" s="2">
        <f t="shared" si="4"/>
        <v>0.48693287037037036</v>
      </c>
      <c r="C227">
        <v>6630</v>
      </c>
      <c r="D227">
        <v>437.84</v>
      </c>
      <c r="E227">
        <v>559.67999999999995</v>
      </c>
      <c r="F227">
        <v>524.45000000000005</v>
      </c>
      <c r="G227">
        <v>388.33</v>
      </c>
      <c r="H227">
        <v>271.26</v>
      </c>
      <c r="I227">
        <v>396.25</v>
      </c>
      <c r="J227">
        <v>3351</v>
      </c>
      <c r="K227">
        <v>2196</v>
      </c>
      <c r="N227" s="11"/>
    </row>
    <row r="228" spans="2:14">
      <c r="B228" s="2">
        <f t="shared" si="4"/>
        <v>0.48728009259259258</v>
      </c>
      <c r="C228">
        <v>6660</v>
      </c>
      <c r="D228">
        <v>438.04</v>
      </c>
      <c r="E228">
        <v>559.44000000000005</v>
      </c>
      <c r="F228">
        <v>524.58000000000004</v>
      </c>
      <c r="G228">
        <v>391.83</v>
      </c>
      <c r="H228">
        <v>268.67</v>
      </c>
      <c r="I228">
        <v>394.45</v>
      </c>
      <c r="J228">
        <v>3343</v>
      </c>
      <c r="K228">
        <v>2201</v>
      </c>
      <c r="N228" s="11"/>
    </row>
    <row r="229" spans="2:14">
      <c r="B229" s="2">
        <f t="shared" si="4"/>
        <v>0.48762731481481481</v>
      </c>
      <c r="C229">
        <v>6690</v>
      </c>
      <c r="D229">
        <v>438.33</v>
      </c>
      <c r="E229">
        <v>559.21</v>
      </c>
      <c r="F229">
        <v>524.52</v>
      </c>
      <c r="G229">
        <v>398.36</v>
      </c>
      <c r="H229">
        <v>266.7</v>
      </c>
      <c r="I229">
        <v>396.24</v>
      </c>
      <c r="J229">
        <v>3348</v>
      </c>
      <c r="K229">
        <v>2205</v>
      </c>
      <c r="N229" s="11"/>
    </row>
    <row r="230" spans="2:14">
      <c r="B230" s="2">
        <f t="shared" si="4"/>
        <v>0.48797453703703703</v>
      </c>
      <c r="C230">
        <v>6720</v>
      </c>
      <c r="D230">
        <v>438.68</v>
      </c>
      <c r="E230">
        <v>559.32000000000005</v>
      </c>
      <c r="F230">
        <v>524.66999999999996</v>
      </c>
      <c r="G230">
        <v>400.22</v>
      </c>
      <c r="H230">
        <v>264.68</v>
      </c>
      <c r="I230">
        <v>399.65</v>
      </c>
      <c r="J230">
        <v>3343</v>
      </c>
      <c r="K230">
        <v>2205</v>
      </c>
      <c r="N230" s="11"/>
    </row>
    <row r="231" spans="2:14">
      <c r="B231" s="2">
        <f t="shared" si="4"/>
        <v>0.48832175925925925</v>
      </c>
      <c r="C231">
        <v>6750</v>
      </c>
      <c r="D231">
        <v>438.94</v>
      </c>
      <c r="E231">
        <v>559.39</v>
      </c>
      <c r="F231">
        <v>525</v>
      </c>
      <c r="G231">
        <v>402.27</v>
      </c>
      <c r="H231">
        <v>263.36</v>
      </c>
      <c r="I231">
        <v>399.05</v>
      </c>
      <c r="J231">
        <v>3344</v>
      </c>
      <c r="K231">
        <v>2201</v>
      </c>
      <c r="N231" s="11"/>
    </row>
    <row r="232" spans="2:14">
      <c r="B232" s="2">
        <f t="shared" si="4"/>
        <v>0.48866898148148147</v>
      </c>
      <c r="C232">
        <v>6780</v>
      </c>
      <c r="D232">
        <v>439.18</v>
      </c>
      <c r="E232">
        <v>559.5</v>
      </c>
      <c r="F232">
        <v>525.19000000000005</v>
      </c>
      <c r="G232">
        <v>405.78</v>
      </c>
      <c r="H232">
        <v>261.86</v>
      </c>
      <c r="I232">
        <v>401.07</v>
      </c>
      <c r="J232">
        <v>3333</v>
      </c>
      <c r="K232">
        <v>2184</v>
      </c>
      <c r="N232" s="11"/>
    </row>
    <row r="233" spans="2:14">
      <c r="B233" s="2">
        <f t="shared" si="4"/>
        <v>0.48901620370370369</v>
      </c>
      <c r="C233">
        <v>6810</v>
      </c>
      <c r="D233">
        <v>439.35</v>
      </c>
      <c r="E233">
        <v>559.54</v>
      </c>
      <c r="F233">
        <v>525.54</v>
      </c>
      <c r="G233">
        <v>409.88</v>
      </c>
      <c r="H233">
        <v>260.49</v>
      </c>
      <c r="I233">
        <v>400.68</v>
      </c>
      <c r="J233">
        <v>3342</v>
      </c>
      <c r="K233">
        <v>2191</v>
      </c>
      <c r="N233" s="11"/>
    </row>
    <row r="234" spans="2:14">
      <c r="B234" s="2">
        <f t="shared" si="4"/>
        <v>0.48936342592592591</v>
      </c>
      <c r="C234">
        <v>6840</v>
      </c>
      <c r="D234">
        <v>439.44</v>
      </c>
      <c r="E234">
        <v>559.63</v>
      </c>
      <c r="F234">
        <v>525.86</v>
      </c>
      <c r="G234">
        <v>414.5</v>
      </c>
      <c r="H234">
        <v>260.02999999999997</v>
      </c>
      <c r="I234">
        <v>402.59</v>
      </c>
      <c r="J234">
        <v>3348</v>
      </c>
      <c r="K234">
        <v>2201</v>
      </c>
      <c r="N234" s="11"/>
    </row>
    <row r="235" spans="2:14">
      <c r="B235" s="2">
        <f t="shared" si="4"/>
        <v>0.48971064814814813</v>
      </c>
      <c r="C235">
        <v>6870</v>
      </c>
      <c r="D235">
        <v>439.53</v>
      </c>
      <c r="E235">
        <v>559.5</v>
      </c>
      <c r="F235">
        <v>525.89</v>
      </c>
      <c r="G235">
        <v>420.84</v>
      </c>
      <c r="H235">
        <v>260.66000000000003</v>
      </c>
      <c r="I235">
        <v>401.27</v>
      </c>
      <c r="J235">
        <v>3344</v>
      </c>
      <c r="K235">
        <v>2214</v>
      </c>
      <c r="N235" s="11"/>
    </row>
    <row r="236" spans="2:14">
      <c r="B236" s="2">
        <f t="shared" si="4"/>
        <v>0.49005787037037035</v>
      </c>
      <c r="C236">
        <v>6900</v>
      </c>
      <c r="D236">
        <v>439.66</v>
      </c>
      <c r="E236">
        <v>559.35</v>
      </c>
      <c r="F236">
        <v>525.57000000000005</v>
      </c>
      <c r="G236">
        <v>426.85</v>
      </c>
      <c r="H236">
        <v>261.66000000000003</v>
      </c>
      <c r="I236">
        <v>400.24</v>
      </c>
      <c r="J236">
        <v>3342</v>
      </c>
      <c r="K236">
        <v>2205</v>
      </c>
      <c r="N236" s="11"/>
    </row>
    <row r="237" spans="2:14">
      <c r="B237" s="2">
        <f t="shared" si="4"/>
        <v>0.49040509259259257</v>
      </c>
      <c r="C237">
        <v>6930</v>
      </c>
      <c r="D237">
        <v>439.9</v>
      </c>
      <c r="E237">
        <v>559.36</v>
      </c>
      <c r="F237">
        <v>525.54999999999995</v>
      </c>
      <c r="G237">
        <v>434.11</v>
      </c>
      <c r="H237">
        <v>262.86</v>
      </c>
      <c r="I237">
        <v>404.55</v>
      </c>
      <c r="J237">
        <v>3329</v>
      </c>
      <c r="K237">
        <v>2218</v>
      </c>
      <c r="N237" s="11"/>
    </row>
    <row r="238" spans="2:14">
      <c r="B238" s="2">
        <f t="shared" si="4"/>
        <v>0.49075231481481479</v>
      </c>
      <c r="C238">
        <v>6960</v>
      </c>
      <c r="D238">
        <v>440.07</v>
      </c>
      <c r="E238">
        <v>559.46</v>
      </c>
      <c r="F238">
        <v>525.53</v>
      </c>
      <c r="G238">
        <v>439.58</v>
      </c>
      <c r="H238">
        <v>264.06</v>
      </c>
      <c r="I238">
        <v>406.14</v>
      </c>
      <c r="J238">
        <v>3329</v>
      </c>
      <c r="K238">
        <v>2214</v>
      </c>
      <c r="N238" s="11"/>
    </row>
    <row r="239" spans="2:14">
      <c r="B239" s="2">
        <f t="shared" si="4"/>
        <v>0.49109953703703701</v>
      </c>
      <c r="C239">
        <v>6990</v>
      </c>
      <c r="D239">
        <v>440.37</v>
      </c>
      <c r="E239">
        <v>559.64</v>
      </c>
      <c r="F239">
        <v>525.58000000000004</v>
      </c>
      <c r="G239">
        <v>445.46</v>
      </c>
      <c r="H239">
        <v>265.25</v>
      </c>
      <c r="I239">
        <v>405.59</v>
      </c>
      <c r="J239">
        <v>3335</v>
      </c>
      <c r="K239">
        <v>2197</v>
      </c>
      <c r="N239" s="11"/>
    </row>
    <row r="240" spans="2:14">
      <c r="B240" s="2">
        <f t="shared" si="4"/>
        <v>0.49144675925925924</v>
      </c>
      <c r="C240">
        <v>7020</v>
      </c>
      <c r="D240">
        <v>440.61</v>
      </c>
      <c r="E240">
        <v>559.77</v>
      </c>
      <c r="F240">
        <v>526.01</v>
      </c>
      <c r="G240">
        <v>448.99</v>
      </c>
      <c r="H240">
        <v>266.27999999999997</v>
      </c>
      <c r="I240">
        <v>406.05</v>
      </c>
      <c r="J240">
        <v>3346</v>
      </c>
      <c r="K240">
        <v>2197</v>
      </c>
      <c r="N240" s="11"/>
    </row>
    <row r="241" spans="2:14">
      <c r="B241" s="2">
        <f t="shared" si="4"/>
        <v>0.49179398148148146</v>
      </c>
      <c r="C241">
        <v>7050</v>
      </c>
      <c r="D241">
        <v>440.82</v>
      </c>
      <c r="E241">
        <v>559.86</v>
      </c>
      <c r="F241">
        <v>526.08000000000004</v>
      </c>
      <c r="G241">
        <v>451.52</v>
      </c>
      <c r="H241">
        <v>267.25</v>
      </c>
      <c r="I241">
        <v>409.84</v>
      </c>
      <c r="J241">
        <v>3340</v>
      </c>
      <c r="K241">
        <v>2164</v>
      </c>
      <c r="N241" s="11"/>
    </row>
    <row r="242" spans="2:14">
      <c r="B242" s="2">
        <f t="shared" si="4"/>
        <v>0.49214120370370368</v>
      </c>
      <c r="C242">
        <v>7080</v>
      </c>
      <c r="D242">
        <v>441.03</v>
      </c>
      <c r="E242">
        <v>559.9</v>
      </c>
      <c r="F242">
        <v>526.36</v>
      </c>
      <c r="G242">
        <v>451.91</v>
      </c>
      <c r="H242">
        <v>267.88</v>
      </c>
      <c r="I242">
        <v>410.14</v>
      </c>
      <c r="J242">
        <v>3344</v>
      </c>
      <c r="K242">
        <v>2047</v>
      </c>
      <c r="N242" s="11"/>
    </row>
    <row r="243" spans="2:14">
      <c r="B243" s="2">
        <f t="shared" si="4"/>
        <v>0.4924884259259259</v>
      </c>
      <c r="C243">
        <v>7110</v>
      </c>
      <c r="D243">
        <v>441.19</v>
      </c>
      <c r="E243">
        <v>559.9</v>
      </c>
      <c r="F243">
        <v>526.34</v>
      </c>
      <c r="G243">
        <v>449.9</v>
      </c>
      <c r="H243">
        <v>268.02999999999997</v>
      </c>
      <c r="I243">
        <v>410.96</v>
      </c>
      <c r="J243">
        <v>3351</v>
      </c>
      <c r="K243">
        <v>2236</v>
      </c>
      <c r="N243" s="11"/>
    </row>
    <row r="244" spans="2:14">
      <c r="B244" s="2">
        <f t="shared" si="4"/>
        <v>0.49283564814814812</v>
      </c>
      <c r="C244">
        <v>7140</v>
      </c>
      <c r="D244">
        <v>441.34</v>
      </c>
      <c r="E244">
        <v>559.95000000000005</v>
      </c>
      <c r="F244">
        <v>526.52</v>
      </c>
      <c r="G244">
        <v>447.66</v>
      </c>
      <c r="H244">
        <v>268.02999999999997</v>
      </c>
      <c r="I244">
        <v>410.07</v>
      </c>
      <c r="J244">
        <v>3355</v>
      </c>
      <c r="K244">
        <v>2241</v>
      </c>
      <c r="N244" s="11"/>
    </row>
    <row r="245" spans="2:14">
      <c r="B245" s="2">
        <f t="shared" si="4"/>
        <v>0.49318287037037034</v>
      </c>
      <c r="C245">
        <v>7170</v>
      </c>
      <c r="D245">
        <v>441.4</v>
      </c>
      <c r="E245">
        <v>559.99</v>
      </c>
      <c r="F245">
        <v>526.34</v>
      </c>
      <c r="G245">
        <v>445.48</v>
      </c>
      <c r="H245">
        <v>267.56</v>
      </c>
      <c r="I245">
        <v>413.85</v>
      </c>
      <c r="J245">
        <v>3360</v>
      </c>
      <c r="K245">
        <v>2245</v>
      </c>
      <c r="N245" s="11"/>
    </row>
    <row r="246" spans="2:14">
      <c r="B246" s="2">
        <f t="shared" si="4"/>
        <v>0.49353009259259256</v>
      </c>
      <c r="C246">
        <v>7200</v>
      </c>
      <c r="D246">
        <v>441.49</v>
      </c>
      <c r="E246">
        <v>559.94000000000005</v>
      </c>
      <c r="F246">
        <v>526.35</v>
      </c>
      <c r="G246">
        <v>442.31</v>
      </c>
      <c r="H246">
        <v>266.7</v>
      </c>
      <c r="I246">
        <v>414.6</v>
      </c>
      <c r="J246">
        <v>3362</v>
      </c>
      <c r="K246">
        <v>2243</v>
      </c>
      <c r="N246" s="11"/>
    </row>
    <row r="247" spans="2:14">
      <c r="B247" s="2">
        <f t="shared" si="4"/>
        <v>0.49387731481481478</v>
      </c>
      <c r="C247">
        <v>7230</v>
      </c>
      <c r="D247">
        <v>441.74</v>
      </c>
      <c r="E247">
        <v>560.11</v>
      </c>
      <c r="F247">
        <v>526.45000000000005</v>
      </c>
      <c r="G247">
        <v>438.38</v>
      </c>
      <c r="H247">
        <v>265.68</v>
      </c>
      <c r="I247">
        <v>415.23</v>
      </c>
      <c r="J247">
        <v>3357</v>
      </c>
      <c r="K247">
        <v>2242</v>
      </c>
      <c r="N247" s="11"/>
    </row>
    <row r="248" spans="2:14">
      <c r="B248" s="2">
        <f t="shared" si="4"/>
        <v>0.49422453703703706</v>
      </c>
      <c r="C248">
        <v>7260</v>
      </c>
      <c r="D248">
        <v>442.03</v>
      </c>
      <c r="E248">
        <v>560.11</v>
      </c>
      <c r="F248">
        <v>526.71</v>
      </c>
      <c r="G248">
        <v>436.24</v>
      </c>
      <c r="H248">
        <v>264.60000000000002</v>
      </c>
      <c r="I248">
        <v>414.87</v>
      </c>
      <c r="J248">
        <v>3362</v>
      </c>
      <c r="K248">
        <v>2245</v>
      </c>
      <c r="N248" s="11"/>
    </row>
    <row r="249" spans="2:14">
      <c r="B249" s="2">
        <f t="shared" si="4"/>
        <v>0.49457175925925922</v>
      </c>
      <c r="C249">
        <v>7290</v>
      </c>
      <c r="D249">
        <v>442.24</v>
      </c>
      <c r="E249">
        <v>560.24</v>
      </c>
      <c r="F249">
        <v>526.88</v>
      </c>
      <c r="G249">
        <v>434.56</v>
      </c>
      <c r="H249">
        <v>263.42</v>
      </c>
      <c r="I249">
        <v>416.21</v>
      </c>
      <c r="J249">
        <v>3367</v>
      </c>
      <c r="K249">
        <v>2241</v>
      </c>
      <c r="N249" s="11"/>
    </row>
    <row r="250" spans="2:14">
      <c r="B250" s="2">
        <f t="shared" si="4"/>
        <v>0.49491898148148145</v>
      </c>
      <c r="C250">
        <v>7320</v>
      </c>
      <c r="D250">
        <v>442.45</v>
      </c>
      <c r="E250">
        <v>560.19000000000005</v>
      </c>
      <c r="F250">
        <v>526.97</v>
      </c>
      <c r="G250">
        <v>434.18</v>
      </c>
      <c r="H250">
        <v>262.33</v>
      </c>
      <c r="I250">
        <v>417.39</v>
      </c>
      <c r="J250">
        <v>3357</v>
      </c>
      <c r="K250">
        <v>953</v>
      </c>
      <c r="N250" s="11"/>
    </row>
    <row r="251" spans="2:14">
      <c r="B251" s="2">
        <f t="shared" si="4"/>
        <v>0.49526620370370367</v>
      </c>
      <c r="C251">
        <v>7350</v>
      </c>
      <c r="D251">
        <v>442.58</v>
      </c>
      <c r="E251">
        <v>560.34</v>
      </c>
      <c r="F251">
        <v>527.28</v>
      </c>
      <c r="G251">
        <v>435.86</v>
      </c>
      <c r="H251">
        <v>261.51</v>
      </c>
      <c r="I251">
        <v>418.38</v>
      </c>
      <c r="J251">
        <v>3370</v>
      </c>
      <c r="K251">
        <v>300</v>
      </c>
      <c r="N251" s="11"/>
    </row>
    <row r="252" spans="2:14">
      <c r="B252" s="2">
        <f t="shared" si="4"/>
        <v>0.49561342592592594</v>
      </c>
      <c r="C252">
        <v>7380</v>
      </c>
      <c r="D252">
        <v>442.68</v>
      </c>
      <c r="E252">
        <v>560.41999999999996</v>
      </c>
      <c r="F252">
        <v>527.11</v>
      </c>
      <c r="G252">
        <v>439.31</v>
      </c>
      <c r="H252">
        <v>260.89</v>
      </c>
      <c r="I252">
        <v>418.62</v>
      </c>
      <c r="J252">
        <v>3366</v>
      </c>
      <c r="K252">
        <v>296</v>
      </c>
      <c r="N252" s="11"/>
    </row>
    <row r="253" spans="2:14">
      <c r="B253" s="2">
        <f t="shared" si="4"/>
        <v>0.49596064814814811</v>
      </c>
      <c r="C253">
        <v>7410</v>
      </c>
      <c r="D253">
        <v>442.71</v>
      </c>
      <c r="E253">
        <v>560.4</v>
      </c>
      <c r="F253">
        <v>526.92999999999995</v>
      </c>
      <c r="G253">
        <v>442.77</v>
      </c>
      <c r="H253">
        <v>260.48</v>
      </c>
      <c r="I253">
        <v>417.98</v>
      </c>
      <c r="J253">
        <v>3362</v>
      </c>
      <c r="K253">
        <v>284</v>
      </c>
      <c r="N253" s="11"/>
    </row>
    <row r="254" spans="2:14">
      <c r="B254" s="2">
        <f t="shared" si="4"/>
        <v>0.49630787037037039</v>
      </c>
      <c r="C254">
        <v>7440</v>
      </c>
      <c r="D254">
        <v>442.71</v>
      </c>
      <c r="E254">
        <v>560.26</v>
      </c>
      <c r="F254">
        <v>527.08000000000004</v>
      </c>
      <c r="G254">
        <v>447.56</v>
      </c>
      <c r="H254">
        <v>260.45</v>
      </c>
      <c r="I254">
        <v>419.44</v>
      </c>
      <c r="J254">
        <v>3369</v>
      </c>
      <c r="K254">
        <v>167</v>
      </c>
      <c r="N254" s="11"/>
    </row>
    <row r="255" spans="2:14">
      <c r="B255" s="2">
        <f t="shared" si="4"/>
        <v>0.49665509259259255</v>
      </c>
      <c r="C255">
        <v>7470</v>
      </c>
      <c r="D255">
        <v>442.77</v>
      </c>
      <c r="E255">
        <v>560.53</v>
      </c>
      <c r="F255">
        <v>527.41</v>
      </c>
      <c r="G255">
        <v>453.33</v>
      </c>
      <c r="H255">
        <v>260.82</v>
      </c>
      <c r="I255">
        <v>422.59</v>
      </c>
      <c r="J255">
        <v>3363</v>
      </c>
      <c r="K255">
        <v>423</v>
      </c>
      <c r="N255" s="11"/>
    </row>
    <row r="256" spans="2:14">
      <c r="B256" s="2">
        <f t="shared" si="4"/>
        <v>0.49700231481481483</v>
      </c>
      <c r="C256">
        <v>7500</v>
      </c>
      <c r="D256">
        <v>442.91</v>
      </c>
      <c r="E256">
        <v>560.48</v>
      </c>
      <c r="F256">
        <v>527.39</v>
      </c>
      <c r="G256">
        <v>459.67</v>
      </c>
      <c r="H256">
        <v>261.37</v>
      </c>
      <c r="I256">
        <v>423.53</v>
      </c>
      <c r="J256">
        <v>3374</v>
      </c>
      <c r="K256">
        <v>760</v>
      </c>
      <c r="N256" s="11"/>
    </row>
    <row r="257" spans="2:14">
      <c r="B257" s="2">
        <f t="shared" si="4"/>
        <v>0.49734953703703705</v>
      </c>
      <c r="C257">
        <v>7530</v>
      </c>
      <c r="D257">
        <v>443.14</v>
      </c>
      <c r="E257">
        <v>560.49</v>
      </c>
      <c r="F257">
        <v>527.20000000000005</v>
      </c>
      <c r="G257">
        <v>464.57</v>
      </c>
      <c r="H257">
        <v>261.89</v>
      </c>
      <c r="I257">
        <v>423.34</v>
      </c>
      <c r="J257">
        <v>3370</v>
      </c>
      <c r="K257">
        <v>774</v>
      </c>
      <c r="N257" s="11"/>
    </row>
    <row r="258" spans="2:14">
      <c r="B258" s="2">
        <f t="shared" si="4"/>
        <v>0.49769675925925927</v>
      </c>
      <c r="C258">
        <v>7560</v>
      </c>
      <c r="D258">
        <v>443.37</v>
      </c>
      <c r="E258">
        <v>560.41</v>
      </c>
      <c r="F258">
        <v>527.28</v>
      </c>
      <c r="G258">
        <v>469.22</v>
      </c>
      <c r="H258">
        <v>262.69</v>
      </c>
      <c r="I258">
        <v>422.85</v>
      </c>
      <c r="J258">
        <v>3375</v>
      </c>
      <c r="K258">
        <v>800</v>
      </c>
      <c r="N258" s="11"/>
    </row>
    <row r="259" spans="2:14">
      <c r="B259" s="2">
        <f t="shared" si="4"/>
        <v>0.49804398148148143</v>
      </c>
      <c r="C259">
        <v>7590</v>
      </c>
      <c r="D259">
        <v>443.62</v>
      </c>
      <c r="E259">
        <v>560.57000000000005</v>
      </c>
      <c r="F259">
        <v>527.30999999999995</v>
      </c>
      <c r="G259">
        <v>471.57</v>
      </c>
      <c r="H259">
        <v>263.58999999999997</v>
      </c>
      <c r="I259">
        <v>425.92</v>
      </c>
      <c r="J259">
        <v>3374</v>
      </c>
      <c r="K259">
        <v>652</v>
      </c>
      <c r="N259" s="11"/>
    </row>
    <row r="260" spans="2:14">
      <c r="B260" s="2">
        <f t="shared" si="4"/>
        <v>0.49839120370370371</v>
      </c>
      <c r="C260">
        <v>7620</v>
      </c>
      <c r="D260">
        <v>443.78</v>
      </c>
      <c r="E260">
        <v>560.52</v>
      </c>
      <c r="F260">
        <v>527.08000000000004</v>
      </c>
      <c r="G260">
        <v>470.17</v>
      </c>
      <c r="H260">
        <v>264.37</v>
      </c>
      <c r="I260">
        <v>424.06</v>
      </c>
      <c r="J260">
        <v>3371</v>
      </c>
      <c r="K260">
        <v>659</v>
      </c>
      <c r="N260" s="11"/>
    </row>
    <row r="261" spans="2:14">
      <c r="B261" s="2">
        <f t="shared" si="4"/>
        <v>0.49873842592592593</v>
      </c>
      <c r="C261">
        <v>7650</v>
      </c>
      <c r="D261">
        <v>443.79</v>
      </c>
      <c r="E261">
        <v>560.27</v>
      </c>
      <c r="F261">
        <v>527</v>
      </c>
      <c r="G261">
        <v>469.05</v>
      </c>
      <c r="H261">
        <v>264.75</v>
      </c>
      <c r="I261">
        <v>426.67</v>
      </c>
      <c r="J261">
        <v>3395</v>
      </c>
      <c r="K261">
        <v>292</v>
      </c>
      <c r="N261" s="11"/>
    </row>
    <row r="262" spans="2:14">
      <c r="B262" s="2">
        <f t="shared" si="4"/>
        <v>0.49908564814814815</v>
      </c>
      <c r="C262">
        <v>7680</v>
      </c>
      <c r="D262">
        <v>443.75</v>
      </c>
      <c r="E262">
        <v>560.19000000000005</v>
      </c>
      <c r="F262">
        <v>527.09</v>
      </c>
      <c r="G262">
        <v>467.74</v>
      </c>
      <c r="H262">
        <v>264.76</v>
      </c>
      <c r="I262">
        <v>426.42</v>
      </c>
      <c r="J262">
        <v>3370</v>
      </c>
      <c r="K262">
        <v>44</v>
      </c>
      <c r="N262" s="11"/>
    </row>
    <row r="263" spans="2:14">
      <c r="B263" s="2">
        <f t="shared" si="4"/>
        <v>0.49943287037037037</v>
      </c>
      <c r="C263">
        <v>7710</v>
      </c>
      <c r="D263">
        <v>443.66</v>
      </c>
      <c r="E263">
        <v>560.05999999999995</v>
      </c>
      <c r="F263">
        <v>527.65</v>
      </c>
      <c r="G263">
        <v>464.77</v>
      </c>
      <c r="H263">
        <v>264.35000000000002</v>
      </c>
      <c r="I263">
        <v>427.99</v>
      </c>
      <c r="J263">
        <v>3390</v>
      </c>
      <c r="K263">
        <v>71</v>
      </c>
      <c r="N263" s="11"/>
    </row>
    <row r="264" spans="2:14">
      <c r="B264" s="2">
        <f t="shared" si="4"/>
        <v>0.4997800925925926</v>
      </c>
      <c r="C264">
        <v>7740</v>
      </c>
      <c r="D264">
        <v>443.7</v>
      </c>
      <c r="E264">
        <v>560.29999999999995</v>
      </c>
      <c r="F264">
        <v>527.39</v>
      </c>
      <c r="G264">
        <v>460.97</v>
      </c>
      <c r="H264">
        <v>263.86</v>
      </c>
      <c r="I264">
        <v>428.61</v>
      </c>
      <c r="J264">
        <v>3383</v>
      </c>
      <c r="K264">
        <v>73</v>
      </c>
      <c r="N264" s="11"/>
    </row>
    <row r="265" spans="2:14">
      <c r="B265" s="2">
        <f t="shared" si="4"/>
        <v>0.50012731481481476</v>
      </c>
      <c r="C265">
        <v>7770</v>
      </c>
      <c r="D265">
        <v>443.76</v>
      </c>
      <c r="E265">
        <v>560.46</v>
      </c>
      <c r="F265">
        <v>527.41</v>
      </c>
      <c r="G265">
        <v>458.05</v>
      </c>
      <c r="H265">
        <v>263.07</v>
      </c>
      <c r="I265">
        <v>428.55</v>
      </c>
      <c r="J265">
        <v>3382</v>
      </c>
      <c r="K265">
        <v>87</v>
      </c>
      <c r="N265" s="11"/>
    </row>
    <row r="266" spans="2:14">
      <c r="B266" s="2">
        <f t="shared" si="4"/>
        <v>0.50047453703703704</v>
      </c>
      <c r="C266">
        <v>7800</v>
      </c>
      <c r="D266">
        <v>443.69</v>
      </c>
      <c r="E266">
        <v>560.17999999999995</v>
      </c>
      <c r="F266">
        <v>527.35</v>
      </c>
      <c r="G266">
        <v>453.27</v>
      </c>
      <c r="H266">
        <v>262.17</v>
      </c>
      <c r="I266">
        <v>431.1</v>
      </c>
      <c r="J266">
        <v>3374</v>
      </c>
      <c r="K266">
        <v>549</v>
      </c>
      <c r="N266" s="11"/>
    </row>
    <row r="267" spans="2:14">
      <c r="B267" s="2">
        <f t="shared" si="4"/>
        <v>0.5008217592592592</v>
      </c>
      <c r="C267">
        <v>7830</v>
      </c>
      <c r="D267">
        <v>443.79</v>
      </c>
      <c r="E267">
        <v>560.12</v>
      </c>
      <c r="F267">
        <v>527.11</v>
      </c>
      <c r="G267">
        <v>451.98</v>
      </c>
      <c r="H267">
        <v>261.27999999999997</v>
      </c>
      <c r="I267">
        <v>429.9</v>
      </c>
      <c r="J267">
        <v>3387</v>
      </c>
      <c r="K267">
        <v>525</v>
      </c>
      <c r="N267" s="11"/>
    </row>
    <row r="268" spans="2:14">
      <c r="B268" s="2">
        <f t="shared" si="4"/>
        <v>0.50116898148148148</v>
      </c>
      <c r="C268">
        <v>7860</v>
      </c>
      <c r="D268">
        <v>443.98</v>
      </c>
      <c r="E268">
        <v>560.05999999999995</v>
      </c>
      <c r="F268">
        <v>527.35</v>
      </c>
      <c r="G268">
        <v>450.65</v>
      </c>
      <c r="H268">
        <v>260.45</v>
      </c>
      <c r="I268">
        <v>431.45</v>
      </c>
      <c r="J268">
        <v>3382</v>
      </c>
      <c r="K268">
        <v>2041</v>
      </c>
      <c r="N268" s="11"/>
    </row>
    <row r="269" spans="2:14">
      <c r="B269" s="2">
        <f t="shared" si="4"/>
        <v>0.50151620370370376</v>
      </c>
      <c r="C269">
        <v>7890</v>
      </c>
      <c r="D269">
        <v>444.22</v>
      </c>
      <c r="E269">
        <v>560.21</v>
      </c>
      <c r="F269">
        <v>527.59</v>
      </c>
      <c r="G269">
        <v>450.93</v>
      </c>
      <c r="H269">
        <v>259.79000000000002</v>
      </c>
      <c r="I269">
        <v>430.66</v>
      </c>
      <c r="J269">
        <v>3383</v>
      </c>
      <c r="K269">
        <v>2276</v>
      </c>
      <c r="N269" s="11"/>
    </row>
    <row r="270" spans="2:14">
      <c r="B270" s="2">
        <f t="shared" si="4"/>
        <v>0.50186342592592592</v>
      </c>
      <c r="C270">
        <v>7920</v>
      </c>
      <c r="D270">
        <v>444.32</v>
      </c>
      <c r="E270">
        <v>560.51</v>
      </c>
      <c r="F270">
        <v>528</v>
      </c>
      <c r="G270">
        <v>452.82</v>
      </c>
      <c r="H270">
        <v>259.36</v>
      </c>
      <c r="I270">
        <v>432.44</v>
      </c>
      <c r="J270">
        <v>3383</v>
      </c>
      <c r="K270">
        <v>2279</v>
      </c>
      <c r="N270" s="11"/>
    </row>
    <row r="271" spans="2:14">
      <c r="B271" s="2">
        <f t="shared" si="4"/>
        <v>0.50221064814814809</v>
      </c>
      <c r="C271">
        <v>7950</v>
      </c>
      <c r="D271">
        <v>444.44</v>
      </c>
      <c r="E271">
        <v>560.47</v>
      </c>
      <c r="F271">
        <v>527.95000000000005</v>
      </c>
      <c r="G271">
        <v>455.28</v>
      </c>
      <c r="H271">
        <v>259.26</v>
      </c>
      <c r="I271">
        <v>434.44</v>
      </c>
      <c r="J271">
        <v>3377</v>
      </c>
      <c r="K271">
        <v>2282</v>
      </c>
      <c r="N271" s="11"/>
    </row>
    <row r="272" spans="2:14">
      <c r="B272" s="2">
        <f t="shared" si="4"/>
        <v>0.50255787037037036</v>
      </c>
      <c r="C272">
        <v>7980</v>
      </c>
      <c r="D272">
        <v>444.5</v>
      </c>
      <c r="E272">
        <v>560.73</v>
      </c>
      <c r="F272">
        <v>528.35</v>
      </c>
      <c r="G272">
        <v>459.87</v>
      </c>
      <c r="H272">
        <v>259.41000000000003</v>
      </c>
      <c r="I272">
        <v>434.33</v>
      </c>
      <c r="J272">
        <v>3386</v>
      </c>
      <c r="K272">
        <v>2288</v>
      </c>
      <c r="N272" s="11"/>
    </row>
    <row r="273" spans="2:14">
      <c r="B273" s="2">
        <f t="shared" si="4"/>
        <v>0.50290509259259264</v>
      </c>
      <c r="C273">
        <v>8010</v>
      </c>
      <c r="D273">
        <v>444.5</v>
      </c>
      <c r="E273">
        <v>560.78</v>
      </c>
      <c r="F273">
        <v>528.39</v>
      </c>
      <c r="G273">
        <v>464.45</v>
      </c>
      <c r="H273">
        <v>259.92</v>
      </c>
      <c r="I273">
        <v>435.13</v>
      </c>
      <c r="J273">
        <v>3380</v>
      </c>
      <c r="K273">
        <v>2292</v>
      </c>
      <c r="N273" s="11"/>
    </row>
    <row r="274" spans="2:14">
      <c r="B274" s="2">
        <f t="shared" si="4"/>
        <v>0.50325231481481481</v>
      </c>
      <c r="C274">
        <v>8040</v>
      </c>
      <c r="D274">
        <v>444.65</v>
      </c>
      <c r="E274">
        <v>560.64</v>
      </c>
      <c r="F274">
        <v>528.41999999999996</v>
      </c>
      <c r="G274">
        <v>470.21</v>
      </c>
      <c r="H274">
        <v>260.74</v>
      </c>
      <c r="I274">
        <v>437.61</v>
      </c>
      <c r="J274">
        <v>3385</v>
      </c>
      <c r="K274">
        <v>2289</v>
      </c>
      <c r="N274" s="11"/>
    </row>
    <row r="275" spans="2:14">
      <c r="B275" s="2">
        <f t="shared" si="4"/>
        <v>0.50359953703703697</v>
      </c>
      <c r="C275">
        <v>8070</v>
      </c>
      <c r="D275">
        <v>444.91</v>
      </c>
      <c r="E275">
        <v>561.16999999999996</v>
      </c>
      <c r="F275">
        <v>528.91</v>
      </c>
      <c r="G275">
        <v>475.92</v>
      </c>
      <c r="H275">
        <v>261.69</v>
      </c>
      <c r="I275">
        <v>435.07</v>
      </c>
      <c r="J275">
        <v>3381</v>
      </c>
      <c r="K275">
        <v>2295</v>
      </c>
      <c r="N275" s="11"/>
    </row>
    <row r="276" spans="2:14">
      <c r="B276" s="2">
        <f t="shared" si="4"/>
        <v>0.50394675925925925</v>
      </c>
      <c r="C276">
        <v>8100</v>
      </c>
      <c r="D276">
        <v>445.22</v>
      </c>
      <c r="E276">
        <v>561.19000000000005</v>
      </c>
      <c r="F276">
        <v>529.23</v>
      </c>
      <c r="G276">
        <v>480.6</v>
      </c>
      <c r="H276">
        <v>262.81</v>
      </c>
      <c r="I276">
        <v>438.63</v>
      </c>
      <c r="J276">
        <v>3372</v>
      </c>
      <c r="K276">
        <v>2291</v>
      </c>
      <c r="N276" s="11"/>
    </row>
    <row r="277" spans="2:14">
      <c r="B277" s="2">
        <f t="shared" si="4"/>
        <v>0.50429398148148152</v>
      </c>
      <c r="C277">
        <v>8130</v>
      </c>
      <c r="D277">
        <v>445.61</v>
      </c>
      <c r="E277">
        <v>561.19000000000005</v>
      </c>
      <c r="F277">
        <v>529.26</v>
      </c>
      <c r="G277">
        <v>483.09</v>
      </c>
      <c r="H277">
        <v>263.82</v>
      </c>
      <c r="I277">
        <v>440.16</v>
      </c>
      <c r="J277">
        <v>3373</v>
      </c>
      <c r="K277">
        <v>2290</v>
      </c>
      <c r="N277" s="11"/>
    </row>
    <row r="278" spans="2:14">
      <c r="B278" s="2">
        <f t="shared" si="4"/>
        <v>0.50464120370370369</v>
      </c>
      <c r="C278">
        <v>8160</v>
      </c>
      <c r="D278">
        <v>445.7</v>
      </c>
      <c r="E278">
        <v>561.26</v>
      </c>
      <c r="F278">
        <v>529.51</v>
      </c>
      <c r="G278">
        <v>482.54</v>
      </c>
      <c r="H278">
        <v>264.83</v>
      </c>
      <c r="I278">
        <v>437.93</v>
      </c>
      <c r="J278">
        <v>3379</v>
      </c>
      <c r="K278">
        <v>2288</v>
      </c>
      <c r="N278" s="11"/>
    </row>
    <row r="279" spans="2:14">
      <c r="B279" s="2">
        <f t="shared" si="4"/>
        <v>0.50498842592592585</v>
      </c>
      <c r="C279">
        <v>8190</v>
      </c>
      <c r="D279">
        <v>445.61</v>
      </c>
      <c r="E279">
        <v>561.05999999999995</v>
      </c>
      <c r="F279">
        <v>529.41999999999996</v>
      </c>
      <c r="G279">
        <v>481.68</v>
      </c>
      <c r="H279">
        <v>265.69</v>
      </c>
      <c r="I279">
        <v>438.23</v>
      </c>
      <c r="J279">
        <v>3379</v>
      </c>
      <c r="K279">
        <v>2278</v>
      </c>
      <c r="N279" s="11"/>
    </row>
    <row r="280" spans="2:14">
      <c r="B280" s="2">
        <f t="shared" si="4"/>
        <v>0.50533564814814813</v>
      </c>
      <c r="C280">
        <v>8220</v>
      </c>
      <c r="D280">
        <v>445.52</v>
      </c>
      <c r="E280">
        <v>561.07000000000005</v>
      </c>
      <c r="F280">
        <v>529.35</v>
      </c>
      <c r="G280">
        <v>479.51</v>
      </c>
      <c r="H280">
        <v>266.04000000000002</v>
      </c>
      <c r="I280">
        <v>440.62</v>
      </c>
      <c r="J280">
        <v>3383</v>
      </c>
      <c r="K280">
        <v>2282</v>
      </c>
      <c r="N280" s="11"/>
    </row>
    <row r="281" spans="2:14">
      <c r="B281" s="2">
        <f t="shared" si="4"/>
        <v>0.50568287037037041</v>
      </c>
      <c r="C281">
        <v>8250</v>
      </c>
      <c r="D281">
        <v>445.36</v>
      </c>
      <c r="E281">
        <v>560.85</v>
      </c>
      <c r="F281">
        <v>529.11</v>
      </c>
      <c r="G281">
        <v>476.85</v>
      </c>
      <c r="H281">
        <v>266.20999999999998</v>
      </c>
      <c r="I281">
        <v>440.77</v>
      </c>
      <c r="J281">
        <v>3372</v>
      </c>
      <c r="K281">
        <v>2285</v>
      </c>
      <c r="N281" s="11"/>
    </row>
    <row r="282" spans="2:14">
      <c r="B282" s="2">
        <f t="shared" si="4"/>
        <v>0.50603009259259257</v>
      </c>
      <c r="C282">
        <v>8280</v>
      </c>
      <c r="D282">
        <v>445.5</v>
      </c>
      <c r="E282">
        <v>561.03</v>
      </c>
      <c r="F282">
        <v>529.63</v>
      </c>
      <c r="G282">
        <v>473.89</v>
      </c>
      <c r="H282">
        <v>266</v>
      </c>
      <c r="I282">
        <v>441.76</v>
      </c>
      <c r="J282">
        <v>3380</v>
      </c>
      <c r="K282">
        <v>2282</v>
      </c>
      <c r="N282" s="11"/>
    </row>
    <row r="283" spans="2:14">
      <c r="B283" s="2">
        <f t="shared" si="4"/>
        <v>0.50637731481481474</v>
      </c>
      <c r="C283">
        <v>8310</v>
      </c>
      <c r="D283">
        <v>445.79</v>
      </c>
      <c r="E283">
        <v>561.74</v>
      </c>
      <c r="F283">
        <v>530.45000000000005</v>
      </c>
      <c r="G283">
        <v>469.54</v>
      </c>
      <c r="H283">
        <v>265.52</v>
      </c>
      <c r="I283">
        <v>444.01</v>
      </c>
      <c r="J283">
        <v>3388</v>
      </c>
      <c r="K283">
        <v>2288</v>
      </c>
      <c r="N283" s="11"/>
    </row>
    <row r="284" spans="2:14">
      <c r="B284" s="2">
        <f t="shared" si="4"/>
        <v>0.50672453703703701</v>
      </c>
      <c r="C284">
        <v>8340</v>
      </c>
      <c r="D284">
        <v>445.87</v>
      </c>
      <c r="E284">
        <v>561.66</v>
      </c>
      <c r="F284">
        <v>530.28</v>
      </c>
      <c r="G284">
        <v>465.7</v>
      </c>
      <c r="H284">
        <v>264.93</v>
      </c>
      <c r="I284">
        <v>443.99</v>
      </c>
      <c r="J284">
        <v>3368</v>
      </c>
      <c r="K284">
        <v>2284</v>
      </c>
      <c r="N284" s="11"/>
    </row>
    <row r="285" spans="2:14">
      <c r="B285" s="2">
        <f t="shared" si="4"/>
        <v>0.50707175925925929</v>
      </c>
      <c r="C285">
        <v>8370</v>
      </c>
      <c r="D285">
        <v>446.12</v>
      </c>
      <c r="E285">
        <v>561.66999999999996</v>
      </c>
      <c r="F285">
        <v>530.39</v>
      </c>
      <c r="G285">
        <v>462.81</v>
      </c>
      <c r="H285">
        <v>264.08999999999997</v>
      </c>
      <c r="I285">
        <v>444.78</v>
      </c>
      <c r="J285">
        <v>3377</v>
      </c>
      <c r="K285">
        <v>2285</v>
      </c>
      <c r="N285" s="11"/>
    </row>
    <row r="286" spans="2:14">
      <c r="B286" s="2">
        <f t="shared" si="4"/>
        <v>0.50741898148148146</v>
      </c>
      <c r="C286">
        <v>8400</v>
      </c>
      <c r="D286">
        <v>446.15</v>
      </c>
      <c r="E286">
        <v>561.74</v>
      </c>
      <c r="F286">
        <v>530.55999999999995</v>
      </c>
      <c r="G286">
        <v>460.25</v>
      </c>
      <c r="H286">
        <v>263.22000000000003</v>
      </c>
      <c r="I286">
        <v>445.54</v>
      </c>
      <c r="J286">
        <v>3374</v>
      </c>
      <c r="K286">
        <v>2288</v>
      </c>
      <c r="N286" s="11"/>
    </row>
    <row r="287" spans="2:14">
      <c r="B287" s="2">
        <f t="shared" si="4"/>
        <v>0.50776620370370373</v>
      </c>
      <c r="C287">
        <v>8430</v>
      </c>
      <c r="D287">
        <v>446.34</v>
      </c>
      <c r="E287">
        <v>561.76</v>
      </c>
      <c r="F287">
        <v>530.48</v>
      </c>
      <c r="G287">
        <v>459.73</v>
      </c>
      <c r="H287">
        <v>262.49</v>
      </c>
      <c r="I287">
        <v>447.84</v>
      </c>
      <c r="J287">
        <v>3382</v>
      </c>
      <c r="K287">
        <v>2285</v>
      </c>
      <c r="N287" s="11"/>
    </row>
    <row r="288" spans="2:14">
      <c r="B288" s="2">
        <f t="shared" si="4"/>
        <v>0.5081134259259259</v>
      </c>
      <c r="C288">
        <v>8460</v>
      </c>
      <c r="D288">
        <v>446.33</v>
      </c>
      <c r="E288">
        <v>561.70000000000005</v>
      </c>
      <c r="F288">
        <v>530.11</v>
      </c>
      <c r="G288">
        <v>460.26</v>
      </c>
      <c r="H288">
        <v>261.87</v>
      </c>
      <c r="I288">
        <v>447.92</v>
      </c>
      <c r="J288">
        <v>3379</v>
      </c>
      <c r="K288">
        <v>2288</v>
      </c>
      <c r="N288" s="11"/>
    </row>
    <row r="289" spans="2:14">
      <c r="B289" s="2">
        <f t="shared" si="4"/>
        <v>0.50846064814814818</v>
      </c>
      <c r="C289">
        <v>8490</v>
      </c>
      <c r="D289">
        <v>446.32</v>
      </c>
      <c r="E289">
        <v>561.39</v>
      </c>
      <c r="F289">
        <v>530.08000000000004</v>
      </c>
      <c r="G289">
        <v>461.77</v>
      </c>
      <c r="H289">
        <v>261.57</v>
      </c>
      <c r="I289">
        <v>446.65</v>
      </c>
      <c r="J289">
        <v>3369</v>
      </c>
      <c r="K289">
        <v>2288</v>
      </c>
      <c r="N289" s="11"/>
    </row>
    <row r="290" spans="2:14">
      <c r="B290" s="2">
        <f t="shared" ref="B290:B353" si="5">C290/24/60/60+$B$3</f>
        <v>0.50880787037037034</v>
      </c>
      <c r="C290">
        <v>8520</v>
      </c>
      <c r="D290">
        <v>446.47</v>
      </c>
      <c r="E290">
        <v>562.11</v>
      </c>
      <c r="F290">
        <v>530.75</v>
      </c>
      <c r="G290">
        <v>464.97</v>
      </c>
      <c r="H290">
        <v>261.56</v>
      </c>
      <c r="I290">
        <v>447.31</v>
      </c>
      <c r="J290">
        <v>3371</v>
      </c>
      <c r="K290">
        <v>2290</v>
      </c>
      <c r="N290" s="11"/>
    </row>
    <row r="291" spans="2:14">
      <c r="B291" s="2">
        <f t="shared" si="5"/>
        <v>0.50915509259259262</v>
      </c>
      <c r="C291">
        <v>8550</v>
      </c>
      <c r="D291">
        <v>446.63</v>
      </c>
      <c r="E291">
        <v>562.29999999999995</v>
      </c>
      <c r="F291">
        <v>531.37</v>
      </c>
      <c r="G291">
        <v>468.64</v>
      </c>
      <c r="H291">
        <v>261.85000000000002</v>
      </c>
      <c r="I291">
        <v>447.72</v>
      </c>
      <c r="J291">
        <v>3374</v>
      </c>
      <c r="K291">
        <v>2297</v>
      </c>
      <c r="N291" s="11"/>
    </row>
    <row r="292" spans="2:14">
      <c r="B292" s="2">
        <f t="shared" si="5"/>
        <v>0.50950231481481478</v>
      </c>
      <c r="C292">
        <v>8580</v>
      </c>
      <c r="D292">
        <v>446.7</v>
      </c>
      <c r="E292">
        <v>562.16999999999996</v>
      </c>
      <c r="F292">
        <v>531.66</v>
      </c>
      <c r="G292">
        <v>473.99</v>
      </c>
      <c r="H292">
        <v>262.33999999999997</v>
      </c>
      <c r="I292">
        <v>448.61</v>
      </c>
      <c r="J292">
        <v>3376</v>
      </c>
      <c r="K292">
        <v>2297</v>
      </c>
      <c r="N292" s="11"/>
    </row>
    <row r="293" spans="2:14">
      <c r="B293" s="2">
        <f t="shared" si="5"/>
        <v>0.50984953703703706</v>
      </c>
      <c r="C293">
        <v>8610</v>
      </c>
      <c r="D293">
        <v>446.9</v>
      </c>
      <c r="E293">
        <v>562.19000000000005</v>
      </c>
      <c r="F293">
        <v>531.83000000000004</v>
      </c>
      <c r="G293">
        <v>478.46</v>
      </c>
      <c r="H293">
        <v>263.10000000000002</v>
      </c>
      <c r="I293">
        <v>450.64</v>
      </c>
      <c r="J293">
        <v>3429</v>
      </c>
      <c r="K293">
        <v>2315</v>
      </c>
      <c r="N293" s="11"/>
    </row>
    <row r="294" spans="2:14">
      <c r="B294" s="2">
        <f t="shared" si="5"/>
        <v>0.51019675925925922</v>
      </c>
      <c r="C294">
        <v>8640</v>
      </c>
      <c r="D294">
        <v>446.84</v>
      </c>
      <c r="E294">
        <v>561.37</v>
      </c>
      <c r="F294">
        <v>530.77</v>
      </c>
      <c r="G294">
        <v>482.3</v>
      </c>
      <c r="H294">
        <v>264.12</v>
      </c>
      <c r="I294">
        <v>448.69</v>
      </c>
      <c r="J294">
        <v>3038</v>
      </c>
      <c r="K294">
        <v>2286</v>
      </c>
      <c r="N294" s="11"/>
    </row>
    <row r="295" spans="2:14">
      <c r="B295" s="2">
        <f t="shared" si="5"/>
        <v>0.5105439814814815</v>
      </c>
      <c r="C295">
        <v>8670</v>
      </c>
      <c r="D295">
        <v>446.95</v>
      </c>
      <c r="E295">
        <v>561.04999999999995</v>
      </c>
      <c r="F295">
        <v>530.53</v>
      </c>
      <c r="G295">
        <v>485.67</v>
      </c>
      <c r="H295">
        <v>265.14</v>
      </c>
      <c r="I295">
        <v>449.35</v>
      </c>
      <c r="J295">
        <v>3237</v>
      </c>
      <c r="K295">
        <v>2466</v>
      </c>
      <c r="N295" s="11"/>
    </row>
    <row r="296" spans="2:14">
      <c r="B296" s="2">
        <f t="shared" si="5"/>
        <v>0.51089120370370367</v>
      </c>
      <c r="C296">
        <v>8700</v>
      </c>
      <c r="D296">
        <v>446.86</v>
      </c>
      <c r="E296">
        <v>559.16</v>
      </c>
      <c r="F296">
        <v>529.09</v>
      </c>
      <c r="G296">
        <v>487.18</v>
      </c>
      <c r="H296">
        <v>264.72000000000003</v>
      </c>
      <c r="I296">
        <v>452.01</v>
      </c>
      <c r="J296">
        <v>3195</v>
      </c>
      <c r="K296">
        <v>2894</v>
      </c>
      <c r="N296" s="11"/>
    </row>
    <row r="297" spans="2:14">
      <c r="B297" s="2">
        <f t="shared" si="5"/>
        <v>0.51123842592592594</v>
      </c>
      <c r="C297">
        <v>8730</v>
      </c>
      <c r="D297">
        <v>446.44</v>
      </c>
      <c r="E297">
        <v>558.91</v>
      </c>
      <c r="F297">
        <v>529.12</v>
      </c>
      <c r="G297">
        <v>487.04</v>
      </c>
      <c r="H297">
        <v>264.54000000000002</v>
      </c>
      <c r="I297">
        <v>451.03</v>
      </c>
      <c r="J297">
        <v>3191</v>
      </c>
      <c r="K297">
        <v>2902</v>
      </c>
      <c r="N297" s="11"/>
    </row>
    <row r="298" spans="2:14">
      <c r="B298" s="2">
        <f t="shared" si="5"/>
        <v>0.51158564814814811</v>
      </c>
      <c r="C298">
        <v>8760</v>
      </c>
      <c r="D298">
        <v>445.96</v>
      </c>
      <c r="E298">
        <v>558.91999999999996</v>
      </c>
      <c r="F298">
        <v>529.41999999999996</v>
      </c>
      <c r="G298">
        <v>485.27</v>
      </c>
      <c r="H298">
        <v>264.68</v>
      </c>
      <c r="I298">
        <v>451.3</v>
      </c>
      <c r="J298">
        <v>3190</v>
      </c>
      <c r="K298">
        <v>2909</v>
      </c>
      <c r="N298" s="11"/>
    </row>
    <row r="299" spans="2:14">
      <c r="B299" s="2">
        <f t="shared" si="5"/>
        <v>0.51193287037037039</v>
      </c>
      <c r="C299">
        <v>8790</v>
      </c>
      <c r="D299">
        <v>445.35</v>
      </c>
      <c r="E299">
        <v>558.66</v>
      </c>
      <c r="F299">
        <v>529.19000000000005</v>
      </c>
      <c r="G299">
        <v>481.79</v>
      </c>
      <c r="H299">
        <v>264.86</v>
      </c>
      <c r="I299">
        <v>451.16</v>
      </c>
      <c r="J299">
        <v>3188</v>
      </c>
      <c r="K299">
        <v>2907</v>
      </c>
      <c r="N299" s="11"/>
    </row>
    <row r="300" spans="2:14">
      <c r="B300" s="2">
        <f t="shared" si="5"/>
        <v>0.51228009259259255</v>
      </c>
      <c r="C300">
        <v>8820</v>
      </c>
      <c r="D300">
        <v>444.72</v>
      </c>
      <c r="E300">
        <v>558.47</v>
      </c>
      <c r="F300">
        <v>528.92999999999995</v>
      </c>
      <c r="G300">
        <v>479.65</v>
      </c>
      <c r="H300">
        <v>265.11</v>
      </c>
      <c r="I300">
        <v>451.57</v>
      </c>
      <c r="J300">
        <v>3195</v>
      </c>
      <c r="K300">
        <v>2918</v>
      </c>
      <c r="N300" s="11"/>
    </row>
    <row r="301" spans="2:14">
      <c r="B301" s="2">
        <f t="shared" si="5"/>
        <v>0.51262731481481483</v>
      </c>
      <c r="C301">
        <v>8850</v>
      </c>
      <c r="D301">
        <v>444.13</v>
      </c>
      <c r="E301">
        <v>558.45000000000005</v>
      </c>
      <c r="F301">
        <v>529.16</v>
      </c>
      <c r="G301">
        <v>476.68</v>
      </c>
      <c r="H301">
        <v>264.87</v>
      </c>
      <c r="I301">
        <v>452.24</v>
      </c>
      <c r="J301">
        <v>3191</v>
      </c>
      <c r="K301">
        <v>2917</v>
      </c>
      <c r="N301" s="11"/>
    </row>
    <row r="302" spans="2:14">
      <c r="B302" s="2">
        <f t="shared" si="5"/>
        <v>0.51297453703703699</v>
      </c>
      <c r="C302">
        <v>8880</v>
      </c>
      <c r="D302">
        <v>443.67</v>
      </c>
      <c r="E302">
        <v>558.4</v>
      </c>
      <c r="F302">
        <v>529.1</v>
      </c>
      <c r="G302">
        <v>473.43</v>
      </c>
      <c r="H302">
        <v>264.39</v>
      </c>
      <c r="I302">
        <v>454.27</v>
      </c>
      <c r="J302">
        <v>3196</v>
      </c>
      <c r="K302">
        <v>2934</v>
      </c>
      <c r="N302" s="11"/>
    </row>
    <row r="303" spans="2:14">
      <c r="B303" s="2">
        <f t="shared" si="5"/>
        <v>0.51332175925925927</v>
      </c>
      <c r="C303">
        <v>8910</v>
      </c>
      <c r="D303">
        <v>443.37</v>
      </c>
      <c r="E303">
        <v>558.33000000000004</v>
      </c>
      <c r="F303">
        <v>529.1</v>
      </c>
      <c r="G303">
        <v>470.7</v>
      </c>
      <c r="H303">
        <v>263.79000000000002</v>
      </c>
      <c r="I303">
        <v>458.11</v>
      </c>
      <c r="J303">
        <v>3204</v>
      </c>
      <c r="K303">
        <v>2940</v>
      </c>
      <c r="N303" s="11"/>
    </row>
    <row r="304" spans="2:14">
      <c r="B304" s="2">
        <f t="shared" si="5"/>
        <v>0.51366898148148143</v>
      </c>
      <c r="C304">
        <v>8940</v>
      </c>
      <c r="D304">
        <v>442.98</v>
      </c>
      <c r="E304">
        <v>558.15</v>
      </c>
      <c r="F304">
        <v>529.04</v>
      </c>
      <c r="G304">
        <v>467.13</v>
      </c>
      <c r="H304">
        <v>262.77</v>
      </c>
      <c r="I304">
        <v>461.69</v>
      </c>
      <c r="J304">
        <v>3212</v>
      </c>
      <c r="K304">
        <v>2944</v>
      </c>
      <c r="N304" s="11"/>
    </row>
    <row r="305" spans="2:14">
      <c r="B305" s="2">
        <f t="shared" si="5"/>
        <v>0.51401620370370371</v>
      </c>
      <c r="C305">
        <v>8970</v>
      </c>
      <c r="D305">
        <v>442.44</v>
      </c>
      <c r="E305">
        <v>557.77</v>
      </c>
      <c r="F305">
        <v>528.47</v>
      </c>
      <c r="G305">
        <v>462.82</v>
      </c>
      <c r="H305">
        <v>261.91000000000003</v>
      </c>
      <c r="I305">
        <v>468.51</v>
      </c>
      <c r="J305">
        <v>3227</v>
      </c>
      <c r="K305">
        <v>2947</v>
      </c>
      <c r="N305" s="11"/>
    </row>
    <row r="306" spans="2:14">
      <c r="B306" s="2">
        <f t="shared" si="5"/>
        <v>0.51436342592592588</v>
      </c>
      <c r="C306">
        <v>9000</v>
      </c>
      <c r="D306">
        <v>441.98</v>
      </c>
      <c r="E306">
        <v>557.38</v>
      </c>
      <c r="F306">
        <v>528.34</v>
      </c>
      <c r="G306">
        <v>462.65</v>
      </c>
      <c r="H306">
        <v>261.42</v>
      </c>
      <c r="I306">
        <v>491.08</v>
      </c>
      <c r="J306">
        <v>3233</v>
      </c>
      <c r="K306">
        <v>2991</v>
      </c>
      <c r="N306" s="11"/>
    </row>
    <row r="307" spans="2:14">
      <c r="B307" s="2">
        <f t="shared" si="5"/>
        <v>0.51471064814814815</v>
      </c>
      <c r="C307">
        <v>9030</v>
      </c>
      <c r="D307">
        <v>441.27</v>
      </c>
      <c r="E307">
        <v>556.64</v>
      </c>
      <c r="F307">
        <v>527.65</v>
      </c>
      <c r="G307">
        <v>464.68</v>
      </c>
      <c r="H307">
        <v>261.60000000000002</v>
      </c>
      <c r="I307">
        <v>504.09</v>
      </c>
      <c r="J307">
        <v>3221</v>
      </c>
      <c r="K307">
        <v>2997</v>
      </c>
      <c r="N307" s="11"/>
    </row>
    <row r="308" spans="2:14">
      <c r="B308" s="2">
        <f t="shared" si="5"/>
        <v>0.51505787037037032</v>
      </c>
      <c r="C308">
        <v>9060</v>
      </c>
      <c r="D308">
        <v>440.61</v>
      </c>
      <c r="E308">
        <v>556.04</v>
      </c>
      <c r="F308">
        <v>527.28</v>
      </c>
      <c r="G308">
        <v>468.23</v>
      </c>
      <c r="H308">
        <v>262.51</v>
      </c>
      <c r="I308">
        <v>510.36</v>
      </c>
      <c r="J308">
        <v>3228</v>
      </c>
      <c r="K308">
        <v>3007</v>
      </c>
      <c r="N308" s="11"/>
    </row>
    <row r="309" spans="2:14">
      <c r="B309" s="2">
        <f t="shared" si="5"/>
        <v>0.5154050925925926</v>
      </c>
      <c r="C309">
        <v>9090</v>
      </c>
      <c r="D309">
        <v>439.85</v>
      </c>
      <c r="E309">
        <v>555.35</v>
      </c>
      <c r="F309">
        <v>526.97</v>
      </c>
      <c r="G309">
        <v>472.46</v>
      </c>
      <c r="H309">
        <v>263.93</v>
      </c>
      <c r="I309">
        <v>516.30999999999995</v>
      </c>
      <c r="J309">
        <v>3233</v>
      </c>
      <c r="K309">
        <v>3012</v>
      </c>
      <c r="N309" s="11"/>
    </row>
    <row r="310" spans="2:14">
      <c r="B310" s="2">
        <f t="shared" si="5"/>
        <v>0.51575231481481476</v>
      </c>
      <c r="C310">
        <v>9120</v>
      </c>
      <c r="D310">
        <v>439.58</v>
      </c>
      <c r="E310">
        <v>555.64</v>
      </c>
      <c r="F310">
        <v>527.01</v>
      </c>
      <c r="G310">
        <v>477.89</v>
      </c>
      <c r="H310">
        <v>265.25</v>
      </c>
      <c r="I310">
        <v>519.71</v>
      </c>
      <c r="J310">
        <v>3218</v>
      </c>
      <c r="K310">
        <v>3025</v>
      </c>
      <c r="N310" s="11"/>
    </row>
    <row r="311" spans="2:14">
      <c r="B311" s="2">
        <f t="shared" si="5"/>
        <v>0.51609953703703704</v>
      </c>
      <c r="C311">
        <v>9150</v>
      </c>
      <c r="D311">
        <v>439.15</v>
      </c>
      <c r="E311">
        <v>555.22</v>
      </c>
      <c r="F311">
        <v>526.73</v>
      </c>
      <c r="G311">
        <v>483.27</v>
      </c>
      <c r="H311">
        <v>266.95999999999998</v>
      </c>
      <c r="I311">
        <v>520.59</v>
      </c>
      <c r="J311">
        <v>3200</v>
      </c>
      <c r="K311">
        <v>3029</v>
      </c>
      <c r="N311" s="11"/>
    </row>
    <row r="312" spans="2:14">
      <c r="B312" s="2">
        <f t="shared" si="5"/>
        <v>0.5164467592592592</v>
      </c>
      <c r="C312">
        <v>9180</v>
      </c>
      <c r="D312">
        <v>439.23</v>
      </c>
      <c r="E312">
        <v>555.49</v>
      </c>
      <c r="F312">
        <v>527.21</v>
      </c>
      <c r="G312">
        <v>488.27</v>
      </c>
      <c r="H312">
        <v>268.36</v>
      </c>
      <c r="I312">
        <v>527.04</v>
      </c>
      <c r="J312">
        <v>3217</v>
      </c>
      <c r="K312">
        <v>3038</v>
      </c>
      <c r="N312" s="11"/>
    </row>
    <row r="313" spans="2:14">
      <c r="B313" s="2">
        <f t="shared" si="5"/>
        <v>0.51679398148148148</v>
      </c>
      <c r="C313">
        <v>9210</v>
      </c>
      <c r="D313">
        <v>438.9</v>
      </c>
      <c r="E313">
        <v>555.17999999999995</v>
      </c>
      <c r="F313">
        <v>526.77</v>
      </c>
      <c r="G313">
        <v>492.63</v>
      </c>
      <c r="H313">
        <v>270.68</v>
      </c>
      <c r="I313">
        <v>531</v>
      </c>
      <c r="J313">
        <v>3192</v>
      </c>
      <c r="K313">
        <v>3052</v>
      </c>
      <c r="N313" s="11"/>
    </row>
    <row r="314" spans="2:14">
      <c r="B314" s="2">
        <f t="shared" si="5"/>
        <v>0.51714120370370376</v>
      </c>
      <c r="C314">
        <v>9240</v>
      </c>
      <c r="D314">
        <v>438.93</v>
      </c>
      <c r="E314">
        <v>555.47</v>
      </c>
      <c r="F314">
        <v>527.09</v>
      </c>
      <c r="G314">
        <v>496.89</v>
      </c>
      <c r="H314">
        <v>272.12</v>
      </c>
      <c r="I314">
        <v>532.1</v>
      </c>
      <c r="J314">
        <v>3196</v>
      </c>
      <c r="K314">
        <v>3056</v>
      </c>
      <c r="N314" s="11"/>
    </row>
    <row r="315" spans="2:14">
      <c r="B315" s="2">
        <f t="shared" si="5"/>
        <v>0.51748842592592592</v>
      </c>
      <c r="C315">
        <v>9270</v>
      </c>
      <c r="D315">
        <v>438.79</v>
      </c>
      <c r="E315">
        <v>555.54</v>
      </c>
      <c r="F315">
        <v>527.23</v>
      </c>
      <c r="G315">
        <v>496.51</v>
      </c>
      <c r="H315">
        <v>273.51</v>
      </c>
      <c r="I315">
        <v>534.9</v>
      </c>
      <c r="J315">
        <v>3195</v>
      </c>
      <c r="K315">
        <v>3065</v>
      </c>
      <c r="N315" s="11"/>
    </row>
    <row r="316" spans="2:14">
      <c r="B316" s="2">
        <f t="shared" si="5"/>
        <v>0.51783564814814809</v>
      </c>
      <c r="C316">
        <v>9300</v>
      </c>
      <c r="D316">
        <v>438.86</v>
      </c>
      <c r="E316">
        <v>555.66</v>
      </c>
      <c r="F316">
        <v>527.54</v>
      </c>
      <c r="G316">
        <v>495.7</v>
      </c>
      <c r="H316">
        <v>274.37</v>
      </c>
      <c r="I316">
        <v>539.58000000000004</v>
      </c>
      <c r="J316">
        <v>3192</v>
      </c>
      <c r="K316">
        <v>3068</v>
      </c>
      <c r="N316" s="11"/>
    </row>
    <row r="317" spans="2:14">
      <c r="B317" s="2">
        <f t="shared" si="5"/>
        <v>0.51818287037037036</v>
      </c>
      <c r="C317">
        <v>9330</v>
      </c>
      <c r="D317">
        <v>438.71</v>
      </c>
      <c r="E317">
        <v>555.91</v>
      </c>
      <c r="F317">
        <v>527.64</v>
      </c>
      <c r="G317">
        <v>493.89</v>
      </c>
      <c r="H317">
        <v>274.51</v>
      </c>
      <c r="I317">
        <v>539.53</v>
      </c>
      <c r="J317">
        <v>3170</v>
      </c>
      <c r="K317">
        <v>3076</v>
      </c>
      <c r="N317" s="11"/>
    </row>
    <row r="318" spans="2:14">
      <c r="B318" s="2">
        <f t="shared" si="5"/>
        <v>0.51853009259259264</v>
      </c>
      <c r="C318">
        <v>9360</v>
      </c>
      <c r="D318">
        <v>438.35</v>
      </c>
      <c r="E318">
        <v>555.92999999999995</v>
      </c>
      <c r="F318">
        <v>527.34</v>
      </c>
      <c r="G318">
        <v>489.25</v>
      </c>
      <c r="H318">
        <v>274.58999999999997</v>
      </c>
      <c r="I318">
        <v>543.5</v>
      </c>
      <c r="J318">
        <v>3179</v>
      </c>
      <c r="K318">
        <v>3077</v>
      </c>
      <c r="N318" s="11"/>
    </row>
    <row r="319" spans="2:14">
      <c r="B319" s="2">
        <f t="shared" si="5"/>
        <v>0.51887731481481481</v>
      </c>
      <c r="C319">
        <v>9390</v>
      </c>
      <c r="D319">
        <v>437.94</v>
      </c>
      <c r="E319">
        <v>555.44000000000005</v>
      </c>
      <c r="F319">
        <v>526.97</v>
      </c>
      <c r="G319">
        <v>485.88</v>
      </c>
      <c r="H319">
        <v>274.82</v>
      </c>
      <c r="I319">
        <v>542.87</v>
      </c>
      <c r="J319">
        <v>3157</v>
      </c>
      <c r="K319">
        <v>3089</v>
      </c>
      <c r="N319" s="11"/>
    </row>
    <row r="320" spans="2:14">
      <c r="B320" s="2">
        <f t="shared" si="5"/>
        <v>0.51922453703703697</v>
      </c>
      <c r="C320">
        <v>9420</v>
      </c>
      <c r="D320">
        <v>437.08</v>
      </c>
      <c r="E320">
        <v>554.52</v>
      </c>
      <c r="F320">
        <v>525.91</v>
      </c>
      <c r="G320">
        <v>483.1</v>
      </c>
      <c r="H320">
        <v>275.55</v>
      </c>
      <c r="I320">
        <v>548.08000000000004</v>
      </c>
      <c r="J320">
        <v>3145</v>
      </c>
      <c r="K320">
        <v>3090</v>
      </c>
      <c r="N320" s="11"/>
    </row>
    <row r="321" spans="2:14">
      <c r="B321" s="2">
        <f t="shared" si="5"/>
        <v>0.51957175925925925</v>
      </c>
      <c r="C321">
        <v>9450</v>
      </c>
      <c r="D321">
        <v>436.13</v>
      </c>
      <c r="E321">
        <v>554.16999999999996</v>
      </c>
      <c r="F321">
        <v>525.46</v>
      </c>
      <c r="G321">
        <v>479.93</v>
      </c>
      <c r="H321">
        <v>276.81</v>
      </c>
      <c r="I321">
        <v>545.83000000000004</v>
      </c>
      <c r="J321">
        <v>3270</v>
      </c>
      <c r="K321">
        <v>3091</v>
      </c>
      <c r="N321" s="11"/>
    </row>
    <row r="322" spans="2:14">
      <c r="B322" s="2">
        <f t="shared" si="5"/>
        <v>0.51991898148148152</v>
      </c>
      <c r="C322">
        <v>9480</v>
      </c>
      <c r="D322">
        <v>435.35</v>
      </c>
      <c r="E322">
        <v>552.85</v>
      </c>
      <c r="F322">
        <v>526.1</v>
      </c>
      <c r="G322">
        <v>477.38</v>
      </c>
      <c r="H322">
        <v>279.16000000000003</v>
      </c>
      <c r="I322">
        <v>549.91</v>
      </c>
      <c r="J322">
        <v>3379</v>
      </c>
      <c r="K322">
        <v>3058</v>
      </c>
      <c r="N322" s="11"/>
    </row>
    <row r="323" spans="2:14">
      <c r="B323" s="2">
        <f t="shared" si="5"/>
        <v>0.52026620370370369</v>
      </c>
      <c r="C323">
        <v>9510</v>
      </c>
      <c r="D323">
        <v>436.12</v>
      </c>
      <c r="E323">
        <v>553.55999999999995</v>
      </c>
      <c r="F323">
        <v>526.39</v>
      </c>
      <c r="G323">
        <v>475.95</v>
      </c>
      <c r="H323">
        <v>279.77</v>
      </c>
      <c r="I323">
        <v>552.92999999999995</v>
      </c>
      <c r="J323">
        <v>3369</v>
      </c>
      <c r="K323">
        <v>3066</v>
      </c>
      <c r="N323" s="11"/>
    </row>
    <row r="324" spans="2:14">
      <c r="B324" s="2">
        <f t="shared" si="5"/>
        <v>0.52061342592592585</v>
      </c>
      <c r="C324">
        <v>9540</v>
      </c>
      <c r="D324">
        <v>434.95</v>
      </c>
      <c r="E324">
        <v>551.35</v>
      </c>
      <c r="F324">
        <v>525.9</v>
      </c>
      <c r="G324">
        <v>475.45</v>
      </c>
      <c r="H324">
        <v>282.42</v>
      </c>
      <c r="I324">
        <v>556.27</v>
      </c>
      <c r="J324">
        <v>3363</v>
      </c>
      <c r="K324">
        <v>3078</v>
      </c>
      <c r="N324" s="11"/>
    </row>
    <row r="325" spans="2:14">
      <c r="B325" s="2">
        <f t="shared" si="5"/>
        <v>0.52096064814814813</v>
      </c>
      <c r="C325">
        <v>9570</v>
      </c>
      <c r="D325">
        <v>435.03</v>
      </c>
      <c r="E325">
        <v>551.14</v>
      </c>
      <c r="F325">
        <v>525.77</v>
      </c>
      <c r="G325">
        <v>475.43</v>
      </c>
      <c r="H325">
        <v>284.32</v>
      </c>
      <c r="I325">
        <v>553.82000000000005</v>
      </c>
      <c r="J325">
        <v>3348</v>
      </c>
      <c r="K325">
        <v>3087</v>
      </c>
      <c r="N325" s="11"/>
    </row>
    <row r="326" spans="2:14">
      <c r="B326" s="2">
        <f t="shared" si="5"/>
        <v>0.52130787037037041</v>
      </c>
      <c r="C326">
        <v>9600</v>
      </c>
      <c r="D326">
        <v>434.86</v>
      </c>
      <c r="E326">
        <v>550.63</v>
      </c>
      <c r="F326">
        <v>526</v>
      </c>
      <c r="G326">
        <v>477.41</v>
      </c>
      <c r="H326">
        <v>286.41000000000003</v>
      </c>
      <c r="I326">
        <v>559.27</v>
      </c>
      <c r="J326">
        <v>3333</v>
      </c>
      <c r="K326">
        <v>3097</v>
      </c>
      <c r="N326" s="11"/>
    </row>
    <row r="327" spans="2:14">
      <c r="B327" s="2">
        <f t="shared" si="5"/>
        <v>0.52165509259259257</v>
      </c>
      <c r="C327">
        <v>9630</v>
      </c>
      <c r="D327">
        <v>435.09</v>
      </c>
      <c r="E327">
        <v>550.54</v>
      </c>
      <c r="F327">
        <v>526.55999999999995</v>
      </c>
      <c r="G327">
        <v>482.13</v>
      </c>
      <c r="H327">
        <v>288.62</v>
      </c>
      <c r="I327">
        <v>565.99</v>
      </c>
      <c r="J327">
        <v>3414</v>
      </c>
      <c r="K327">
        <v>3115</v>
      </c>
      <c r="N327" s="11"/>
    </row>
    <row r="328" spans="2:14">
      <c r="B328" s="2">
        <f t="shared" si="5"/>
        <v>0.52200231481481474</v>
      </c>
      <c r="C328">
        <v>9660</v>
      </c>
      <c r="D328">
        <v>432.62</v>
      </c>
      <c r="E328">
        <v>548.77</v>
      </c>
      <c r="F328">
        <v>526.98</v>
      </c>
      <c r="G328">
        <v>489.74</v>
      </c>
      <c r="H328">
        <v>295.72000000000003</v>
      </c>
      <c r="I328">
        <v>567.36</v>
      </c>
      <c r="J328">
        <v>3403</v>
      </c>
      <c r="K328">
        <v>3133</v>
      </c>
      <c r="N328" s="11"/>
    </row>
    <row r="329" spans="2:14">
      <c r="B329" s="2">
        <f t="shared" si="5"/>
        <v>0.52234953703703701</v>
      </c>
      <c r="C329">
        <v>9690</v>
      </c>
      <c r="D329">
        <v>433.66</v>
      </c>
      <c r="E329">
        <v>549.14</v>
      </c>
      <c r="F329">
        <v>527.89</v>
      </c>
      <c r="G329">
        <v>495.09</v>
      </c>
      <c r="H329">
        <v>300.98</v>
      </c>
      <c r="I329">
        <v>569.85</v>
      </c>
      <c r="J329">
        <v>3391</v>
      </c>
      <c r="K329">
        <v>3141</v>
      </c>
      <c r="N329" s="11"/>
    </row>
    <row r="330" spans="2:14">
      <c r="B330" s="2">
        <f t="shared" si="5"/>
        <v>0.52269675925925929</v>
      </c>
      <c r="C330">
        <v>9720</v>
      </c>
      <c r="D330">
        <v>433.01</v>
      </c>
      <c r="E330">
        <v>548.65</v>
      </c>
      <c r="F330">
        <v>528.77</v>
      </c>
      <c r="G330">
        <v>502.01</v>
      </c>
      <c r="H330">
        <v>312.86</v>
      </c>
      <c r="I330">
        <v>569.51</v>
      </c>
      <c r="J330">
        <v>3365</v>
      </c>
      <c r="K330">
        <v>3153</v>
      </c>
      <c r="N330" s="11"/>
    </row>
    <row r="331" spans="2:14">
      <c r="B331" s="2">
        <f t="shared" si="5"/>
        <v>0.52304398148148146</v>
      </c>
      <c r="C331">
        <v>9750</v>
      </c>
      <c r="D331">
        <v>435.3</v>
      </c>
      <c r="E331">
        <v>549.47</v>
      </c>
      <c r="F331">
        <v>528.91999999999996</v>
      </c>
      <c r="G331">
        <v>502.92</v>
      </c>
      <c r="H331">
        <v>314.2</v>
      </c>
      <c r="I331">
        <v>573.77</v>
      </c>
      <c r="J331">
        <v>3339</v>
      </c>
      <c r="K331">
        <v>3174</v>
      </c>
      <c r="N331" s="11"/>
    </row>
    <row r="332" spans="2:14">
      <c r="B332" s="2">
        <f t="shared" si="5"/>
        <v>0.52339120370370373</v>
      </c>
      <c r="C332">
        <v>9780</v>
      </c>
      <c r="D332">
        <v>434.64</v>
      </c>
      <c r="E332">
        <v>548.25</v>
      </c>
      <c r="F332">
        <v>527.49</v>
      </c>
      <c r="G332">
        <v>504.97</v>
      </c>
      <c r="H332">
        <v>316.98</v>
      </c>
      <c r="I332">
        <v>570.03</v>
      </c>
      <c r="J332">
        <v>3464</v>
      </c>
      <c r="K332">
        <v>3181</v>
      </c>
      <c r="N332" s="11"/>
    </row>
    <row r="333" spans="2:14">
      <c r="B333" s="2">
        <f t="shared" si="5"/>
        <v>0.5237384259259259</v>
      </c>
      <c r="C333">
        <v>9810</v>
      </c>
      <c r="D333">
        <v>431.88</v>
      </c>
      <c r="E333">
        <v>545.69000000000005</v>
      </c>
      <c r="F333">
        <v>527.83000000000004</v>
      </c>
      <c r="G333">
        <v>505.97</v>
      </c>
      <c r="H333">
        <v>323.24</v>
      </c>
      <c r="I333">
        <v>573.79</v>
      </c>
      <c r="J333">
        <v>3698</v>
      </c>
      <c r="K333">
        <v>3109</v>
      </c>
      <c r="N333" s="11"/>
    </row>
    <row r="334" spans="2:14">
      <c r="B334" s="2">
        <f t="shared" si="5"/>
        <v>0.52408564814814818</v>
      </c>
      <c r="C334">
        <v>9840</v>
      </c>
      <c r="D334">
        <v>429.02</v>
      </c>
      <c r="E334">
        <v>547.32000000000005</v>
      </c>
      <c r="F334">
        <v>531.22</v>
      </c>
      <c r="G334">
        <v>509.46</v>
      </c>
      <c r="H334">
        <v>337.52</v>
      </c>
      <c r="I334">
        <v>576.41999999999996</v>
      </c>
      <c r="J334">
        <v>3650</v>
      </c>
      <c r="K334">
        <v>3147</v>
      </c>
      <c r="N334" s="11"/>
    </row>
    <row r="335" spans="2:14">
      <c r="B335" s="2">
        <f t="shared" si="5"/>
        <v>0.52443287037037034</v>
      </c>
      <c r="C335">
        <v>9870</v>
      </c>
      <c r="D335">
        <v>430.25</v>
      </c>
      <c r="E335">
        <v>553.88</v>
      </c>
      <c r="F335">
        <v>536.79</v>
      </c>
      <c r="G335">
        <v>506.2</v>
      </c>
      <c r="H335">
        <v>343.79</v>
      </c>
      <c r="I335">
        <v>575.67999999999995</v>
      </c>
      <c r="J335">
        <v>3633</v>
      </c>
      <c r="K335">
        <v>3173</v>
      </c>
      <c r="N335" s="11"/>
    </row>
    <row r="336" spans="2:14">
      <c r="B336" s="2">
        <f t="shared" si="5"/>
        <v>0.52478009259259262</v>
      </c>
      <c r="C336">
        <v>9900</v>
      </c>
      <c r="D336">
        <v>429.38</v>
      </c>
      <c r="E336">
        <v>561.1</v>
      </c>
      <c r="F336">
        <v>540.34</v>
      </c>
      <c r="G336">
        <v>507.42</v>
      </c>
      <c r="H336">
        <v>353.59</v>
      </c>
      <c r="I336">
        <v>574.97</v>
      </c>
      <c r="J336">
        <v>3612</v>
      </c>
      <c r="K336">
        <v>3212</v>
      </c>
      <c r="N336" s="11"/>
    </row>
    <row r="337" spans="2:14">
      <c r="B337" s="2">
        <f t="shared" si="5"/>
        <v>0.52512731481481478</v>
      </c>
      <c r="C337">
        <v>9930</v>
      </c>
      <c r="D337">
        <v>431.69</v>
      </c>
      <c r="E337">
        <v>566.6</v>
      </c>
      <c r="F337">
        <v>544.36</v>
      </c>
      <c r="G337">
        <v>505.21</v>
      </c>
      <c r="H337">
        <v>361.63</v>
      </c>
      <c r="I337">
        <v>577.49</v>
      </c>
      <c r="J337">
        <v>3589</v>
      </c>
      <c r="K337">
        <v>3250</v>
      </c>
      <c r="N337" s="11"/>
    </row>
    <row r="338" spans="2:14">
      <c r="B338" s="2">
        <f t="shared" si="5"/>
        <v>0.52547453703703706</v>
      </c>
      <c r="C338">
        <v>9960</v>
      </c>
      <c r="D338">
        <v>433.75</v>
      </c>
      <c r="E338">
        <v>570.61</v>
      </c>
      <c r="F338">
        <v>546.41</v>
      </c>
      <c r="G338">
        <v>501.68</v>
      </c>
      <c r="H338">
        <v>365.3</v>
      </c>
      <c r="I338">
        <v>582.34</v>
      </c>
      <c r="J338">
        <v>3586</v>
      </c>
      <c r="K338">
        <v>3270</v>
      </c>
      <c r="N338" s="11"/>
    </row>
    <row r="339" spans="2:14">
      <c r="B339" s="2">
        <f t="shared" si="5"/>
        <v>0.52582175925925922</v>
      </c>
      <c r="C339">
        <v>9990</v>
      </c>
      <c r="D339">
        <v>434.76</v>
      </c>
      <c r="E339">
        <v>571.58000000000004</v>
      </c>
      <c r="F339">
        <v>547.66999999999996</v>
      </c>
      <c r="G339">
        <v>498.01</v>
      </c>
      <c r="H339">
        <v>367.13</v>
      </c>
      <c r="I339">
        <v>581.03</v>
      </c>
      <c r="J339">
        <v>3586</v>
      </c>
      <c r="K339">
        <v>3290</v>
      </c>
      <c r="N339" s="11"/>
    </row>
    <row r="340" spans="2:14">
      <c r="B340" s="2">
        <f t="shared" si="5"/>
        <v>0.5261689814814815</v>
      </c>
      <c r="C340">
        <v>10020</v>
      </c>
      <c r="D340">
        <v>434</v>
      </c>
      <c r="E340">
        <v>573.46</v>
      </c>
      <c r="F340">
        <v>550.09</v>
      </c>
      <c r="G340">
        <v>499.47</v>
      </c>
      <c r="H340">
        <v>373.27</v>
      </c>
      <c r="I340">
        <v>581.92999999999995</v>
      </c>
      <c r="J340">
        <v>3559</v>
      </c>
      <c r="K340">
        <v>3323</v>
      </c>
      <c r="N340" s="11"/>
    </row>
    <row r="341" spans="2:14">
      <c r="B341" s="2">
        <f t="shared" si="5"/>
        <v>0.52651620370370367</v>
      </c>
      <c r="C341">
        <v>10050</v>
      </c>
      <c r="D341">
        <v>434.84</v>
      </c>
      <c r="E341">
        <v>574.61</v>
      </c>
      <c r="F341">
        <v>551.80999999999995</v>
      </c>
      <c r="G341">
        <v>499.51</v>
      </c>
      <c r="H341">
        <v>377.92</v>
      </c>
      <c r="I341">
        <v>581.48</v>
      </c>
      <c r="J341">
        <v>3535</v>
      </c>
      <c r="K341">
        <v>3350</v>
      </c>
      <c r="N341" s="11"/>
    </row>
    <row r="342" spans="2:14">
      <c r="B342" s="2">
        <f t="shared" si="5"/>
        <v>0.52686342592592594</v>
      </c>
      <c r="C342">
        <v>10080</v>
      </c>
      <c r="D342">
        <v>434.8</v>
      </c>
      <c r="E342">
        <v>572.55999999999995</v>
      </c>
      <c r="F342">
        <v>551.01</v>
      </c>
      <c r="G342">
        <v>498.78</v>
      </c>
      <c r="H342">
        <v>380.64</v>
      </c>
      <c r="I342">
        <v>580.25</v>
      </c>
      <c r="J342">
        <v>3517</v>
      </c>
      <c r="K342">
        <v>3369</v>
      </c>
      <c r="N342" s="11"/>
    </row>
    <row r="343" spans="2:14">
      <c r="B343" s="2">
        <f t="shared" si="5"/>
        <v>0.52721064814814811</v>
      </c>
      <c r="C343">
        <v>10110</v>
      </c>
      <c r="D343">
        <v>434.13</v>
      </c>
      <c r="E343">
        <v>572.29</v>
      </c>
      <c r="F343">
        <v>550.71</v>
      </c>
      <c r="G343">
        <v>500.55</v>
      </c>
      <c r="H343">
        <v>382.46</v>
      </c>
      <c r="I343">
        <v>583.75</v>
      </c>
      <c r="J343">
        <v>3510</v>
      </c>
      <c r="K343">
        <v>3386</v>
      </c>
      <c r="N343" s="11"/>
    </row>
    <row r="344" spans="2:14">
      <c r="B344" s="2">
        <f t="shared" si="5"/>
        <v>0.52755787037037039</v>
      </c>
      <c r="C344">
        <v>10140</v>
      </c>
      <c r="D344">
        <v>433.73</v>
      </c>
      <c r="E344">
        <v>571.53</v>
      </c>
      <c r="F344">
        <v>550.45000000000005</v>
      </c>
      <c r="G344">
        <v>507.62</v>
      </c>
      <c r="H344">
        <v>392.47</v>
      </c>
      <c r="I344">
        <v>584.33000000000004</v>
      </c>
      <c r="J344">
        <v>3471</v>
      </c>
      <c r="K344">
        <v>3430</v>
      </c>
      <c r="N344" s="11"/>
    </row>
    <row r="345" spans="2:14">
      <c r="B345" s="2">
        <f t="shared" si="5"/>
        <v>0.52790509259259255</v>
      </c>
      <c r="C345">
        <v>10170</v>
      </c>
      <c r="D345">
        <v>434.85</v>
      </c>
      <c r="E345">
        <v>572.29</v>
      </c>
      <c r="F345">
        <v>550.07000000000005</v>
      </c>
      <c r="G345">
        <v>514.30999999999995</v>
      </c>
      <c r="H345">
        <v>404.58</v>
      </c>
      <c r="I345">
        <v>590.17999999999995</v>
      </c>
      <c r="J345">
        <v>3452</v>
      </c>
      <c r="K345">
        <v>3474</v>
      </c>
      <c r="N345" s="11"/>
    </row>
    <row r="346" spans="2:14">
      <c r="B346" s="2">
        <f t="shared" si="5"/>
        <v>0.52825231481481483</v>
      </c>
      <c r="C346">
        <v>10200</v>
      </c>
      <c r="D346">
        <v>435.98</v>
      </c>
      <c r="E346">
        <v>570.15</v>
      </c>
      <c r="F346">
        <v>548.73</v>
      </c>
      <c r="G346">
        <v>520.82000000000005</v>
      </c>
      <c r="H346">
        <v>415.31</v>
      </c>
      <c r="I346">
        <v>594.89</v>
      </c>
      <c r="J346">
        <v>3830</v>
      </c>
      <c r="K346">
        <v>3474</v>
      </c>
      <c r="N346" s="11"/>
    </row>
    <row r="347" spans="2:14">
      <c r="B347" s="2">
        <f t="shared" si="5"/>
        <v>0.52859953703703699</v>
      </c>
      <c r="C347">
        <v>10230</v>
      </c>
      <c r="D347">
        <v>443.99</v>
      </c>
      <c r="E347">
        <v>567.65</v>
      </c>
      <c r="F347">
        <v>552.47</v>
      </c>
      <c r="G347">
        <v>529.84</v>
      </c>
      <c r="H347">
        <v>443.07</v>
      </c>
      <c r="I347">
        <v>598.29</v>
      </c>
      <c r="J347">
        <v>4029</v>
      </c>
      <c r="K347">
        <v>3536</v>
      </c>
      <c r="N347" s="11"/>
    </row>
    <row r="348" spans="2:14">
      <c r="B348" s="2">
        <f t="shared" si="5"/>
        <v>0.52894675925925927</v>
      </c>
      <c r="C348">
        <v>10260</v>
      </c>
      <c r="D348">
        <v>460.64</v>
      </c>
      <c r="E348">
        <v>567.24</v>
      </c>
      <c r="F348">
        <v>558.54</v>
      </c>
      <c r="G348">
        <v>539.45000000000005</v>
      </c>
      <c r="H348">
        <v>475.95</v>
      </c>
      <c r="I348">
        <v>566.26</v>
      </c>
      <c r="J348">
        <v>4001</v>
      </c>
      <c r="K348">
        <v>3677</v>
      </c>
      <c r="N348" s="11"/>
    </row>
    <row r="349" spans="2:14">
      <c r="B349" s="2">
        <f t="shared" si="5"/>
        <v>0.52929398148148143</v>
      </c>
      <c r="C349">
        <v>10290</v>
      </c>
      <c r="D349">
        <v>469.3</v>
      </c>
      <c r="E349">
        <v>567.6</v>
      </c>
      <c r="F349">
        <v>560.75</v>
      </c>
      <c r="G349">
        <v>546.17999999999995</v>
      </c>
      <c r="H349">
        <v>489.36</v>
      </c>
      <c r="I349">
        <v>574.66999999999996</v>
      </c>
      <c r="J349">
        <v>3957</v>
      </c>
      <c r="K349">
        <v>3792</v>
      </c>
      <c r="N349" s="11"/>
    </row>
    <row r="350" spans="2:14">
      <c r="B350" s="2">
        <f t="shared" si="5"/>
        <v>0.52964120370370371</v>
      </c>
      <c r="C350">
        <v>10320</v>
      </c>
      <c r="D350">
        <v>477.43</v>
      </c>
      <c r="E350">
        <v>568.19000000000005</v>
      </c>
      <c r="F350">
        <v>561.53</v>
      </c>
      <c r="G350">
        <v>546.54</v>
      </c>
      <c r="H350">
        <v>491.18</v>
      </c>
      <c r="I350">
        <v>562.01</v>
      </c>
      <c r="J350">
        <v>3865</v>
      </c>
      <c r="K350">
        <v>3820</v>
      </c>
      <c r="N350" s="11"/>
    </row>
    <row r="351" spans="2:14">
      <c r="B351" s="2">
        <f t="shared" si="5"/>
        <v>0.52998842592592588</v>
      </c>
      <c r="C351">
        <v>10350</v>
      </c>
      <c r="D351">
        <v>478.91</v>
      </c>
      <c r="E351">
        <v>569.17999999999995</v>
      </c>
      <c r="F351">
        <v>562.69000000000005</v>
      </c>
      <c r="G351">
        <v>545.77</v>
      </c>
      <c r="H351">
        <v>487.55</v>
      </c>
      <c r="I351">
        <v>557.92999999999995</v>
      </c>
      <c r="J351">
        <v>3876</v>
      </c>
      <c r="K351">
        <v>3825</v>
      </c>
      <c r="N351" s="11"/>
    </row>
    <row r="352" spans="2:14">
      <c r="B352" s="2">
        <f t="shared" si="5"/>
        <v>0.53033564814814815</v>
      </c>
      <c r="C352">
        <v>10380</v>
      </c>
      <c r="D352">
        <v>480.22</v>
      </c>
      <c r="E352">
        <v>569.6</v>
      </c>
      <c r="F352">
        <v>562.41999999999996</v>
      </c>
      <c r="G352">
        <v>542.55999999999995</v>
      </c>
      <c r="H352">
        <v>481.48</v>
      </c>
      <c r="I352">
        <v>555.9</v>
      </c>
      <c r="J352">
        <v>3849</v>
      </c>
      <c r="K352">
        <v>3820</v>
      </c>
      <c r="N352" s="11"/>
    </row>
    <row r="353" spans="2:14">
      <c r="B353" s="2">
        <f t="shared" si="5"/>
        <v>0.53068287037037032</v>
      </c>
      <c r="C353">
        <v>10410</v>
      </c>
      <c r="D353">
        <v>480.77</v>
      </c>
      <c r="E353">
        <v>568.94000000000005</v>
      </c>
      <c r="F353">
        <v>561.96</v>
      </c>
      <c r="G353">
        <v>538.29</v>
      </c>
      <c r="H353">
        <v>475.92</v>
      </c>
      <c r="I353">
        <v>553.59</v>
      </c>
      <c r="J353">
        <v>3879</v>
      </c>
      <c r="K353">
        <v>3792</v>
      </c>
      <c r="N353" s="11"/>
    </row>
    <row r="354" spans="2:14">
      <c r="B354" s="2">
        <f t="shared" ref="B354:B417" si="6">C354/24/60/60+$B$3</f>
        <v>0.5310300925925926</v>
      </c>
      <c r="C354">
        <v>10440</v>
      </c>
      <c r="D354">
        <v>480.04</v>
      </c>
      <c r="E354">
        <v>570.24</v>
      </c>
      <c r="F354">
        <v>562.36</v>
      </c>
      <c r="G354">
        <v>535.91999999999996</v>
      </c>
      <c r="H354">
        <v>472.81</v>
      </c>
      <c r="I354">
        <v>550.65</v>
      </c>
      <c r="J354">
        <v>3869</v>
      </c>
      <c r="K354">
        <v>3775</v>
      </c>
      <c r="N354" s="11"/>
    </row>
    <row r="355" spans="2:14">
      <c r="B355" s="2">
        <f t="shared" si="6"/>
        <v>0.53137731481481476</v>
      </c>
      <c r="C355">
        <v>10470</v>
      </c>
      <c r="D355">
        <v>480.79</v>
      </c>
      <c r="E355">
        <v>569.99</v>
      </c>
      <c r="F355">
        <v>562.29999999999995</v>
      </c>
      <c r="G355">
        <v>534</v>
      </c>
      <c r="H355">
        <v>471</v>
      </c>
      <c r="I355">
        <v>547.95000000000005</v>
      </c>
      <c r="J355">
        <v>3859</v>
      </c>
      <c r="K355">
        <v>3771</v>
      </c>
      <c r="N355" s="11"/>
    </row>
    <row r="356" spans="2:14">
      <c r="B356" s="2">
        <f t="shared" si="6"/>
        <v>0.53172453703703704</v>
      </c>
      <c r="C356">
        <v>10500</v>
      </c>
      <c r="D356">
        <v>481.84</v>
      </c>
      <c r="E356">
        <v>570.25</v>
      </c>
      <c r="F356">
        <v>562.25</v>
      </c>
      <c r="G356">
        <v>532.04999999999995</v>
      </c>
      <c r="H356">
        <v>471.83</v>
      </c>
      <c r="I356">
        <v>545.15</v>
      </c>
      <c r="J356">
        <v>3852</v>
      </c>
      <c r="K356">
        <v>3784</v>
      </c>
      <c r="N356" s="11"/>
    </row>
    <row r="357" spans="2:14">
      <c r="B357" s="2">
        <f t="shared" si="6"/>
        <v>0.5320717592592592</v>
      </c>
      <c r="C357">
        <v>10530</v>
      </c>
      <c r="D357">
        <v>481.43</v>
      </c>
      <c r="E357">
        <v>570.35</v>
      </c>
      <c r="F357">
        <v>562.5</v>
      </c>
      <c r="G357">
        <v>528.20000000000005</v>
      </c>
      <c r="H357">
        <v>468.69</v>
      </c>
      <c r="I357">
        <v>542.22</v>
      </c>
      <c r="J357">
        <v>3853</v>
      </c>
      <c r="K357">
        <v>3769</v>
      </c>
      <c r="N357" s="11"/>
    </row>
    <row r="358" spans="2:14">
      <c r="B358" s="2">
        <f t="shared" si="6"/>
        <v>0.53241898148148148</v>
      </c>
      <c r="C358">
        <v>10560</v>
      </c>
      <c r="D358">
        <v>482.52</v>
      </c>
      <c r="E358">
        <v>570.84</v>
      </c>
      <c r="F358">
        <v>562.9</v>
      </c>
      <c r="G358">
        <v>525.41</v>
      </c>
      <c r="H358">
        <v>465.85</v>
      </c>
      <c r="I358">
        <v>541.34</v>
      </c>
      <c r="J358">
        <v>3876</v>
      </c>
      <c r="K358">
        <v>3755</v>
      </c>
      <c r="N358" s="11"/>
    </row>
    <row r="359" spans="2:14">
      <c r="B359" s="2">
        <f t="shared" si="6"/>
        <v>0.53276620370370376</v>
      </c>
      <c r="C359">
        <v>10590</v>
      </c>
      <c r="D359">
        <v>481.83</v>
      </c>
      <c r="E359">
        <v>571.76</v>
      </c>
      <c r="F359">
        <v>562.77</v>
      </c>
      <c r="G359">
        <v>523.99</v>
      </c>
      <c r="H359">
        <v>461.98</v>
      </c>
      <c r="I359">
        <v>541.28</v>
      </c>
      <c r="J359">
        <v>3881</v>
      </c>
      <c r="K359">
        <v>3735</v>
      </c>
      <c r="N359" s="11"/>
    </row>
    <row r="360" spans="2:14">
      <c r="B360" s="2">
        <f t="shared" si="6"/>
        <v>0.53311342592592592</v>
      </c>
      <c r="C360">
        <v>10620</v>
      </c>
      <c r="D360">
        <v>481.5</v>
      </c>
      <c r="E360">
        <v>571.91999999999996</v>
      </c>
      <c r="F360">
        <v>562.72</v>
      </c>
      <c r="G360">
        <v>523.22</v>
      </c>
      <c r="H360">
        <v>458.32</v>
      </c>
      <c r="I360">
        <v>538.73</v>
      </c>
      <c r="J360">
        <v>3889</v>
      </c>
      <c r="K360">
        <v>3723</v>
      </c>
      <c r="N360" s="11"/>
    </row>
    <row r="361" spans="2:14">
      <c r="B361" s="2">
        <f t="shared" si="6"/>
        <v>0.53346064814814809</v>
      </c>
      <c r="C361">
        <v>10650</v>
      </c>
      <c r="D361">
        <v>480.04</v>
      </c>
      <c r="E361">
        <v>573.19000000000005</v>
      </c>
      <c r="F361">
        <v>562.08000000000004</v>
      </c>
      <c r="G361">
        <v>523.88</v>
      </c>
      <c r="H361">
        <v>454.18</v>
      </c>
      <c r="I361">
        <v>536.87</v>
      </c>
      <c r="J361">
        <v>3900</v>
      </c>
      <c r="K361">
        <v>3698</v>
      </c>
      <c r="N361" s="11"/>
    </row>
    <row r="362" spans="2:14">
      <c r="B362" s="2">
        <f t="shared" si="6"/>
        <v>0.53380787037037036</v>
      </c>
      <c r="C362">
        <v>10680</v>
      </c>
      <c r="D362">
        <v>479.37</v>
      </c>
      <c r="E362">
        <v>572.72</v>
      </c>
      <c r="F362">
        <v>561.6</v>
      </c>
      <c r="G362">
        <v>531.23</v>
      </c>
      <c r="H362">
        <v>459.22</v>
      </c>
      <c r="I362">
        <v>534.44000000000005</v>
      </c>
      <c r="J362">
        <v>3878</v>
      </c>
      <c r="K362">
        <v>3713</v>
      </c>
      <c r="N362" s="11"/>
    </row>
    <row r="363" spans="2:14">
      <c r="B363" s="2">
        <f t="shared" si="6"/>
        <v>0.53415509259259264</v>
      </c>
      <c r="C363">
        <v>10710</v>
      </c>
      <c r="D363">
        <v>480.87</v>
      </c>
      <c r="E363">
        <v>571.35</v>
      </c>
      <c r="F363">
        <v>562.59</v>
      </c>
      <c r="G363">
        <v>536.71</v>
      </c>
      <c r="H363">
        <v>464.1</v>
      </c>
      <c r="I363">
        <v>534.91999999999996</v>
      </c>
      <c r="J363">
        <v>3870</v>
      </c>
      <c r="K363">
        <v>3741</v>
      </c>
      <c r="N363" s="11"/>
    </row>
    <row r="364" spans="2:14">
      <c r="B364" s="2">
        <f t="shared" si="6"/>
        <v>0.53450231481481481</v>
      </c>
      <c r="C364">
        <v>10740</v>
      </c>
      <c r="D364">
        <v>484.11</v>
      </c>
      <c r="E364">
        <v>571.6</v>
      </c>
      <c r="F364">
        <v>563.46</v>
      </c>
      <c r="G364">
        <v>542.13</v>
      </c>
      <c r="H364">
        <v>469.58</v>
      </c>
      <c r="I364">
        <v>534.53</v>
      </c>
      <c r="J364">
        <v>3866</v>
      </c>
      <c r="K364">
        <v>3766</v>
      </c>
      <c r="N364" s="11"/>
    </row>
    <row r="365" spans="2:14">
      <c r="B365" s="2">
        <f t="shared" si="6"/>
        <v>0.53484953703703697</v>
      </c>
      <c r="C365">
        <v>10770</v>
      </c>
      <c r="D365">
        <v>486.32</v>
      </c>
      <c r="E365">
        <v>572.73</v>
      </c>
      <c r="F365">
        <v>564.66999999999996</v>
      </c>
      <c r="G365">
        <v>544.32000000000005</v>
      </c>
      <c r="H365">
        <v>468.76</v>
      </c>
      <c r="I365">
        <v>534.14</v>
      </c>
      <c r="J365">
        <v>3900</v>
      </c>
      <c r="K365">
        <v>3696</v>
      </c>
      <c r="N365" s="11"/>
    </row>
    <row r="366" spans="2:14">
      <c r="B366" s="2">
        <f t="shared" si="6"/>
        <v>0.53519675925925925</v>
      </c>
      <c r="C366">
        <v>10800</v>
      </c>
      <c r="D366">
        <v>484.69</v>
      </c>
      <c r="E366">
        <v>575.4</v>
      </c>
      <c r="F366">
        <v>562.85</v>
      </c>
      <c r="G366">
        <v>549.01</v>
      </c>
      <c r="H366">
        <v>473.47</v>
      </c>
      <c r="I366">
        <v>533.33000000000004</v>
      </c>
      <c r="J366">
        <v>3931</v>
      </c>
      <c r="K366">
        <v>3620</v>
      </c>
      <c r="N366" s="11"/>
    </row>
    <row r="367" spans="2:14">
      <c r="B367" s="2">
        <f t="shared" si="6"/>
        <v>0.53554398148148152</v>
      </c>
      <c r="C367">
        <v>10830</v>
      </c>
      <c r="D367">
        <v>485.93</v>
      </c>
      <c r="E367">
        <v>573.72</v>
      </c>
      <c r="F367">
        <v>563.01</v>
      </c>
      <c r="G367">
        <v>549.69000000000005</v>
      </c>
      <c r="H367">
        <v>476.51</v>
      </c>
      <c r="I367">
        <v>534.21</v>
      </c>
      <c r="J367">
        <v>3913</v>
      </c>
      <c r="K367">
        <v>3661</v>
      </c>
      <c r="N367" s="11"/>
    </row>
    <row r="368" spans="2:14">
      <c r="B368" s="2">
        <f t="shared" si="6"/>
        <v>0.53589120370370369</v>
      </c>
      <c r="C368">
        <v>10860</v>
      </c>
      <c r="D368">
        <v>487.96</v>
      </c>
      <c r="E368">
        <v>573.73</v>
      </c>
      <c r="F368">
        <v>563.87</v>
      </c>
      <c r="G368">
        <v>548.57000000000005</v>
      </c>
      <c r="H368">
        <v>476.16</v>
      </c>
      <c r="I368">
        <v>532.76</v>
      </c>
      <c r="J368">
        <v>3917</v>
      </c>
      <c r="K368">
        <v>3692</v>
      </c>
      <c r="N368" s="11"/>
    </row>
    <row r="369" spans="2:14">
      <c r="B369" s="2">
        <f t="shared" si="6"/>
        <v>0.53623842592592585</v>
      </c>
      <c r="C369">
        <v>10890</v>
      </c>
      <c r="D369">
        <v>490.29</v>
      </c>
      <c r="E369">
        <v>573.54999999999995</v>
      </c>
      <c r="F369">
        <v>564.54999999999995</v>
      </c>
      <c r="G369">
        <v>547.33000000000004</v>
      </c>
      <c r="H369">
        <v>478.04</v>
      </c>
      <c r="I369">
        <v>531.88</v>
      </c>
      <c r="J369">
        <v>3881</v>
      </c>
      <c r="K369">
        <v>3720</v>
      </c>
      <c r="N369" s="11"/>
    </row>
    <row r="370" spans="2:14">
      <c r="B370" s="2">
        <f t="shared" si="6"/>
        <v>0.53658564814814813</v>
      </c>
      <c r="C370">
        <v>10920</v>
      </c>
      <c r="D370">
        <v>492.2</v>
      </c>
      <c r="E370">
        <v>574.28</v>
      </c>
      <c r="F370">
        <v>565.58000000000004</v>
      </c>
      <c r="G370">
        <v>542.12</v>
      </c>
      <c r="H370">
        <v>472.38</v>
      </c>
      <c r="I370">
        <v>530.66</v>
      </c>
      <c r="J370">
        <v>3898</v>
      </c>
      <c r="K370">
        <v>3725</v>
      </c>
      <c r="N370" s="11"/>
    </row>
    <row r="371" spans="2:14">
      <c r="B371" s="2">
        <f t="shared" si="6"/>
        <v>0.53693287037037041</v>
      </c>
      <c r="C371">
        <v>10950</v>
      </c>
      <c r="D371">
        <v>493.08</v>
      </c>
      <c r="E371">
        <v>574.48</v>
      </c>
      <c r="F371">
        <v>565.47</v>
      </c>
      <c r="G371">
        <v>540.14</v>
      </c>
      <c r="H371">
        <v>471.03</v>
      </c>
      <c r="I371">
        <v>529.87</v>
      </c>
      <c r="J371">
        <v>3903</v>
      </c>
      <c r="K371">
        <v>3727</v>
      </c>
      <c r="N371" s="11"/>
    </row>
    <row r="372" spans="2:14">
      <c r="B372" s="2">
        <f t="shared" si="6"/>
        <v>0.53728009259259257</v>
      </c>
      <c r="C372">
        <v>10980</v>
      </c>
      <c r="D372">
        <v>493.46</v>
      </c>
      <c r="E372">
        <v>575.6</v>
      </c>
      <c r="F372">
        <v>565.46</v>
      </c>
      <c r="G372">
        <v>537.49</v>
      </c>
      <c r="H372">
        <v>469.46</v>
      </c>
      <c r="I372">
        <v>530.54999999999995</v>
      </c>
      <c r="J372">
        <v>3888</v>
      </c>
      <c r="K372">
        <v>3734</v>
      </c>
      <c r="N372" s="11"/>
    </row>
    <row r="373" spans="2:14">
      <c r="B373" s="2">
        <f t="shared" si="6"/>
        <v>0.53762731481481474</v>
      </c>
      <c r="C373">
        <v>11010</v>
      </c>
      <c r="D373">
        <v>494.74</v>
      </c>
      <c r="E373">
        <v>574.79</v>
      </c>
      <c r="F373">
        <v>566.55999999999995</v>
      </c>
      <c r="G373">
        <v>535.52</v>
      </c>
      <c r="H373">
        <v>470.93</v>
      </c>
      <c r="I373">
        <v>529.65</v>
      </c>
      <c r="J373">
        <v>3885</v>
      </c>
      <c r="K373">
        <v>3752</v>
      </c>
      <c r="N373" s="11"/>
    </row>
    <row r="374" spans="2:14">
      <c r="B374" s="2">
        <f t="shared" si="6"/>
        <v>0.53797453703703701</v>
      </c>
      <c r="C374">
        <v>11040</v>
      </c>
      <c r="D374">
        <v>496.92</v>
      </c>
      <c r="E374">
        <v>576.99</v>
      </c>
      <c r="F374">
        <v>567.14</v>
      </c>
      <c r="G374">
        <v>532.21</v>
      </c>
      <c r="H374">
        <v>472.27</v>
      </c>
      <c r="I374">
        <v>531.26</v>
      </c>
      <c r="J374">
        <v>4150</v>
      </c>
      <c r="K374">
        <v>3163</v>
      </c>
      <c r="N374" s="11"/>
    </row>
    <row r="375" spans="2:14">
      <c r="B375" s="2">
        <f t="shared" si="6"/>
        <v>0.53832175925925929</v>
      </c>
      <c r="C375">
        <v>11070</v>
      </c>
      <c r="D375">
        <v>501.26</v>
      </c>
      <c r="E375">
        <v>579.73</v>
      </c>
      <c r="F375">
        <v>559.62</v>
      </c>
      <c r="G375">
        <v>535.54999999999995</v>
      </c>
      <c r="H375">
        <v>510.51</v>
      </c>
      <c r="I375">
        <v>512.46</v>
      </c>
      <c r="J375">
        <v>3422</v>
      </c>
      <c r="K375">
        <v>1637</v>
      </c>
      <c r="N375" s="11"/>
    </row>
    <row r="376" spans="2:14">
      <c r="B376" s="2">
        <f t="shared" si="6"/>
        <v>0.53866898148148146</v>
      </c>
      <c r="C376">
        <v>11100</v>
      </c>
      <c r="D376">
        <v>496.05</v>
      </c>
      <c r="E376">
        <v>579.11</v>
      </c>
      <c r="F376">
        <v>555.32000000000005</v>
      </c>
      <c r="G376">
        <v>524.25</v>
      </c>
      <c r="H376">
        <v>483.27</v>
      </c>
      <c r="I376">
        <v>492.64</v>
      </c>
      <c r="J376">
        <v>3126</v>
      </c>
      <c r="K376">
        <v>1625</v>
      </c>
      <c r="N376" s="11"/>
    </row>
    <row r="377" spans="2:14">
      <c r="B377" s="2">
        <f t="shared" si="6"/>
        <v>0.53901620370370373</v>
      </c>
      <c r="C377">
        <v>11130</v>
      </c>
      <c r="D377">
        <v>492.36</v>
      </c>
      <c r="E377">
        <v>579.62</v>
      </c>
      <c r="F377">
        <v>554.76</v>
      </c>
      <c r="G377">
        <v>519.04</v>
      </c>
      <c r="H377">
        <v>466.04</v>
      </c>
      <c r="I377">
        <v>483.48</v>
      </c>
      <c r="J377">
        <v>3130</v>
      </c>
      <c r="K377">
        <v>1632</v>
      </c>
      <c r="N377" s="11"/>
    </row>
    <row r="378" spans="2:14">
      <c r="B378" s="2">
        <f t="shared" si="6"/>
        <v>0.5393634259259259</v>
      </c>
      <c r="C378">
        <v>11160</v>
      </c>
      <c r="D378">
        <v>490.1</v>
      </c>
      <c r="E378">
        <v>580.29</v>
      </c>
      <c r="F378">
        <v>555.09</v>
      </c>
      <c r="G378">
        <v>516.29999999999995</v>
      </c>
      <c r="H378">
        <v>455.04</v>
      </c>
      <c r="I378">
        <v>488.97</v>
      </c>
      <c r="J378">
        <v>3129</v>
      </c>
      <c r="K378">
        <v>1631</v>
      </c>
      <c r="N378" s="11"/>
    </row>
    <row r="379" spans="2:14">
      <c r="B379" s="2">
        <f t="shared" si="6"/>
        <v>0.53971064814814818</v>
      </c>
      <c r="C379">
        <v>11190</v>
      </c>
      <c r="D379">
        <v>488.7</v>
      </c>
      <c r="E379">
        <v>581.1</v>
      </c>
      <c r="F379">
        <v>555.62</v>
      </c>
      <c r="G379">
        <v>515.23</v>
      </c>
      <c r="H379">
        <v>446.83</v>
      </c>
      <c r="I379">
        <v>490.99</v>
      </c>
      <c r="J379">
        <v>3126</v>
      </c>
      <c r="K379">
        <v>1626</v>
      </c>
      <c r="N379" s="11"/>
    </row>
    <row r="380" spans="2:14">
      <c r="B380" s="2">
        <f t="shared" si="6"/>
        <v>0.54005787037037034</v>
      </c>
      <c r="C380">
        <v>11220</v>
      </c>
      <c r="D380">
        <v>487.26</v>
      </c>
      <c r="E380">
        <v>581.83000000000004</v>
      </c>
      <c r="F380">
        <v>556.11</v>
      </c>
      <c r="G380">
        <v>515.30999999999995</v>
      </c>
      <c r="H380">
        <v>439.6</v>
      </c>
      <c r="I380">
        <v>480.4</v>
      </c>
      <c r="J380">
        <v>3120</v>
      </c>
      <c r="K380">
        <v>1627</v>
      </c>
      <c r="N380" s="11"/>
    </row>
    <row r="381" spans="2:14">
      <c r="B381" s="2">
        <f t="shared" si="6"/>
        <v>0.54040509259259262</v>
      </c>
      <c r="C381">
        <v>11250</v>
      </c>
      <c r="D381">
        <v>486.05</v>
      </c>
      <c r="E381">
        <v>582.29</v>
      </c>
      <c r="F381">
        <v>556.47</v>
      </c>
      <c r="G381">
        <v>515.80999999999995</v>
      </c>
      <c r="H381">
        <v>433.37</v>
      </c>
      <c r="I381">
        <v>479</v>
      </c>
      <c r="J381">
        <v>3130</v>
      </c>
      <c r="K381">
        <v>1629</v>
      </c>
      <c r="N381" s="11"/>
    </row>
    <row r="382" spans="2:14">
      <c r="B382" s="2">
        <f t="shared" si="6"/>
        <v>0.54075231481481478</v>
      </c>
      <c r="C382">
        <v>11280</v>
      </c>
      <c r="D382">
        <v>485.14</v>
      </c>
      <c r="E382">
        <v>582.78</v>
      </c>
      <c r="F382">
        <v>556.91999999999996</v>
      </c>
      <c r="G382">
        <v>516.51</v>
      </c>
      <c r="H382">
        <v>427.97</v>
      </c>
      <c r="I382">
        <v>483.59</v>
      </c>
      <c r="J382">
        <v>3123</v>
      </c>
      <c r="K382">
        <v>1627</v>
      </c>
      <c r="N382" s="11"/>
    </row>
    <row r="383" spans="2:14">
      <c r="B383" s="2">
        <f t="shared" si="6"/>
        <v>0.54109953703703706</v>
      </c>
      <c r="C383">
        <v>11310</v>
      </c>
      <c r="D383">
        <v>484.16</v>
      </c>
      <c r="E383">
        <v>583.4</v>
      </c>
      <c r="F383">
        <v>557.34</v>
      </c>
      <c r="G383">
        <v>516.61</v>
      </c>
      <c r="H383">
        <v>422.87</v>
      </c>
      <c r="I383">
        <v>481.52</v>
      </c>
      <c r="J383">
        <v>3127</v>
      </c>
      <c r="K383">
        <v>1623</v>
      </c>
      <c r="N383" s="11"/>
    </row>
    <row r="384" spans="2:14">
      <c r="B384" s="2">
        <f t="shared" si="6"/>
        <v>0.54144675925925922</v>
      </c>
      <c r="C384">
        <v>11340</v>
      </c>
      <c r="D384">
        <v>483.26</v>
      </c>
      <c r="E384">
        <v>583.51</v>
      </c>
      <c r="F384">
        <v>557.5</v>
      </c>
      <c r="G384">
        <v>515.78</v>
      </c>
      <c r="H384">
        <v>417.95</v>
      </c>
      <c r="I384">
        <v>476.11</v>
      </c>
      <c r="J384">
        <v>3118</v>
      </c>
      <c r="K384">
        <v>1624</v>
      </c>
      <c r="N384" s="11"/>
    </row>
    <row r="385" spans="2:14">
      <c r="B385" s="2">
        <f t="shared" si="6"/>
        <v>0.5417939814814815</v>
      </c>
      <c r="C385">
        <v>11370</v>
      </c>
      <c r="D385">
        <v>482.32</v>
      </c>
      <c r="E385">
        <v>584.38</v>
      </c>
      <c r="F385">
        <v>558.1</v>
      </c>
      <c r="G385">
        <v>514.84</v>
      </c>
      <c r="H385">
        <v>412.66</v>
      </c>
      <c r="I385">
        <v>477.52</v>
      </c>
      <c r="J385">
        <v>3122</v>
      </c>
      <c r="K385">
        <v>1626</v>
      </c>
      <c r="N385" s="11"/>
    </row>
    <row r="386" spans="2:14">
      <c r="B386" s="2">
        <f t="shared" si="6"/>
        <v>0.54214120370370367</v>
      </c>
      <c r="C386">
        <v>11400</v>
      </c>
      <c r="D386">
        <v>481.6</v>
      </c>
      <c r="E386">
        <v>584.67999999999995</v>
      </c>
      <c r="F386">
        <v>558.34</v>
      </c>
      <c r="G386">
        <v>511.21</v>
      </c>
      <c r="H386">
        <v>408.12</v>
      </c>
      <c r="I386">
        <v>481.4</v>
      </c>
      <c r="J386">
        <v>3120</v>
      </c>
      <c r="K386">
        <v>1630</v>
      </c>
      <c r="N386" s="11"/>
    </row>
    <row r="387" spans="2:14">
      <c r="B387" s="2">
        <f t="shared" si="6"/>
        <v>0.54248842592592594</v>
      </c>
      <c r="C387">
        <v>11430</v>
      </c>
      <c r="D387">
        <v>481.14</v>
      </c>
      <c r="E387">
        <v>584.80999999999995</v>
      </c>
      <c r="F387">
        <v>558.54</v>
      </c>
      <c r="G387">
        <v>507.9</v>
      </c>
      <c r="H387">
        <v>403.6</v>
      </c>
      <c r="I387">
        <v>475.31</v>
      </c>
      <c r="J387">
        <v>3117</v>
      </c>
      <c r="K387">
        <v>1630</v>
      </c>
      <c r="N387" s="11"/>
    </row>
    <row r="388" spans="2:14">
      <c r="B388" s="2">
        <f t="shared" si="6"/>
        <v>0.54283564814814811</v>
      </c>
      <c r="C388">
        <v>11460</v>
      </c>
      <c r="D388">
        <v>480.45</v>
      </c>
      <c r="E388">
        <v>584.79</v>
      </c>
      <c r="F388">
        <v>558.58000000000004</v>
      </c>
      <c r="G388">
        <v>504.4</v>
      </c>
      <c r="H388">
        <v>398.78</v>
      </c>
      <c r="I388">
        <v>483.76</v>
      </c>
      <c r="J388">
        <v>3122</v>
      </c>
      <c r="K388">
        <v>1629</v>
      </c>
      <c r="N388" s="11"/>
    </row>
    <row r="389" spans="2:14">
      <c r="B389" s="2">
        <f t="shared" si="6"/>
        <v>0.54318287037037039</v>
      </c>
      <c r="C389">
        <v>11490</v>
      </c>
      <c r="D389">
        <v>479.85</v>
      </c>
      <c r="E389">
        <v>585.09</v>
      </c>
      <c r="F389">
        <v>558.86</v>
      </c>
      <c r="G389">
        <v>500.54</v>
      </c>
      <c r="H389">
        <v>394.08</v>
      </c>
      <c r="I389">
        <v>480.91</v>
      </c>
      <c r="J389">
        <v>3123</v>
      </c>
      <c r="K389">
        <v>1630</v>
      </c>
      <c r="N389" s="11"/>
    </row>
    <row r="390" spans="2:14">
      <c r="B390" s="2">
        <f t="shared" si="6"/>
        <v>0.54353009259259255</v>
      </c>
      <c r="C390">
        <v>11520</v>
      </c>
      <c r="D390">
        <v>479.47</v>
      </c>
      <c r="E390">
        <v>585.03</v>
      </c>
      <c r="F390">
        <v>558.97</v>
      </c>
      <c r="G390">
        <v>496.62</v>
      </c>
      <c r="H390">
        <v>389.34</v>
      </c>
      <c r="I390">
        <v>484.2</v>
      </c>
      <c r="J390">
        <v>3124</v>
      </c>
      <c r="K390">
        <v>1625</v>
      </c>
      <c r="N390" s="11"/>
    </row>
    <row r="391" spans="2:14">
      <c r="B391" s="2">
        <f t="shared" si="6"/>
        <v>0.54387731481481483</v>
      </c>
      <c r="C391">
        <v>11550</v>
      </c>
      <c r="D391">
        <v>478.86</v>
      </c>
      <c r="E391">
        <v>585.1</v>
      </c>
      <c r="F391">
        <v>559.03</v>
      </c>
      <c r="G391">
        <v>493.03</v>
      </c>
      <c r="H391">
        <v>384.86</v>
      </c>
      <c r="I391">
        <v>488.47</v>
      </c>
      <c r="J391">
        <v>3121</v>
      </c>
      <c r="K391">
        <v>1625</v>
      </c>
      <c r="N391" s="11"/>
    </row>
    <row r="392" spans="2:14">
      <c r="B392" s="2">
        <f t="shared" si="6"/>
        <v>0.54422453703703699</v>
      </c>
      <c r="C392">
        <v>11580</v>
      </c>
      <c r="D392">
        <v>478.35</v>
      </c>
      <c r="E392">
        <v>585.66</v>
      </c>
      <c r="F392">
        <v>559.36</v>
      </c>
      <c r="G392">
        <v>489.53</v>
      </c>
      <c r="H392">
        <v>380.23</v>
      </c>
      <c r="I392">
        <v>484.47</v>
      </c>
      <c r="J392">
        <v>3116</v>
      </c>
      <c r="K392">
        <v>1626</v>
      </c>
      <c r="N392" s="11"/>
    </row>
    <row r="393" spans="2:14">
      <c r="B393" s="2">
        <f t="shared" si="6"/>
        <v>0.54457175925925927</v>
      </c>
      <c r="C393">
        <v>11610</v>
      </c>
      <c r="D393">
        <v>477.92</v>
      </c>
      <c r="E393">
        <v>585.59</v>
      </c>
      <c r="F393">
        <v>559.41999999999996</v>
      </c>
      <c r="G393">
        <v>486.83</v>
      </c>
      <c r="H393">
        <v>375.82</v>
      </c>
      <c r="I393">
        <v>482.93</v>
      </c>
      <c r="J393">
        <v>3119</v>
      </c>
      <c r="K393">
        <v>1626</v>
      </c>
      <c r="N393" s="11"/>
    </row>
    <row r="394" spans="2:14">
      <c r="B394" s="2">
        <f t="shared" si="6"/>
        <v>0.54491898148148143</v>
      </c>
      <c r="C394">
        <v>11640</v>
      </c>
      <c r="D394">
        <v>477.4</v>
      </c>
      <c r="E394">
        <v>585.23</v>
      </c>
      <c r="F394">
        <v>559.24</v>
      </c>
      <c r="G394">
        <v>484.99</v>
      </c>
      <c r="H394">
        <v>371.65</v>
      </c>
      <c r="I394">
        <v>483.75</v>
      </c>
      <c r="J394">
        <v>3122</v>
      </c>
      <c r="K394">
        <v>1626</v>
      </c>
      <c r="N394" s="11"/>
    </row>
    <row r="395" spans="2:14">
      <c r="B395" s="2">
        <f t="shared" si="6"/>
        <v>0.54526620370370371</v>
      </c>
      <c r="C395">
        <v>11670</v>
      </c>
      <c r="D395">
        <v>476.96</v>
      </c>
      <c r="E395">
        <v>585.13</v>
      </c>
      <c r="F395">
        <v>559.25</v>
      </c>
      <c r="G395">
        <v>483.79</v>
      </c>
      <c r="H395">
        <v>367.9</v>
      </c>
      <c r="I395">
        <v>484.4</v>
      </c>
      <c r="J395">
        <v>3125</v>
      </c>
      <c r="K395">
        <v>1624</v>
      </c>
      <c r="N395" s="11"/>
    </row>
    <row r="396" spans="2:14">
      <c r="B396" s="2">
        <f t="shared" si="6"/>
        <v>0.54561342592592588</v>
      </c>
      <c r="C396">
        <v>11700</v>
      </c>
      <c r="D396">
        <v>476.46</v>
      </c>
      <c r="E396">
        <v>585.41999999999996</v>
      </c>
      <c r="F396">
        <v>559.53</v>
      </c>
      <c r="G396">
        <v>483.42</v>
      </c>
      <c r="H396">
        <v>364.3</v>
      </c>
      <c r="I396">
        <v>478.87</v>
      </c>
      <c r="J396">
        <v>3117</v>
      </c>
      <c r="K396">
        <v>1627</v>
      </c>
      <c r="N396" s="11"/>
    </row>
    <row r="397" spans="2:14">
      <c r="B397" s="2">
        <f t="shared" si="6"/>
        <v>0.54596064814814815</v>
      </c>
      <c r="C397">
        <v>11730</v>
      </c>
      <c r="D397">
        <v>475.92</v>
      </c>
      <c r="E397">
        <v>585.32000000000005</v>
      </c>
      <c r="F397">
        <v>559.49</v>
      </c>
      <c r="G397">
        <v>483.96</v>
      </c>
      <c r="H397">
        <v>360.89</v>
      </c>
      <c r="I397">
        <v>472.59</v>
      </c>
      <c r="J397">
        <v>3117</v>
      </c>
      <c r="K397">
        <v>1623</v>
      </c>
      <c r="N397" s="11"/>
    </row>
    <row r="398" spans="2:14">
      <c r="B398" s="2">
        <f t="shared" si="6"/>
        <v>0.54630787037037032</v>
      </c>
      <c r="C398">
        <v>11760</v>
      </c>
      <c r="D398">
        <v>475.36</v>
      </c>
      <c r="E398">
        <v>585.32000000000005</v>
      </c>
      <c r="F398">
        <v>559.54</v>
      </c>
      <c r="G398">
        <v>485.4</v>
      </c>
      <c r="H398">
        <v>357.95</v>
      </c>
      <c r="I398">
        <v>477.93</v>
      </c>
      <c r="J398">
        <v>3118</v>
      </c>
      <c r="K398">
        <v>1625</v>
      </c>
      <c r="N398" s="11"/>
    </row>
    <row r="399" spans="2:14">
      <c r="B399" s="2">
        <f t="shared" si="6"/>
        <v>0.5466550925925926</v>
      </c>
      <c r="C399">
        <v>11790</v>
      </c>
      <c r="D399">
        <v>475.01</v>
      </c>
      <c r="E399">
        <v>584.85</v>
      </c>
      <c r="F399">
        <v>559.33000000000004</v>
      </c>
      <c r="G399">
        <v>487.28</v>
      </c>
      <c r="H399">
        <v>355.32</v>
      </c>
      <c r="I399">
        <v>488.22</v>
      </c>
      <c r="J399">
        <v>3120</v>
      </c>
      <c r="K399">
        <v>1624</v>
      </c>
      <c r="N399" s="11"/>
    </row>
    <row r="400" spans="2:14">
      <c r="B400" s="2">
        <f t="shared" si="6"/>
        <v>0.54700231481481487</v>
      </c>
      <c r="C400">
        <v>11820</v>
      </c>
      <c r="D400">
        <v>474.63</v>
      </c>
      <c r="E400">
        <v>584.70000000000005</v>
      </c>
      <c r="F400">
        <v>559.29999999999995</v>
      </c>
      <c r="G400">
        <v>489.31</v>
      </c>
      <c r="H400">
        <v>353.24</v>
      </c>
      <c r="I400">
        <v>479.31</v>
      </c>
      <c r="J400">
        <v>3122</v>
      </c>
      <c r="K400">
        <v>1619</v>
      </c>
      <c r="N400" s="11"/>
    </row>
    <row r="401" spans="2:14">
      <c r="B401" s="2">
        <f t="shared" si="6"/>
        <v>0.54734953703703704</v>
      </c>
      <c r="C401">
        <v>11850</v>
      </c>
      <c r="D401">
        <v>474.24</v>
      </c>
      <c r="E401">
        <v>584.73</v>
      </c>
      <c r="F401">
        <v>559.37</v>
      </c>
      <c r="G401">
        <v>491.01</v>
      </c>
      <c r="H401">
        <v>351.25</v>
      </c>
      <c r="I401">
        <v>481.96</v>
      </c>
      <c r="J401">
        <v>3121</v>
      </c>
      <c r="K401">
        <v>1621</v>
      </c>
      <c r="N401" s="11"/>
    </row>
    <row r="402" spans="2:14">
      <c r="B402" s="2">
        <f t="shared" si="6"/>
        <v>0.5476967592592592</v>
      </c>
      <c r="C402">
        <v>11880</v>
      </c>
      <c r="D402">
        <v>473.89</v>
      </c>
      <c r="E402">
        <v>584.61</v>
      </c>
      <c r="F402">
        <v>559.38</v>
      </c>
      <c r="G402">
        <v>491.9</v>
      </c>
      <c r="H402">
        <v>349.28</v>
      </c>
      <c r="I402">
        <v>473.57</v>
      </c>
      <c r="J402">
        <v>3115</v>
      </c>
      <c r="K402">
        <v>1620</v>
      </c>
      <c r="N402" s="11"/>
    </row>
    <row r="403" spans="2:14">
      <c r="B403" s="2">
        <f t="shared" si="6"/>
        <v>0.54804398148148148</v>
      </c>
      <c r="C403">
        <v>11910</v>
      </c>
      <c r="D403">
        <v>473.46</v>
      </c>
      <c r="E403">
        <v>584.41</v>
      </c>
      <c r="F403">
        <v>559.27</v>
      </c>
      <c r="G403">
        <v>491.29</v>
      </c>
      <c r="H403">
        <v>347.27</v>
      </c>
      <c r="I403">
        <v>488.24</v>
      </c>
      <c r="J403">
        <v>3120</v>
      </c>
      <c r="K403">
        <v>1622</v>
      </c>
      <c r="N403" s="11"/>
    </row>
    <row r="404" spans="2:14">
      <c r="B404" s="2">
        <f t="shared" si="6"/>
        <v>0.54839120370370364</v>
      </c>
      <c r="C404">
        <v>11940</v>
      </c>
      <c r="D404">
        <v>473.04</v>
      </c>
      <c r="E404">
        <v>584.16999999999996</v>
      </c>
      <c r="F404">
        <v>559.13</v>
      </c>
      <c r="G404">
        <v>489.7</v>
      </c>
      <c r="H404">
        <v>345.19</v>
      </c>
      <c r="I404">
        <v>468.33</v>
      </c>
      <c r="J404">
        <v>3122</v>
      </c>
      <c r="K404">
        <v>1619</v>
      </c>
      <c r="N404" s="11"/>
    </row>
    <row r="405" spans="2:14">
      <c r="B405" s="2">
        <f t="shared" si="6"/>
        <v>0.54873842592592592</v>
      </c>
      <c r="C405">
        <v>11970</v>
      </c>
      <c r="D405">
        <v>472.86</v>
      </c>
      <c r="E405">
        <v>583.91</v>
      </c>
      <c r="F405">
        <v>559.05999999999995</v>
      </c>
      <c r="G405">
        <v>487.07</v>
      </c>
      <c r="H405">
        <v>342.76</v>
      </c>
      <c r="I405">
        <v>475.13</v>
      </c>
      <c r="J405">
        <v>3117</v>
      </c>
      <c r="K405">
        <v>1621</v>
      </c>
      <c r="N405" s="11"/>
    </row>
    <row r="406" spans="2:14">
      <c r="B406" s="2">
        <f t="shared" si="6"/>
        <v>0.54908564814814809</v>
      </c>
      <c r="C406">
        <v>12000</v>
      </c>
      <c r="D406">
        <v>472.58</v>
      </c>
      <c r="E406">
        <v>583.74</v>
      </c>
      <c r="F406">
        <v>559.04</v>
      </c>
      <c r="G406">
        <v>483.83</v>
      </c>
      <c r="H406">
        <v>340.45</v>
      </c>
      <c r="I406">
        <v>475.02</v>
      </c>
      <c r="J406">
        <v>3121</v>
      </c>
      <c r="K406">
        <v>1621</v>
      </c>
      <c r="N406" s="11"/>
    </row>
    <row r="407" spans="2:14">
      <c r="B407" s="2">
        <f t="shared" si="6"/>
        <v>0.54943287037037036</v>
      </c>
      <c r="C407">
        <v>12030</v>
      </c>
      <c r="D407">
        <v>471.97</v>
      </c>
      <c r="E407">
        <v>583.6</v>
      </c>
      <c r="F407">
        <v>559</v>
      </c>
      <c r="G407">
        <v>480.46</v>
      </c>
      <c r="H407">
        <v>337.75</v>
      </c>
      <c r="I407">
        <v>480.31</v>
      </c>
      <c r="J407">
        <v>3119</v>
      </c>
      <c r="K407">
        <v>1623</v>
      </c>
      <c r="N407" s="11"/>
    </row>
    <row r="408" spans="2:14">
      <c r="B408" s="2">
        <f t="shared" si="6"/>
        <v>0.54978009259259264</v>
      </c>
      <c r="C408">
        <v>12060</v>
      </c>
      <c r="D408">
        <v>471.66</v>
      </c>
      <c r="E408">
        <v>583.53</v>
      </c>
      <c r="F408">
        <v>559.11</v>
      </c>
      <c r="G408">
        <v>476.81</v>
      </c>
      <c r="H408">
        <v>335.05</v>
      </c>
      <c r="I408">
        <v>475.85</v>
      </c>
      <c r="J408">
        <v>3113</v>
      </c>
      <c r="K408">
        <v>1621</v>
      </c>
      <c r="N408" s="11"/>
    </row>
    <row r="409" spans="2:14">
      <c r="B409" s="2">
        <f t="shared" si="6"/>
        <v>0.55012731481481481</v>
      </c>
      <c r="C409">
        <v>12090</v>
      </c>
      <c r="D409">
        <v>471.45</v>
      </c>
      <c r="E409">
        <v>583.08000000000004</v>
      </c>
      <c r="F409">
        <v>558.84</v>
      </c>
      <c r="G409">
        <v>473.35</v>
      </c>
      <c r="H409">
        <v>332.45</v>
      </c>
      <c r="I409">
        <v>481.81</v>
      </c>
      <c r="J409">
        <v>3118</v>
      </c>
      <c r="K409">
        <v>1621</v>
      </c>
      <c r="N409" s="11"/>
    </row>
    <row r="410" spans="2:14">
      <c r="B410" s="2">
        <f t="shared" si="6"/>
        <v>0.55047453703703697</v>
      </c>
      <c r="C410">
        <v>12120</v>
      </c>
      <c r="D410">
        <v>471.16</v>
      </c>
      <c r="E410">
        <v>583.20000000000005</v>
      </c>
      <c r="F410">
        <v>558.96</v>
      </c>
      <c r="G410">
        <v>469.99</v>
      </c>
      <c r="H410">
        <v>329.51</v>
      </c>
      <c r="I410">
        <v>480.22</v>
      </c>
      <c r="J410">
        <v>3109</v>
      </c>
      <c r="K410">
        <v>1620</v>
      </c>
      <c r="N410" s="11"/>
    </row>
    <row r="411" spans="2:14">
      <c r="B411" s="2">
        <f t="shared" si="6"/>
        <v>0.55082175925925925</v>
      </c>
      <c r="C411">
        <v>12150</v>
      </c>
      <c r="D411">
        <v>470.88</v>
      </c>
      <c r="E411">
        <v>583.04</v>
      </c>
      <c r="F411">
        <v>558.94000000000005</v>
      </c>
      <c r="G411">
        <v>467.17</v>
      </c>
      <c r="H411">
        <v>326.61</v>
      </c>
      <c r="I411">
        <v>476.52</v>
      </c>
      <c r="J411">
        <v>3115</v>
      </c>
      <c r="K411">
        <v>1619</v>
      </c>
      <c r="N411" s="11"/>
    </row>
    <row r="412" spans="2:14">
      <c r="B412" s="2">
        <f t="shared" si="6"/>
        <v>0.55116898148148152</v>
      </c>
      <c r="C412">
        <v>12180</v>
      </c>
      <c r="D412">
        <v>470.66</v>
      </c>
      <c r="E412">
        <v>582.85</v>
      </c>
      <c r="F412">
        <v>558.83000000000004</v>
      </c>
      <c r="G412">
        <v>464.64</v>
      </c>
      <c r="H412">
        <v>323.77999999999997</v>
      </c>
      <c r="I412">
        <v>483.41</v>
      </c>
      <c r="J412">
        <v>3113</v>
      </c>
      <c r="K412">
        <v>1620</v>
      </c>
      <c r="N412" s="11"/>
    </row>
    <row r="413" spans="2:14">
      <c r="B413" s="2">
        <f t="shared" si="6"/>
        <v>0.55151620370370369</v>
      </c>
      <c r="C413">
        <v>12210</v>
      </c>
      <c r="D413">
        <v>470.36</v>
      </c>
      <c r="E413">
        <v>582.53</v>
      </c>
      <c r="F413">
        <v>558.66</v>
      </c>
      <c r="G413">
        <v>462.52</v>
      </c>
      <c r="H413">
        <v>321</v>
      </c>
      <c r="I413">
        <v>480.13</v>
      </c>
      <c r="J413">
        <v>3109</v>
      </c>
      <c r="K413">
        <v>1617</v>
      </c>
      <c r="N413" s="11"/>
    </row>
    <row r="414" spans="2:14">
      <c r="B414" s="2">
        <f t="shared" si="6"/>
        <v>0.55186342592592585</v>
      </c>
      <c r="C414">
        <v>12240</v>
      </c>
      <c r="D414">
        <v>470.13</v>
      </c>
      <c r="E414">
        <v>582.39</v>
      </c>
      <c r="F414">
        <v>558.71</v>
      </c>
      <c r="G414">
        <v>461.16</v>
      </c>
      <c r="H414">
        <v>318.52999999999997</v>
      </c>
      <c r="I414">
        <v>476.41</v>
      </c>
      <c r="J414">
        <v>3113</v>
      </c>
      <c r="K414">
        <v>1620</v>
      </c>
      <c r="N414" s="11"/>
    </row>
    <row r="415" spans="2:14">
      <c r="B415" s="2">
        <f t="shared" si="6"/>
        <v>0.55221064814814813</v>
      </c>
      <c r="C415">
        <v>12270</v>
      </c>
      <c r="D415">
        <v>469.93</v>
      </c>
      <c r="E415">
        <v>582.32000000000005</v>
      </c>
      <c r="F415">
        <v>558.66</v>
      </c>
      <c r="G415">
        <v>460.96</v>
      </c>
      <c r="H415">
        <v>316.10000000000002</v>
      </c>
      <c r="I415">
        <v>475.03</v>
      </c>
      <c r="J415">
        <v>3111</v>
      </c>
      <c r="K415">
        <v>1613</v>
      </c>
      <c r="N415" s="11"/>
    </row>
    <row r="416" spans="2:14">
      <c r="B416" s="2">
        <f t="shared" si="6"/>
        <v>0.55255787037037041</v>
      </c>
      <c r="C416">
        <v>12300</v>
      </c>
      <c r="D416">
        <v>469.8</v>
      </c>
      <c r="E416">
        <v>582.08000000000004</v>
      </c>
      <c r="F416">
        <v>558.59</v>
      </c>
      <c r="G416">
        <v>461.69</v>
      </c>
      <c r="H416">
        <v>313.94</v>
      </c>
      <c r="I416">
        <v>472.69</v>
      </c>
      <c r="J416">
        <v>3110</v>
      </c>
      <c r="K416">
        <v>1617</v>
      </c>
      <c r="N416" s="11"/>
    </row>
    <row r="417" spans="2:14">
      <c r="B417" s="2">
        <f t="shared" si="6"/>
        <v>0.55290509259259257</v>
      </c>
      <c r="C417">
        <v>12330</v>
      </c>
      <c r="D417">
        <v>469.53</v>
      </c>
      <c r="E417">
        <v>582.07000000000005</v>
      </c>
      <c r="F417">
        <v>558.69000000000005</v>
      </c>
      <c r="G417">
        <v>463.4</v>
      </c>
      <c r="H417">
        <v>312.23</v>
      </c>
      <c r="I417">
        <v>472.43</v>
      </c>
      <c r="J417">
        <v>3110</v>
      </c>
      <c r="K417">
        <v>1615</v>
      </c>
      <c r="N417" s="11"/>
    </row>
    <row r="418" spans="2:14">
      <c r="B418" s="2">
        <f t="shared" ref="B418:B481" si="7">C418/24/60/60+$B$3</f>
        <v>0.55325231481481485</v>
      </c>
      <c r="C418">
        <v>12360</v>
      </c>
      <c r="D418">
        <v>469.42</v>
      </c>
      <c r="E418">
        <v>581.71</v>
      </c>
      <c r="F418">
        <v>558.54</v>
      </c>
      <c r="G418">
        <v>465.84</v>
      </c>
      <c r="H418">
        <v>310.98</v>
      </c>
      <c r="I418">
        <v>471.34</v>
      </c>
      <c r="J418">
        <v>3112</v>
      </c>
      <c r="K418">
        <v>1617</v>
      </c>
      <c r="N418" s="11"/>
    </row>
    <row r="419" spans="2:14">
      <c r="B419" s="2">
        <f t="shared" si="7"/>
        <v>0.55359953703703701</v>
      </c>
      <c r="C419">
        <v>12390</v>
      </c>
      <c r="D419">
        <v>469.2</v>
      </c>
      <c r="E419">
        <v>581.92999999999995</v>
      </c>
      <c r="F419">
        <v>558.79</v>
      </c>
      <c r="G419">
        <v>468.53</v>
      </c>
      <c r="H419">
        <v>309.87</v>
      </c>
      <c r="I419">
        <v>470.95</v>
      </c>
      <c r="J419">
        <v>3111</v>
      </c>
      <c r="K419">
        <v>1615</v>
      </c>
      <c r="N419" s="11"/>
    </row>
    <row r="420" spans="2:14">
      <c r="B420" s="2">
        <f t="shared" si="7"/>
        <v>0.55394675925925929</v>
      </c>
      <c r="C420">
        <v>12420</v>
      </c>
      <c r="D420">
        <v>469.12</v>
      </c>
      <c r="E420">
        <v>581.67999999999995</v>
      </c>
      <c r="F420">
        <v>558.69000000000005</v>
      </c>
      <c r="G420">
        <v>471.1</v>
      </c>
      <c r="H420">
        <v>308.67</v>
      </c>
      <c r="I420">
        <v>478.67</v>
      </c>
      <c r="J420">
        <v>3103</v>
      </c>
      <c r="K420">
        <v>1613</v>
      </c>
      <c r="N420" s="11"/>
    </row>
    <row r="421" spans="2:14">
      <c r="B421" s="2">
        <f t="shared" si="7"/>
        <v>0.55429398148148146</v>
      </c>
      <c r="C421">
        <v>12450</v>
      </c>
      <c r="D421">
        <v>468.83</v>
      </c>
      <c r="E421">
        <v>581.97</v>
      </c>
      <c r="F421">
        <v>558.94000000000005</v>
      </c>
      <c r="G421">
        <v>472.66</v>
      </c>
      <c r="H421">
        <v>307.94</v>
      </c>
      <c r="I421">
        <v>476.32</v>
      </c>
      <c r="J421">
        <v>3115</v>
      </c>
      <c r="K421">
        <v>1613</v>
      </c>
      <c r="N421" s="11"/>
    </row>
    <row r="422" spans="2:14">
      <c r="B422" s="2">
        <f t="shared" si="7"/>
        <v>0.55464120370370362</v>
      </c>
      <c r="C422">
        <v>12480</v>
      </c>
      <c r="D422">
        <v>468.8</v>
      </c>
      <c r="E422">
        <v>581.92999999999995</v>
      </c>
      <c r="F422">
        <v>558.96</v>
      </c>
      <c r="G422">
        <v>472.87</v>
      </c>
      <c r="H422">
        <v>307.22000000000003</v>
      </c>
      <c r="I422">
        <v>474.74</v>
      </c>
      <c r="J422">
        <v>3107</v>
      </c>
      <c r="K422">
        <v>1612</v>
      </c>
      <c r="N422" s="11"/>
    </row>
    <row r="423" spans="2:14">
      <c r="B423" s="2">
        <f t="shared" si="7"/>
        <v>0.5549884259259259</v>
      </c>
      <c r="C423">
        <v>12510</v>
      </c>
      <c r="D423">
        <v>468.74</v>
      </c>
      <c r="E423">
        <v>581.72</v>
      </c>
      <c r="F423">
        <v>558.95000000000005</v>
      </c>
      <c r="G423">
        <v>471.73</v>
      </c>
      <c r="H423">
        <v>306.24</v>
      </c>
      <c r="I423">
        <v>478.41</v>
      </c>
      <c r="J423">
        <v>3147</v>
      </c>
      <c r="K423">
        <v>1619</v>
      </c>
      <c r="N423" s="11"/>
    </row>
    <row r="424" spans="2:14">
      <c r="B424" s="2">
        <f t="shared" si="7"/>
        <v>0.55533564814814818</v>
      </c>
      <c r="C424">
        <v>12540</v>
      </c>
      <c r="D424">
        <v>468.62</v>
      </c>
      <c r="E424">
        <v>581.6</v>
      </c>
      <c r="F424">
        <v>559</v>
      </c>
      <c r="G424">
        <v>472.5</v>
      </c>
      <c r="H424">
        <v>305.16000000000003</v>
      </c>
      <c r="I424">
        <v>496.95</v>
      </c>
      <c r="J424">
        <v>3695</v>
      </c>
      <c r="K424">
        <v>1729</v>
      </c>
      <c r="N424" s="11"/>
    </row>
    <row r="425" spans="2:14">
      <c r="B425" s="2">
        <f t="shared" si="7"/>
        <v>0.55568287037037034</v>
      </c>
      <c r="C425">
        <v>12570</v>
      </c>
      <c r="D425">
        <v>467.74</v>
      </c>
      <c r="E425">
        <v>581.54999999999995</v>
      </c>
      <c r="F425">
        <v>559.01</v>
      </c>
      <c r="G425">
        <v>472.96</v>
      </c>
      <c r="H425">
        <v>305.05</v>
      </c>
      <c r="I425">
        <v>507.15</v>
      </c>
      <c r="J425">
        <v>3803</v>
      </c>
      <c r="K425">
        <v>1767</v>
      </c>
      <c r="N425" s="11"/>
    </row>
    <row r="426" spans="2:14">
      <c r="B426" s="2">
        <f t="shared" si="7"/>
        <v>0.55603009259259262</v>
      </c>
      <c r="C426">
        <v>12600</v>
      </c>
      <c r="D426">
        <v>466.02</v>
      </c>
      <c r="E426">
        <v>581.23</v>
      </c>
      <c r="F426">
        <v>558.76</v>
      </c>
      <c r="G426">
        <v>471.73</v>
      </c>
      <c r="H426">
        <v>309.23</v>
      </c>
      <c r="I426">
        <v>508.89</v>
      </c>
      <c r="J426">
        <v>3798</v>
      </c>
      <c r="K426">
        <v>1797</v>
      </c>
      <c r="N426" s="11"/>
    </row>
    <row r="427" spans="2:14">
      <c r="B427" s="2">
        <f t="shared" si="7"/>
        <v>0.55637731481481478</v>
      </c>
      <c r="C427">
        <v>12630</v>
      </c>
      <c r="D427">
        <v>465.04</v>
      </c>
      <c r="E427">
        <v>580.86</v>
      </c>
      <c r="F427">
        <v>558.45000000000005</v>
      </c>
      <c r="G427">
        <v>469.61</v>
      </c>
      <c r="H427">
        <v>313.52</v>
      </c>
      <c r="I427">
        <v>507.33</v>
      </c>
      <c r="J427">
        <v>3781</v>
      </c>
      <c r="K427">
        <v>1831</v>
      </c>
      <c r="N427" s="11"/>
    </row>
    <row r="428" spans="2:14">
      <c r="B428" s="2">
        <f t="shared" si="7"/>
        <v>0.55672453703703706</v>
      </c>
      <c r="C428">
        <v>12660</v>
      </c>
      <c r="D428">
        <v>463.99</v>
      </c>
      <c r="E428">
        <v>580.69000000000005</v>
      </c>
      <c r="F428">
        <v>558.41999999999996</v>
      </c>
      <c r="G428">
        <v>470.36</v>
      </c>
      <c r="H428">
        <v>323.52999999999997</v>
      </c>
      <c r="I428">
        <v>514.92999999999995</v>
      </c>
      <c r="J428">
        <v>3761</v>
      </c>
      <c r="K428">
        <v>1897</v>
      </c>
      <c r="N428" s="11"/>
    </row>
    <row r="429" spans="2:14">
      <c r="B429" s="2">
        <f t="shared" si="7"/>
        <v>0.55707175925925922</v>
      </c>
      <c r="C429">
        <v>12690</v>
      </c>
      <c r="D429">
        <v>463.61</v>
      </c>
      <c r="E429">
        <v>580.39</v>
      </c>
      <c r="F429">
        <v>558.41999999999996</v>
      </c>
      <c r="G429">
        <v>465.36</v>
      </c>
      <c r="H429">
        <v>328.27</v>
      </c>
      <c r="I429">
        <v>528.29999999999995</v>
      </c>
      <c r="J429">
        <v>3765</v>
      </c>
      <c r="K429">
        <v>1959</v>
      </c>
      <c r="N429" s="11"/>
    </row>
    <row r="430" spans="2:14">
      <c r="B430" s="2">
        <f t="shared" si="7"/>
        <v>0.5574189814814815</v>
      </c>
      <c r="C430">
        <v>12720</v>
      </c>
      <c r="D430">
        <v>464.38</v>
      </c>
      <c r="E430">
        <v>580.20000000000005</v>
      </c>
      <c r="F430">
        <v>558.38</v>
      </c>
      <c r="G430">
        <v>466.41</v>
      </c>
      <c r="H430">
        <v>333.84</v>
      </c>
      <c r="I430">
        <v>539.97</v>
      </c>
      <c r="J430">
        <v>3715</v>
      </c>
      <c r="K430">
        <v>2006</v>
      </c>
      <c r="N430" s="11"/>
    </row>
    <row r="431" spans="2:14">
      <c r="B431" s="2">
        <f t="shared" si="7"/>
        <v>0.55776620370370367</v>
      </c>
      <c r="C431">
        <v>12750</v>
      </c>
      <c r="D431">
        <v>463.63</v>
      </c>
      <c r="E431">
        <v>579.77</v>
      </c>
      <c r="F431">
        <v>558.26</v>
      </c>
      <c r="G431">
        <v>468.07</v>
      </c>
      <c r="H431">
        <v>344.42</v>
      </c>
      <c r="I431">
        <v>554.30999999999995</v>
      </c>
      <c r="J431">
        <v>3715</v>
      </c>
      <c r="K431">
        <v>2095</v>
      </c>
      <c r="N431" s="11"/>
    </row>
    <row r="432" spans="2:14">
      <c r="B432" s="2">
        <f t="shared" si="7"/>
        <v>0.55811342592592594</v>
      </c>
      <c r="C432">
        <v>12780</v>
      </c>
      <c r="D432">
        <v>464.51</v>
      </c>
      <c r="E432">
        <v>579.42999999999995</v>
      </c>
      <c r="F432">
        <v>558.32000000000005</v>
      </c>
      <c r="G432">
        <v>469.14</v>
      </c>
      <c r="H432">
        <v>346.41</v>
      </c>
      <c r="I432">
        <v>569.94000000000005</v>
      </c>
      <c r="J432">
        <v>3693</v>
      </c>
      <c r="K432">
        <v>2153</v>
      </c>
      <c r="N432" s="11"/>
    </row>
    <row r="433" spans="2:14">
      <c r="B433" s="2">
        <f t="shared" si="7"/>
        <v>0.55846064814814811</v>
      </c>
      <c r="C433">
        <v>12810</v>
      </c>
      <c r="D433">
        <v>464.57</v>
      </c>
      <c r="E433">
        <v>579.37</v>
      </c>
      <c r="F433">
        <v>558.35</v>
      </c>
      <c r="G433">
        <v>477.75</v>
      </c>
      <c r="H433">
        <v>362.89</v>
      </c>
      <c r="I433">
        <v>576.74</v>
      </c>
      <c r="J433">
        <v>3645</v>
      </c>
      <c r="K433">
        <v>2250</v>
      </c>
      <c r="N433" s="11"/>
    </row>
    <row r="434" spans="2:14">
      <c r="B434" s="2">
        <f t="shared" si="7"/>
        <v>0.55880787037037039</v>
      </c>
      <c r="C434">
        <v>12840</v>
      </c>
      <c r="D434">
        <v>465.78</v>
      </c>
      <c r="E434">
        <v>579.29999999999995</v>
      </c>
      <c r="F434">
        <v>558.36</v>
      </c>
      <c r="G434">
        <v>478.87</v>
      </c>
      <c r="H434">
        <v>366.71</v>
      </c>
      <c r="I434">
        <v>575.01</v>
      </c>
      <c r="J434">
        <v>3495</v>
      </c>
      <c r="K434">
        <v>2284</v>
      </c>
      <c r="N434" s="11"/>
    </row>
    <row r="435" spans="2:14">
      <c r="B435" s="2">
        <f t="shared" si="7"/>
        <v>0.55915509259259255</v>
      </c>
      <c r="C435">
        <v>12870</v>
      </c>
      <c r="D435">
        <v>466.9</v>
      </c>
      <c r="E435">
        <v>579.34</v>
      </c>
      <c r="F435">
        <v>558.54</v>
      </c>
      <c r="G435">
        <v>481.82</v>
      </c>
      <c r="H435">
        <v>370.7</v>
      </c>
      <c r="I435">
        <v>581.94000000000005</v>
      </c>
      <c r="J435">
        <v>3475</v>
      </c>
      <c r="K435">
        <v>2348</v>
      </c>
      <c r="N435" s="11"/>
    </row>
    <row r="436" spans="2:14">
      <c r="B436" s="2">
        <f t="shared" si="7"/>
        <v>0.55950231481481483</v>
      </c>
      <c r="C436">
        <v>12900</v>
      </c>
      <c r="D436">
        <v>468.43</v>
      </c>
      <c r="E436">
        <v>579.52</v>
      </c>
      <c r="F436">
        <v>558.64</v>
      </c>
      <c r="G436">
        <v>486.65</v>
      </c>
      <c r="H436">
        <v>369.5</v>
      </c>
      <c r="I436">
        <v>590.1</v>
      </c>
      <c r="J436">
        <v>3456</v>
      </c>
      <c r="K436">
        <v>2388</v>
      </c>
      <c r="N436" s="11"/>
    </row>
    <row r="437" spans="2:14">
      <c r="B437" s="2">
        <f t="shared" si="7"/>
        <v>0.55984953703703699</v>
      </c>
      <c r="C437">
        <v>12930</v>
      </c>
      <c r="D437">
        <v>469.27</v>
      </c>
      <c r="E437">
        <v>579.67999999999995</v>
      </c>
      <c r="F437">
        <v>558.69000000000005</v>
      </c>
      <c r="G437">
        <v>495.38</v>
      </c>
      <c r="H437">
        <v>379.49</v>
      </c>
      <c r="I437">
        <v>585.59</v>
      </c>
      <c r="J437">
        <v>3416</v>
      </c>
      <c r="K437">
        <v>2459</v>
      </c>
      <c r="N437" s="11"/>
    </row>
    <row r="438" spans="2:14">
      <c r="B438" s="2">
        <f t="shared" si="7"/>
        <v>0.56019675925925927</v>
      </c>
      <c r="C438">
        <v>12960</v>
      </c>
      <c r="D438">
        <v>470.26</v>
      </c>
      <c r="E438">
        <v>579.85</v>
      </c>
      <c r="F438">
        <v>558.73</v>
      </c>
      <c r="G438">
        <v>498.49</v>
      </c>
      <c r="H438">
        <v>381.54</v>
      </c>
      <c r="I438">
        <v>606.09</v>
      </c>
      <c r="J438">
        <v>3403</v>
      </c>
      <c r="K438">
        <v>2510</v>
      </c>
      <c r="N438" s="11"/>
    </row>
    <row r="439" spans="2:14">
      <c r="B439" s="2">
        <f t="shared" si="7"/>
        <v>0.56054398148148143</v>
      </c>
      <c r="C439">
        <v>12990</v>
      </c>
      <c r="D439">
        <v>471.59</v>
      </c>
      <c r="E439">
        <v>579.95000000000005</v>
      </c>
      <c r="F439">
        <v>558.86</v>
      </c>
      <c r="G439">
        <v>504.68</v>
      </c>
      <c r="H439">
        <v>382.76</v>
      </c>
      <c r="I439">
        <v>606.16999999999996</v>
      </c>
      <c r="J439">
        <v>3376</v>
      </c>
      <c r="K439">
        <v>2547</v>
      </c>
      <c r="N439" s="11"/>
    </row>
    <row r="440" spans="2:14">
      <c r="B440" s="2">
        <f t="shared" si="7"/>
        <v>0.56089120370370371</v>
      </c>
      <c r="C440">
        <v>13020</v>
      </c>
      <c r="D440">
        <v>472.46</v>
      </c>
      <c r="E440">
        <v>580.19000000000005</v>
      </c>
      <c r="F440">
        <v>559.03</v>
      </c>
      <c r="G440">
        <v>512.80999999999995</v>
      </c>
      <c r="H440">
        <v>390.89</v>
      </c>
      <c r="I440">
        <v>603.58000000000004</v>
      </c>
      <c r="J440">
        <v>3657</v>
      </c>
      <c r="K440">
        <v>2583</v>
      </c>
      <c r="N440" s="11"/>
    </row>
    <row r="441" spans="2:14">
      <c r="B441" s="2">
        <f t="shared" si="7"/>
        <v>0.56123842592592588</v>
      </c>
      <c r="C441">
        <v>13050</v>
      </c>
      <c r="D441">
        <v>473.55</v>
      </c>
      <c r="E441">
        <v>580.12</v>
      </c>
      <c r="F441">
        <v>559.33000000000004</v>
      </c>
      <c r="G441">
        <v>519.34</v>
      </c>
      <c r="H441">
        <v>404.74</v>
      </c>
      <c r="I441">
        <v>592.54999999999995</v>
      </c>
      <c r="J441">
        <v>3812</v>
      </c>
      <c r="K441">
        <v>2651</v>
      </c>
      <c r="N441" s="11"/>
    </row>
    <row r="442" spans="2:14">
      <c r="B442" s="2">
        <f t="shared" si="7"/>
        <v>0.56158564814814815</v>
      </c>
      <c r="C442">
        <v>13080</v>
      </c>
      <c r="D442">
        <v>474.86</v>
      </c>
      <c r="E442">
        <v>580.15</v>
      </c>
      <c r="F442">
        <v>559.29999999999995</v>
      </c>
      <c r="G442">
        <v>523.38</v>
      </c>
      <c r="H442">
        <v>413.04</v>
      </c>
      <c r="I442">
        <v>599.02</v>
      </c>
      <c r="J442">
        <v>3781</v>
      </c>
      <c r="K442">
        <v>2755</v>
      </c>
      <c r="N442" s="11"/>
    </row>
    <row r="443" spans="2:14">
      <c r="B443" s="2">
        <f t="shared" si="7"/>
        <v>0.56193287037037032</v>
      </c>
      <c r="C443">
        <v>13110</v>
      </c>
      <c r="D443">
        <v>476.46</v>
      </c>
      <c r="E443">
        <v>580.46</v>
      </c>
      <c r="F443">
        <v>559.13</v>
      </c>
      <c r="G443">
        <v>524.75</v>
      </c>
      <c r="H443">
        <v>418.15</v>
      </c>
      <c r="I443">
        <v>597.78</v>
      </c>
      <c r="J443">
        <v>3738</v>
      </c>
      <c r="K443">
        <v>2846</v>
      </c>
      <c r="N443" s="11"/>
    </row>
    <row r="444" spans="2:14">
      <c r="B444" s="2">
        <f t="shared" si="7"/>
        <v>0.5622800925925926</v>
      </c>
      <c r="C444">
        <v>13140</v>
      </c>
      <c r="D444">
        <v>478.14</v>
      </c>
      <c r="E444">
        <v>580.38</v>
      </c>
      <c r="F444">
        <v>558.85</v>
      </c>
      <c r="G444">
        <v>525.4</v>
      </c>
      <c r="H444">
        <v>424.31</v>
      </c>
      <c r="I444">
        <v>605.66</v>
      </c>
      <c r="J444">
        <v>3667</v>
      </c>
      <c r="K444">
        <v>2950</v>
      </c>
      <c r="N444" s="11"/>
    </row>
    <row r="445" spans="2:14">
      <c r="B445" s="2">
        <f t="shared" si="7"/>
        <v>0.56262731481481487</v>
      </c>
      <c r="C445">
        <v>13170</v>
      </c>
      <c r="D445">
        <v>479.74</v>
      </c>
      <c r="E445">
        <v>580.94000000000005</v>
      </c>
      <c r="F445">
        <v>559.03</v>
      </c>
      <c r="G445">
        <v>525.05999999999995</v>
      </c>
      <c r="H445">
        <v>428.53</v>
      </c>
      <c r="I445">
        <v>603.91999999999996</v>
      </c>
      <c r="J445">
        <v>3760</v>
      </c>
      <c r="K445">
        <v>3064</v>
      </c>
      <c r="N445" s="11"/>
    </row>
    <row r="446" spans="2:14">
      <c r="B446" s="2">
        <f t="shared" si="7"/>
        <v>0.56297453703703704</v>
      </c>
      <c r="C446">
        <v>13200</v>
      </c>
      <c r="D446">
        <v>482.23</v>
      </c>
      <c r="E446">
        <v>581.34</v>
      </c>
      <c r="F446">
        <v>559.48</v>
      </c>
      <c r="G446">
        <v>525.91</v>
      </c>
      <c r="H446">
        <v>443.69</v>
      </c>
      <c r="I446">
        <v>595.75</v>
      </c>
      <c r="J446">
        <v>3771</v>
      </c>
      <c r="K446">
        <v>3190</v>
      </c>
      <c r="N446" s="11"/>
    </row>
    <row r="447" spans="2:14">
      <c r="B447" s="2">
        <f t="shared" si="7"/>
        <v>0.5633217592592592</v>
      </c>
      <c r="C447">
        <v>13230</v>
      </c>
      <c r="D447">
        <v>492.34</v>
      </c>
      <c r="E447">
        <v>569.41999999999996</v>
      </c>
      <c r="F447">
        <v>558.6</v>
      </c>
      <c r="G447">
        <v>521.04999999999995</v>
      </c>
      <c r="H447">
        <v>428.59</v>
      </c>
      <c r="I447">
        <v>615.64</v>
      </c>
      <c r="J447">
        <v>3559</v>
      </c>
      <c r="K447">
        <v>5027</v>
      </c>
      <c r="N447" s="11"/>
    </row>
    <row r="448" spans="2:14">
      <c r="B448" s="2">
        <f t="shared" si="7"/>
        <v>0.56366898148148148</v>
      </c>
      <c r="C448">
        <v>13260</v>
      </c>
      <c r="D448">
        <v>516.04</v>
      </c>
      <c r="E448">
        <v>566.02</v>
      </c>
      <c r="F448">
        <v>566.64</v>
      </c>
      <c r="G448">
        <v>514.54999999999995</v>
      </c>
      <c r="H448">
        <v>416.4</v>
      </c>
      <c r="I448">
        <v>620.95000000000005</v>
      </c>
      <c r="J448">
        <v>3573</v>
      </c>
      <c r="K448">
        <v>5196</v>
      </c>
      <c r="N448" s="11"/>
    </row>
    <row r="449" spans="2:14">
      <c r="B449" s="2">
        <f t="shared" si="7"/>
        <v>0.56401620370370364</v>
      </c>
      <c r="C449">
        <v>13290</v>
      </c>
      <c r="D449">
        <v>524.54</v>
      </c>
      <c r="E449">
        <v>568.23</v>
      </c>
      <c r="F449">
        <v>569.76</v>
      </c>
      <c r="G449">
        <v>518.83000000000004</v>
      </c>
      <c r="H449">
        <v>423.86</v>
      </c>
      <c r="I449">
        <v>620.41</v>
      </c>
      <c r="J449">
        <v>3640</v>
      </c>
      <c r="K449">
        <v>4981</v>
      </c>
      <c r="N449" s="11"/>
    </row>
    <row r="450" spans="2:14">
      <c r="B450" s="2">
        <f t="shared" si="7"/>
        <v>0.56436342592592592</v>
      </c>
      <c r="C450">
        <v>13320</v>
      </c>
      <c r="D450">
        <v>527.37</v>
      </c>
      <c r="E450">
        <v>569.79</v>
      </c>
      <c r="F450">
        <v>571.76</v>
      </c>
      <c r="G450">
        <v>522.46</v>
      </c>
      <c r="H450">
        <v>430.21</v>
      </c>
      <c r="I450">
        <v>615.51</v>
      </c>
      <c r="J450">
        <v>3675</v>
      </c>
      <c r="K450">
        <v>4848</v>
      </c>
      <c r="N450" s="11"/>
    </row>
    <row r="451" spans="2:14">
      <c r="B451" s="2">
        <f t="shared" si="7"/>
        <v>0.56471064814814809</v>
      </c>
      <c r="C451">
        <v>13350</v>
      </c>
      <c r="D451">
        <v>529.42999999999995</v>
      </c>
      <c r="E451">
        <v>570.16999999999996</v>
      </c>
      <c r="F451">
        <v>572.39</v>
      </c>
      <c r="G451">
        <v>529.84</v>
      </c>
      <c r="H451">
        <v>446.56</v>
      </c>
      <c r="I451">
        <v>620.71</v>
      </c>
      <c r="J451">
        <v>3717</v>
      </c>
      <c r="K451">
        <v>4784</v>
      </c>
      <c r="N451" s="11"/>
    </row>
    <row r="452" spans="2:14">
      <c r="B452" s="2">
        <f t="shared" si="7"/>
        <v>0.56505787037037036</v>
      </c>
      <c r="C452">
        <v>13380</v>
      </c>
      <c r="D452">
        <v>530.74</v>
      </c>
      <c r="E452">
        <v>570.45000000000005</v>
      </c>
      <c r="F452">
        <v>572.65</v>
      </c>
      <c r="G452">
        <v>535.42999999999995</v>
      </c>
      <c r="H452">
        <v>464.25</v>
      </c>
      <c r="I452">
        <v>624.4</v>
      </c>
      <c r="J452">
        <v>3720</v>
      </c>
      <c r="K452">
        <v>4803</v>
      </c>
      <c r="N452" s="11"/>
    </row>
    <row r="453" spans="2:14">
      <c r="B453" s="2">
        <f t="shared" si="7"/>
        <v>0.56540509259259264</v>
      </c>
      <c r="C453">
        <v>13410</v>
      </c>
      <c r="D453">
        <v>532.85</v>
      </c>
      <c r="E453">
        <v>570.58000000000004</v>
      </c>
      <c r="F453">
        <v>573.32000000000005</v>
      </c>
      <c r="G453">
        <v>545.37</v>
      </c>
      <c r="H453">
        <v>485.68</v>
      </c>
      <c r="I453">
        <v>626.85</v>
      </c>
      <c r="J453">
        <v>3718</v>
      </c>
      <c r="K453">
        <v>4795</v>
      </c>
      <c r="N453" s="11"/>
    </row>
    <row r="454" spans="2:14">
      <c r="B454" s="2">
        <f t="shared" si="7"/>
        <v>0.56575231481481481</v>
      </c>
      <c r="C454">
        <v>13440</v>
      </c>
      <c r="D454">
        <v>535.08000000000004</v>
      </c>
      <c r="E454">
        <v>571.12</v>
      </c>
      <c r="F454">
        <v>573.16999999999996</v>
      </c>
      <c r="G454">
        <v>551.49</v>
      </c>
      <c r="H454">
        <v>501.54</v>
      </c>
      <c r="I454">
        <v>629.1</v>
      </c>
      <c r="J454">
        <v>3709</v>
      </c>
      <c r="K454">
        <v>4819</v>
      </c>
      <c r="N454" s="11"/>
    </row>
    <row r="455" spans="2:14">
      <c r="B455" s="2">
        <f t="shared" si="7"/>
        <v>0.56609953703703697</v>
      </c>
      <c r="C455">
        <v>13470</v>
      </c>
      <c r="D455">
        <v>537.26</v>
      </c>
      <c r="E455">
        <v>572.27</v>
      </c>
      <c r="F455">
        <v>573.76</v>
      </c>
      <c r="G455">
        <v>555.65</v>
      </c>
      <c r="H455">
        <v>505.41</v>
      </c>
      <c r="I455">
        <v>626.03</v>
      </c>
      <c r="J455">
        <v>3718</v>
      </c>
      <c r="K455">
        <v>4806</v>
      </c>
      <c r="N455" s="11"/>
    </row>
    <row r="456" spans="2:14">
      <c r="B456" s="2">
        <f t="shared" si="7"/>
        <v>0.56644675925925925</v>
      </c>
      <c r="C456">
        <v>13500</v>
      </c>
      <c r="D456">
        <v>538.36</v>
      </c>
      <c r="E456">
        <v>572.41</v>
      </c>
      <c r="F456">
        <v>573.52</v>
      </c>
      <c r="G456">
        <v>560.46</v>
      </c>
      <c r="H456">
        <v>508.95</v>
      </c>
      <c r="I456">
        <v>628.29</v>
      </c>
      <c r="J456">
        <v>3725</v>
      </c>
      <c r="K456">
        <v>4791</v>
      </c>
      <c r="N456" s="11"/>
    </row>
    <row r="457" spans="2:14">
      <c r="B457" s="2">
        <f t="shared" si="7"/>
        <v>0.56679398148148152</v>
      </c>
      <c r="C457">
        <v>13530</v>
      </c>
      <c r="D457">
        <v>540.48</v>
      </c>
      <c r="E457">
        <v>572.32000000000005</v>
      </c>
      <c r="F457">
        <v>573.33000000000004</v>
      </c>
      <c r="G457">
        <v>568.53</v>
      </c>
      <c r="H457">
        <v>529.66</v>
      </c>
      <c r="I457">
        <v>629.66999999999996</v>
      </c>
      <c r="J457">
        <v>3682</v>
      </c>
      <c r="K457">
        <v>4835</v>
      </c>
      <c r="N457" s="11"/>
    </row>
    <row r="458" spans="2:14">
      <c r="B458" s="2">
        <f t="shared" si="7"/>
        <v>0.56714120370370369</v>
      </c>
      <c r="C458">
        <v>13560</v>
      </c>
      <c r="D458">
        <v>542.36</v>
      </c>
      <c r="E458">
        <v>573.75</v>
      </c>
      <c r="F458">
        <v>573.75</v>
      </c>
      <c r="G458">
        <v>573.04</v>
      </c>
      <c r="H458">
        <v>537.17999999999995</v>
      </c>
      <c r="I458">
        <v>631.17999999999995</v>
      </c>
      <c r="J458">
        <v>3674</v>
      </c>
      <c r="K458">
        <v>4858</v>
      </c>
      <c r="N458" s="11"/>
    </row>
    <row r="459" spans="2:14">
      <c r="B459" s="2">
        <f t="shared" si="7"/>
        <v>0.56748842592592585</v>
      </c>
      <c r="C459">
        <v>13590</v>
      </c>
      <c r="D459">
        <v>543.54999999999995</v>
      </c>
      <c r="E459">
        <v>573.79</v>
      </c>
      <c r="F459">
        <v>573.35</v>
      </c>
      <c r="G459">
        <v>577.05999999999995</v>
      </c>
      <c r="H459">
        <v>548.30999999999995</v>
      </c>
      <c r="I459">
        <v>632.01</v>
      </c>
      <c r="J459">
        <v>3666</v>
      </c>
      <c r="K459">
        <v>4895</v>
      </c>
      <c r="N459" s="11"/>
    </row>
    <row r="460" spans="2:14">
      <c r="B460" s="2">
        <f t="shared" si="7"/>
        <v>0.56783564814814813</v>
      </c>
      <c r="C460">
        <v>13620</v>
      </c>
      <c r="D460">
        <v>545.38</v>
      </c>
      <c r="E460">
        <v>573.67999999999995</v>
      </c>
      <c r="F460">
        <v>573.95000000000005</v>
      </c>
      <c r="G460">
        <v>577.5</v>
      </c>
      <c r="H460">
        <v>549.22</v>
      </c>
      <c r="I460">
        <v>633.6</v>
      </c>
      <c r="J460">
        <v>3653</v>
      </c>
      <c r="K460">
        <v>4900</v>
      </c>
      <c r="N460" s="11"/>
    </row>
    <row r="461" spans="2:14">
      <c r="B461" s="2">
        <f t="shared" si="7"/>
        <v>0.56818287037037041</v>
      </c>
      <c r="C461">
        <v>13650</v>
      </c>
      <c r="D461">
        <v>545.80999999999995</v>
      </c>
      <c r="E461">
        <v>574.29</v>
      </c>
      <c r="F461">
        <v>574.37</v>
      </c>
      <c r="G461">
        <v>577.54</v>
      </c>
      <c r="H461">
        <v>550.36</v>
      </c>
      <c r="I461">
        <v>635.86</v>
      </c>
      <c r="J461">
        <v>3656</v>
      </c>
      <c r="K461">
        <v>4876</v>
      </c>
      <c r="N461" s="11"/>
    </row>
    <row r="462" spans="2:14">
      <c r="B462" s="2">
        <f t="shared" si="7"/>
        <v>0.56853009259259257</v>
      </c>
      <c r="C462">
        <v>13680</v>
      </c>
      <c r="D462">
        <v>547.17999999999995</v>
      </c>
      <c r="E462">
        <v>574.41999999999996</v>
      </c>
      <c r="F462">
        <v>574.62</v>
      </c>
      <c r="G462">
        <v>579.35</v>
      </c>
      <c r="H462">
        <v>559.14</v>
      </c>
      <c r="I462">
        <v>634.13</v>
      </c>
      <c r="J462">
        <v>3630</v>
      </c>
      <c r="K462">
        <v>4914</v>
      </c>
      <c r="N462" s="11"/>
    </row>
    <row r="463" spans="2:14">
      <c r="B463" s="2">
        <f t="shared" si="7"/>
        <v>0.56887731481481485</v>
      </c>
      <c r="C463">
        <v>13710</v>
      </c>
      <c r="D463">
        <v>548.28</v>
      </c>
      <c r="E463">
        <v>574.92999999999995</v>
      </c>
      <c r="F463">
        <v>574.77</v>
      </c>
      <c r="G463">
        <v>578.49</v>
      </c>
      <c r="H463">
        <v>561.39</v>
      </c>
      <c r="I463">
        <v>617.61</v>
      </c>
      <c r="J463">
        <v>3680</v>
      </c>
      <c r="K463">
        <v>5100</v>
      </c>
      <c r="N463" s="11"/>
    </row>
    <row r="464" spans="2:14">
      <c r="B464" s="2">
        <f t="shared" si="7"/>
        <v>0.56922453703703701</v>
      </c>
      <c r="C464">
        <v>13740</v>
      </c>
      <c r="D464">
        <v>549.33000000000004</v>
      </c>
      <c r="E464">
        <v>574.82000000000005</v>
      </c>
      <c r="F464">
        <v>574.75</v>
      </c>
      <c r="G464">
        <v>579.03</v>
      </c>
      <c r="H464">
        <v>567.25</v>
      </c>
      <c r="I464">
        <v>607.29</v>
      </c>
      <c r="J464">
        <v>3706</v>
      </c>
      <c r="K464">
        <v>5093</v>
      </c>
      <c r="N464" s="11"/>
    </row>
    <row r="465" spans="2:14">
      <c r="B465" s="2">
        <f t="shared" si="7"/>
        <v>0.56957175925925929</v>
      </c>
      <c r="C465">
        <v>13770</v>
      </c>
      <c r="D465">
        <v>549.69000000000005</v>
      </c>
      <c r="E465">
        <v>575.80999999999995</v>
      </c>
      <c r="F465">
        <v>575.28</v>
      </c>
      <c r="G465">
        <v>579.96</v>
      </c>
      <c r="H465">
        <v>568.88</v>
      </c>
      <c r="I465">
        <v>606.96</v>
      </c>
      <c r="J465">
        <v>3719</v>
      </c>
      <c r="K465">
        <v>5061</v>
      </c>
      <c r="N465" s="11"/>
    </row>
    <row r="466" spans="2:14">
      <c r="B466" s="2">
        <f t="shared" si="7"/>
        <v>0.56991898148148146</v>
      </c>
      <c r="C466">
        <v>13800</v>
      </c>
      <c r="D466">
        <v>551.46</v>
      </c>
      <c r="E466">
        <v>576.16999999999996</v>
      </c>
      <c r="F466">
        <v>575.41</v>
      </c>
      <c r="G466">
        <v>583</v>
      </c>
      <c r="H466">
        <v>576.69000000000005</v>
      </c>
      <c r="I466">
        <v>607.70000000000005</v>
      </c>
      <c r="J466">
        <v>3721</v>
      </c>
      <c r="K466">
        <v>5038</v>
      </c>
      <c r="N466" s="11"/>
    </row>
    <row r="467" spans="2:14">
      <c r="B467" s="2">
        <f t="shared" si="7"/>
        <v>0.57026620370370362</v>
      </c>
      <c r="C467">
        <v>13830</v>
      </c>
      <c r="D467">
        <v>552.77</v>
      </c>
      <c r="E467">
        <v>576.92999999999995</v>
      </c>
      <c r="F467">
        <v>575.70000000000005</v>
      </c>
      <c r="G467">
        <v>586.36</v>
      </c>
      <c r="H467">
        <v>582.19000000000005</v>
      </c>
      <c r="I467">
        <v>613.45000000000005</v>
      </c>
      <c r="J467">
        <v>3720</v>
      </c>
      <c r="K467">
        <v>5068</v>
      </c>
      <c r="N467" s="11"/>
    </row>
    <row r="468" spans="2:14">
      <c r="B468" s="2">
        <f t="shared" si="7"/>
        <v>0.5706134259259259</v>
      </c>
      <c r="C468">
        <v>13860</v>
      </c>
      <c r="D468">
        <v>557.22</v>
      </c>
      <c r="E468">
        <v>578.11</v>
      </c>
      <c r="F468">
        <v>576.28</v>
      </c>
      <c r="G468">
        <v>595.45000000000005</v>
      </c>
      <c r="H468">
        <v>615.26</v>
      </c>
      <c r="I468">
        <v>640.12</v>
      </c>
      <c r="J468">
        <v>3654</v>
      </c>
      <c r="K468">
        <v>5296</v>
      </c>
      <c r="N468" s="11"/>
    </row>
    <row r="469" spans="2:14">
      <c r="B469" s="2">
        <f t="shared" si="7"/>
        <v>0.57096064814814818</v>
      </c>
      <c r="C469">
        <v>13890</v>
      </c>
      <c r="D469">
        <v>561.86</v>
      </c>
      <c r="E469">
        <v>580.52</v>
      </c>
      <c r="F469">
        <v>577.35</v>
      </c>
      <c r="G469">
        <v>603.36</v>
      </c>
      <c r="H469">
        <v>628.45000000000005</v>
      </c>
      <c r="I469">
        <v>649.91</v>
      </c>
      <c r="J469">
        <v>3576</v>
      </c>
      <c r="K469">
        <v>5523</v>
      </c>
      <c r="N469" s="11"/>
    </row>
    <row r="470" spans="2:14">
      <c r="B470" s="2">
        <f t="shared" si="7"/>
        <v>0.57130787037037034</v>
      </c>
      <c r="C470">
        <v>13920</v>
      </c>
      <c r="D470">
        <v>563.70000000000005</v>
      </c>
      <c r="E470">
        <v>581.22</v>
      </c>
      <c r="F470">
        <v>578.17999999999995</v>
      </c>
      <c r="G470">
        <v>611.71</v>
      </c>
      <c r="H470">
        <v>637.42999999999995</v>
      </c>
      <c r="I470">
        <v>655.52</v>
      </c>
      <c r="J470">
        <v>3516</v>
      </c>
      <c r="K470">
        <v>5619</v>
      </c>
      <c r="N470" s="11"/>
    </row>
    <row r="471" spans="2:14">
      <c r="B471" s="2">
        <f t="shared" si="7"/>
        <v>0.57165509259259262</v>
      </c>
      <c r="C471">
        <v>13950</v>
      </c>
      <c r="D471">
        <v>566.46</v>
      </c>
      <c r="E471">
        <v>582.54999999999995</v>
      </c>
      <c r="F471">
        <v>579.13</v>
      </c>
      <c r="G471">
        <v>619.41999999999996</v>
      </c>
      <c r="H471">
        <v>643.38</v>
      </c>
      <c r="I471">
        <v>659.88</v>
      </c>
      <c r="J471">
        <v>3474</v>
      </c>
      <c r="K471">
        <v>5753</v>
      </c>
      <c r="N471" s="11"/>
    </row>
    <row r="472" spans="2:14">
      <c r="B472" s="2">
        <f t="shared" si="7"/>
        <v>0.57200231481481478</v>
      </c>
      <c r="C472">
        <v>13980</v>
      </c>
      <c r="D472">
        <v>568.4</v>
      </c>
      <c r="E472">
        <v>583.76</v>
      </c>
      <c r="F472">
        <v>579.46</v>
      </c>
      <c r="G472">
        <v>627.51</v>
      </c>
      <c r="H472">
        <v>649.22</v>
      </c>
      <c r="I472">
        <v>675.67</v>
      </c>
      <c r="J472">
        <v>3404</v>
      </c>
      <c r="K472">
        <v>5878</v>
      </c>
      <c r="N472" s="11"/>
    </row>
    <row r="473" spans="2:14">
      <c r="B473" s="2">
        <f t="shared" si="7"/>
        <v>0.57234953703703706</v>
      </c>
      <c r="C473">
        <v>14010</v>
      </c>
      <c r="D473">
        <v>569.85</v>
      </c>
      <c r="E473">
        <v>584.74</v>
      </c>
      <c r="F473">
        <v>579.99</v>
      </c>
      <c r="G473">
        <v>634.27</v>
      </c>
      <c r="H473">
        <v>649.61</v>
      </c>
      <c r="I473">
        <v>684.05</v>
      </c>
      <c r="J473">
        <v>3362</v>
      </c>
      <c r="K473">
        <v>5999</v>
      </c>
      <c r="N473" s="11"/>
    </row>
    <row r="474" spans="2:14">
      <c r="B474" s="2">
        <f t="shared" si="7"/>
        <v>0.57269675925925922</v>
      </c>
      <c r="C474">
        <v>14040</v>
      </c>
      <c r="D474">
        <v>571.47</v>
      </c>
      <c r="E474">
        <v>585.70000000000005</v>
      </c>
      <c r="F474">
        <v>580.99</v>
      </c>
      <c r="G474">
        <v>641.9</v>
      </c>
      <c r="H474">
        <v>661.78</v>
      </c>
      <c r="I474">
        <v>690.89</v>
      </c>
      <c r="J474">
        <v>3293</v>
      </c>
      <c r="K474">
        <v>6082</v>
      </c>
      <c r="N474" s="11"/>
    </row>
    <row r="475" spans="2:14">
      <c r="B475" s="2">
        <f t="shared" si="7"/>
        <v>0.5730439814814815</v>
      </c>
      <c r="C475">
        <v>14070</v>
      </c>
      <c r="D475">
        <v>573.07000000000005</v>
      </c>
      <c r="E475">
        <v>586.88</v>
      </c>
      <c r="F475">
        <v>581.79</v>
      </c>
      <c r="G475">
        <v>647.4</v>
      </c>
      <c r="H475">
        <v>660.58</v>
      </c>
      <c r="I475">
        <v>711.94</v>
      </c>
      <c r="J475">
        <v>3262</v>
      </c>
      <c r="K475">
        <v>6203</v>
      </c>
      <c r="N475" s="11"/>
    </row>
    <row r="476" spans="2:14">
      <c r="B476" s="2">
        <f t="shared" si="7"/>
        <v>0.57339120370370367</v>
      </c>
      <c r="C476">
        <v>14100</v>
      </c>
      <c r="D476">
        <v>573.54</v>
      </c>
      <c r="E476">
        <v>587.65</v>
      </c>
      <c r="F476">
        <v>582.53</v>
      </c>
      <c r="G476">
        <v>650.27</v>
      </c>
      <c r="H476">
        <v>661.55</v>
      </c>
      <c r="I476">
        <v>717.37</v>
      </c>
      <c r="J476">
        <v>3239</v>
      </c>
      <c r="K476">
        <v>6225</v>
      </c>
      <c r="N476" s="11"/>
    </row>
    <row r="477" spans="2:14">
      <c r="B477" s="2">
        <f t="shared" si="7"/>
        <v>0.57373842592592594</v>
      </c>
      <c r="C477">
        <v>14130</v>
      </c>
      <c r="D477">
        <v>574.03</v>
      </c>
      <c r="E477">
        <v>588.42999999999995</v>
      </c>
      <c r="F477">
        <v>582.88</v>
      </c>
      <c r="G477">
        <v>653.19000000000005</v>
      </c>
      <c r="H477">
        <v>664.76</v>
      </c>
      <c r="I477">
        <v>719.91</v>
      </c>
      <c r="J477">
        <v>3184</v>
      </c>
      <c r="K477">
        <v>6308</v>
      </c>
      <c r="N477" s="11"/>
    </row>
    <row r="478" spans="2:14">
      <c r="B478" s="2">
        <f t="shared" si="7"/>
        <v>0.57408564814814811</v>
      </c>
      <c r="C478">
        <v>14160</v>
      </c>
      <c r="D478">
        <v>575.79</v>
      </c>
      <c r="E478">
        <v>589.29</v>
      </c>
      <c r="F478">
        <v>583.62</v>
      </c>
      <c r="G478">
        <v>654.66</v>
      </c>
      <c r="H478">
        <v>662.66</v>
      </c>
      <c r="I478">
        <v>728.17</v>
      </c>
      <c r="J478">
        <v>3151</v>
      </c>
      <c r="K478">
        <v>6296</v>
      </c>
      <c r="N478" s="11"/>
    </row>
    <row r="479" spans="2:14">
      <c r="B479" s="2">
        <f t="shared" si="7"/>
        <v>0.57443287037037039</v>
      </c>
      <c r="C479">
        <v>14190</v>
      </c>
      <c r="D479">
        <v>576.14</v>
      </c>
      <c r="E479">
        <v>589.72</v>
      </c>
      <c r="F479">
        <v>584.13</v>
      </c>
      <c r="G479">
        <v>654.96</v>
      </c>
      <c r="H479">
        <v>660.54</v>
      </c>
      <c r="I479">
        <v>736.24</v>
      </c>
      <c r="J479">
        <v>3132</v>
      </c>
      <c r="K479">
        <v>6383</v>
      </c>
      <c r="N479" s="11"/>
    </row>
    <row r="480" spans="2:14">
      <c r="B480" s="2">
        <f t="shared" si="7"/>
        <v>0.57478009259259255</v>
      </c>
      <c r="C480">
        <v>14220</v>
      </c>
      <c r="D480">
        <v>576.16999999999996</v>
      </c>
      <c r="E480">
        <v>589.91</v>
      </c>
      <c r="F480">
        <v>584.65</v>
      </c>
      <c r="G480">
        <v>654.57000000000005</v>
      </c>
      <c r="H480">
        <v>659.16</v>
      </c>
      <c r="I480">
        <v>751.76</v>
      </c>
      <c r="J480">
        <v>3139</v>
      </c>
      <c r="K480">
        <v>6339</v>
      </c>
      <c r="N480" s="11"/>
    </row>
    <row r="481" spans="2:14">
      <c r="B481" s="2">
        <f t="shared" si="7"/>
        <v>0.57512731481481483</v>
      </c>
      <c r="C481">
        <v>14250</v>
      </c>
      <c r="D481">
        <v>575.74</v>
      </c>
      <c r="E481">
        <v>590.30999999999995</v>
      </c>
      <c r="F481">
        <v>584.73</v>
      </c>
      <c r="G481">
        <v>655.27</v>
      </c>
      <c r="H481">
        <v>662.33</v>
      </c>
      <c r="I481">
        <v>744.47</v>
      </c>
      <c r="J481">
        <v>3127</v>
      </c>
      <c r="K481">
        <v>6353</v>
      </c>
      <c r="N481" s="11"/>
    </row>
    <row r="482" spans="2:14">
      <c r="B482" s="2">
        <f t="shared" ref="B482:B547" si="8">C482/24/60/60+$B$3</f>
        <v>0.57547453703703699</v>
      </c>
      <c r="C482">
        <v>14280</v>
      </c>
      <c r="D482">
        <v>577.97</v>
      </c>
      <c r="E482">
        <v>590.92999999999995</v>
      </c>
      <c r="F482">
        <v>585.65</v>
      </c>
      <c r="G482">
        <v>656.65</v>
      </c>
      <c r="H482">
        <v>665.92</v>
      </c>
      <c r="I482">
        <v>745.27</v>
      </c>
      <c r="J482">
        <v>3086</v>
      </c>
      <c r="K482">
        <v>6347</v>
      </c>
      <c r="N482" s="11"/>
    </row>
    <row r="483" spans="2:14">
      <c r="B483" s="2">
        <f t="shared" si="8"/>
        <v>0.57582175925925927</v>
      </c>
      <c r="C483">
        <v>14310</v>
      </c>
      <c r="D483">
        <v>577.84</v>
      </c>
      <c r="E483">
        <v>591.54999999999995</v>
      </c>
      <c r="F483">
        <v>585.89</v>
      </c>
      <c r="G483">
        <v>657.42</v>
      </c>
      <c r="H483">
        <v>666.34</v>
      </c>
      <c r="I483">
        <v>746.78</v>
      </c>
      <c r="J483">
        <v>3077</v>
      </c>
      <c r="K483">
        <v>6343</v>
      </c>
      <c r="N483" s="11"/>
    </row>
    <row r="484" spans="2:14">
      <c r="B484" s="2">
        <f t="shared" si="8"/>
        <v>0.57616898148148143</v>
      </c>
      <c r="C484">
        <v>14340</v>
      </c>
      <c r="D484">
        <v>578.02</v>
      </c>
      <c r="E484">
        <v>592.12</v>
      </c>
      <c r="F484">
        <v>586.89</v>
      </c>
      <c r="G484">
        <v>659.84</v>
      </c>
      <c r="H484">
        <v>669.89</v>
      </c>
      <c r="I484">
        <v>755.29</v>
      </c>
      <c r="J484">
        <v>3036</v>
      </c>
      <c r="K484">
        <v>6372</v>
      </c>
      <c r="N484" s="11"/>
    </row>
    <row r="485" spans="2:14">
      <c r="B485" s="2">
        <f t="shared" si="8"/>
        <v>0.57651620370370371</v>
      </c>
      <c r="C485">
        <v>14370</v>
      </c>
      <c r="D485">
        <v>579.76</v>
      </c>
      <c r="E485">
        <v>592.57000000000005</v>
      </c>
      <c r="F485">
        <v>587.35</v>
      </c>
      <c r="G485">
        <v>663</v>
      </c>
      <c r="H485">
        <v>674.97</v>
      </c>
      <c r="I485">
        <v>752.41</v>
      </c>
      <c r="J485">
        <v>3002</v>
      </c>
      <c r="K485">
        <v>6367</v>
      </c>
      <c r="N485" s="11"/>
    </row>
    <row r="486" spans="2:14">
      <c r="B486" s="2">
        <f t="shared" si="8"/>
        <v>0.57686342592592588</v>
      </c>
      <c r="C486">
        <v>14400</v>
      </c>
      <c r="D486">
        <v>580.51</v>
      </c>
      <c r="E486">
        <v>593.22</v>
      </c>
      <c r="F486">
        <v>587.72</v>
      </c>
      <c r="G486">
        <v>665.23</v>
      </c>
      <c r="H486">
        <v>673.94</v>
      </c>
      <c r="I486">
        <v>764.72</v>
      </c>
      <c r="J486">
        <v>2985</v>
      </c>
      <c r="K486">
        <v>6366</v>
      </c>
      <c r="N486" s="11"/>
    </row>
    <row r="487" spans="2:14">
      <c r="B487" s="2">
        <f t="shared" si="8"/>
        <v>0.57721064814814815</v>
      </c>
      <c r="C487">
        <v>14430</v>
      </c>
      <c r="D487">
        <v>581.73</v>
      </c>
      <c r="E487">
        <v>593.69000000000005</v>
      </c>
      <c r="F487">
        <v>588.5</v>
      </c>
      <c r="G487">
        <v>669.87</v>
      </c>
      <c r="H487">
        <v>679.29</v>
      </c>
      <c r="I487">
        <v>764.3</v>
      </c>
      <c r="J487">
        <v>2939</v>
      </c>
      <c r="K487">
        <v>6372</v>
      </c>
      <c r="N487" s="11"/>
    </row>
    <row r="488" spans="2:14">
      <c r="B488" s="2">
        <f t="shared" si="8"/>
        <v>0.57755787037037032</v>
      </c>
      <c r="C488">
        <v>14460</v>
      </c>
      <c r="D488">
        <v>584.55999999999995</v>
      </c>
      <c r="E488">
        <v>594.78</v>
      </c>
      <c r="F488">
        <v>589.03</v>
      </c>
      <c r="G488">
        <v>673.6</v>
      </c>
      <c r="H488">
        <v>684.06</v>
      </c>
      <c r="I488">
        <v>768.85</v>
      </c>
      <c r="J488">
        <v>2915</v>
      </c>
      <c r="K488">
        <v>6405</v>
      </c>
      <c r="N488" s="11"/>
    </row>
    <row r="489" spans="2:14">
      <c r="B489" s="2">
        <f t="shared" si="8"/>
        <v>0.5779050925925926</v>
      </c>
      <c r="C489">
        <v>14490</v>
      </c>
      <c r="D489">
        <v>582.87</v>
      </c>
      <c r="E489">
        <v>594.94000000000005</v>
      </c>
      <c r="F489">
        <v>589.51</v>
      </c>
      <c r="G489">
        <v>676.85</v>
      </c>
      <c r="H489">
        <v>681.04</v>
      </c>
      <c r="I489">
        <v>775.75</v>
      </c>
      <c r="J489">
        <v>2916</v>
      </c>
      <c r="K489">
        <v>6389</v>
      </c>
      <c r="N489" s="11"/>
    </row>
    <row r="490" spans="2:14">
      <c r="B490" s="2">
        <f t="shared" si="8"/>
        <v>0.57825231481481487</v>
      </c>
      <c r="C490">
        <v>14520</v>
      </c>
      <c r="D490">
        <v>581.72</v>
      </c>
      <c r="E490">
        <v>594.67999999999995</v>
      </c>
      <c r="F490">
        <v>589.44000000000005</v>
      </c>
      <c r="G490">
        <v>678.86</v>
      </c>
      <c r="H490">
        <v>676.64</v>
      </c>
      <c r="I490">
        <v>776.63</v>
      </c>
      <c r="J490">
        <v>2941</v>
      </c>
      <c r="K490">
        <v>6228</v>
      </c>
      <c r="N490" s="11"/>
    </row>
    <row r="491" spans="2:14">
      <c r="B491" s="2">
        <f t="shared" si="8"/>
        <v>0.57859953703703704</v>
      </c>
      <c r="C491">
        <v>14550</v>
      </c>
      <c r="D491">
        <v>582.67999999999995</v>
      </c>
      <c r="E491">
        <v>594.89</v>
      </c>
      <c r="F491">
        <v>589.82000000000005</v>
      </c>
      <c r="G491">
        <v>681.1</v>
      </c>
      <c r="H491">
        <v>676.99</v>
      </c>
      <c r="I491">
        <v>772.72</v>
      </c>
      <c r="J491">
        <v>2957</v>
      </c>
      <c r="K491">
        <v>6148</v>
      </c>
      <c r="N491" s="11"/>
    </row>
    <row r="492" spans="2:14">
      <c r="B492" s="2">
        <f t="shared" si="8"/>
        <v>0.5789467592592592</v>
      </c>
      <c r="C492">
        <v>14580</v>
      </c>
      <c r="D492">
        <v>585.1</v>
      </c>
      <c r="E492">
        <v>595.82000000000005</v>
      </c>
      <c r="F492">
        <v>590.47</v>
      </c>
      <c r="G492">
        <v>686.01</v>
      </c>
      <c r="H492">
        <v>693.28</v>
      </c>
      <c r="I492">
        <v>778.81</v>
      </c>
      <c r="J492">
        <v>2893</v>
      </c>
      <c r="K492">
        <v>6192</v>
      </c>
      <c r="N492" s="11"/>
    </row>
    <row r="493" spans="2:14">
      <c r="B493" s="2">
        <f t="shared" si="8"/>
        <v>0.57929398148148148</v>
      </c>
      <c r="C493">
        <v>14610</v>
      </c>
      <c r="D493">
        <v>586.39</v>
      </c>
      <c r="E493">
        <v>597.16999999999996</v>
      </c>
      <c r="F493">
        <v>591.29999999999995</v>
      </c>
      <c r="G493">
        <v>688.73</v>
      </c>
      <c r="H493">
        <v>694.4</v>
      </c>
      <c r="I493">
        <v>783.24</v>
      </c>
      <c r="J493">
        <v>2861</v>
      </c>
      <c r="K493">
        <v>6181</v>
      </c>
      <c r="N493" s="11"/>
    </row>
    <row r="494" spans="2:14">
      <c r="B494" s="2">
        <f t="shared" si="8"/>
        <v>0.57964120370370364</v>
      </c>
      <c r="C494">
        <v>14640</v>
      </c>
      <c r="D494">
        <v>587.73</v>
      </c>
      <c r="E494">
        <v>597.47</v>
      </c>
      <c r="F494">
        <v>591.52</v>
      </c>
      <c r="G494">
        <v>689.42</v>
      </c>
      <c r="H494">
        <v>695.67</v>
      </c>
      <c r="I494">
        <v>783.99</v>
      </c>
      <c r="J494">
        <v>2839</v>
      </c>
      <c r="K494">
        <v>6138</v>
      </c>
      <c r="N494" s="11"/>
    </row>
    <row r="495" spans="2:14">
      <c r="B495" s="2">
        <f t="shared" si="8"/>
        <v>0.57998842592592592</v>
      </c>
      <c r="C495">
        <v>14670</v>
      </c>
      <c r="D495">
        <v>586.30999999999995</v>
      </c>
      <c r="E495">
        <v>597.42999999999995</v>
      </c>
      <c r="F495">
        <v>591.76</v>
      </c>
      <c r="G495">
        <v>687.85</v>
      </c>
      <c r="H495">
        <v>688.33</v>
      </c>
      <c r="I495">
        <v>788.52</v>
      </c>
      <c r="J495">
        <v>2869</v>
      </c>
      <c r="K495">
        <v>6054</v>
      </c>
      <c r="N495" s="11"/>
    </row>
    <row r="496" spans="2:14">
      <c r="B496" s="2">
        <f t="shared" si="8"/>
        <v>0.58033564814814809</v>
      </c>
      <c r="C496">
        <v>14700</v>
      </c>
      <c r="D496">
        <v>586.54</v>
      </c>
      <c r="E496">
        <v>597.27</v>
      </c>
      <c r="F496">
        <v>591.94000000000005</v>
      </c>
      <c r="G496">
        <v>687.27</v>
      </c>
      <c r="H496">
        <v>689.18</v>
      </c>
      <c r="I496">
        <v>785.8</v>
      </c>
      <c r="J496">
        <v>2838</v>
      </c>
      <c r="K496">
        <v>6014</v>
      </c>
      <c r="N496" s="11"/>
    </row>
    <row r="497" spans="2:14">
      <c r="B497" s="2">
        <f t="shared" si="8"/>
        <v>0.58068287037037036</v>
      </c>
      <c r="C497">
        <v>14730</v>
      </c>
      <c r="D497">
        <v>587.54999999999995</v>
      </c>
      <c r="E497">
        <v>598.16</v>
      </c>
      <c r="F497">
        <v>592.41</v>
      </c>
      <c r="G497">
        <v>687.02</v>
      </c>
      <c r="H497">
        <v>693.48</v>
      </c>
      <c r="I497">
        <v>785.19</v>
      </c>
      <c r="J497">
        <v>2831</v>
      </c>
      <c r="K497">
        <v>5942</v>
      </c>
      <c r="N497" s="11"/>
    </row>
    <row r="498" spans="2:14">
      <c r="B498" s="2">
        <f t="shared" si="8"/>
        <v>0.58103009259259264</v>
      </c>
      <c r="C498">
        <v>14760</v>
      </c>
      <c r="D498">
        <v>587.66999999999996</v>
      </c>
      <c r="E498">
        <v>598.54</v>
      </c>
      <c r="F498">
        <v>592.82000000000005</v>
      </c>
      <c r="G498">
        <v>685.99</v>
      </c>
      <c r="H498">
        <v>691.85</v>
      </c>
      <c r="I498">
        <v>787.5</v>
      </c>
      <c r="J498">
        <v>2831</v>
      </c>
      <c r="K498">
        <v>5876</v>
      </c>
      <c r="N498" s="11"/>
    </row>
    <row r="499" spans="2:14">
      <c r="B499" s="2">
        <f t="shared" si="8"/>
        <v>0.58137731481481481</v>
      </c>
      <c r="C499">
        <v>14790</v>
      </c>
      <c r="D499">
        <v>589.67999999999995</v>
      </c>
      <c r="E499">
        <v>599.32000000000005</v>
      </c>
      <c r="F499">
        <v>593</v>
      </c>
      <c r="G499">
        <v>686.43</v>
      </c>
      <c r="H499">
        <v>697.42</v>
      </c>
      <c r="I499">
        <v>788.54</v>
      </c>
      <c r="J499">
        <v>2816</v>
      </c>
      <c r="K499">
        <v>5839</v>
      </c>
      <c r="N499" s="11"/>
    </row>
    <row r="500" spans="2:14">
      <c r="B500" s="2">
        <f t="shared" si="8"/>
        <v>0.58172453703703697</v>
      </c>
      <c r="C500">
        <v>14820</v>
      </c>
      <c r="D500">
        <v>588.92999999999995</v>
      </c>
      <c r="E500">
        <v>599.35</v>
      </c>
      <c r="F500">
        <v>593.21</v>
      </c>
      <c r="G500">
        <v>685.63</v>
      </c>
      <c r="H500">
        <v>694.26</v>
      </c>
      <c r="I500">
        <v>791.48</v>
      </c>
      <c r="J500">
        <v>2820</v>
      </c>
      <c r="K500">
        <v>5798</v>
      </c>
      <c r="N500" s="11"/>
    </row>
    <row r="501" spans="2:14">
      <c r="B501" s="2">
        <f t="shared" si="8"/>
        <v>0.58207175925925925</v>
      </c>
      <c r="C501">
        <v>14850</v>
      </c>
      <c r="D501">
        <v>589.94000000000005</v>
      </c>
      <c r="E501">
        <v>600.25</v>
      </c>
      <c r="F501">
        <v>593.87</v>
      </c>
      <c r="G501">
        <v>686.57</v>
      </c>
      <c r="H501">
        <v>700.77</v>
      </c>
      <c r="I501">
        <v>798</v>
      </c>
      <c r="J501">
        <v>2794</v>
      </c>
      <c r="K501">
        <v>5758</v>
      </c>
      <c r="N501" s="11"/>
    </row>
    <row r="502" spans="2:14">
      <c r="B502" s="2">
        <f t="shared" si="8"/>
        <v>0.58241898148148152</v>
      </c>
      <c r="C502">
        <v>14880</v>
      </c>
      <c r="D502">
        <v>591.9</v>
      </c>
      <c r="E502">
        <v>600.83000000000004</v>
      </c>
      <c r="F502">
        <v>594.59</v>
      </c>
      <c r="G502">
        <v>687.46</v>
      </c>
      <c r="H502">
        <v>703.17</v>
      </c>
      <c r="I502">
        <v>799.21</v>
      </c>
      <c r="J502">
        <v>2782</v>
      </c>
      <c r="K502">
        <v>5740</v>
      </c>
      <c r="N502" s="11"/>
    </row>
    <row r="503" spans="2:14">
      <c r="B503" s="2">
        <f t="shared" si="8"/>
        <v>0.58276620370370369</v>
      </c>
      <c r="C503">
        <v>14910</v>
      </c>
      <c r="D503">
        <v>591.89</v>
      </c>
      <c r="E503">
        <v>600.99</v>
      </c>
      <c r="F503">
        <v>594.61</v>
      </c>
      <c r="G503">
        <v>687.48</v>
      </c>
      <c r="H503">
        <v>699.81</v>
      </c>
      <c r="I503">
        <v>795.21</v>
      </c>
      <c r="J503">
        <v>2787</v>
      </c>
      <c r="K503">
        <v>5675</v>
      </c>
      <c r="N503" s="11"/>
    </row>
    <row r="504" spans="2:14">
      <c r="B504" s="2">
        <f t="shared" si="8"/>
        <v>0.58311342592592585</v>
      </c>
      <c r="C504">
        <v>14940</v>
      </c>
      <c r="D504">
        <v>592.76</v>
      </c>
      <c r="E504">
        <v>601.26</v>
      </c>
      <c r="F504">
        <v>594.82000000000005</v>
      </c>
      <c r="G504">
        <v>688.86</v>
      </c>
      <c r="H504">
        <v>703.99</v>
      </c>
      <c r="I504">
        <v>793.16</v>
      </c>
      <c r="J504">
        <v>2790</v>
      </c>
      <c r="K504">
        <v>5595</v>
      </c>
      <c r="N504" s="11"/>
    </row>
    <row r="505" spans="2:14">
      <c r="B505" s="2">
        <f t="shared" si="8"/>
        <v>0.58346064814814813</v>
      </c>
      <c r="C505">
        <v>14970</v>
      </c>
      <c r="D505">
        <v>595.30999999999995</v>
      </c>
      <c r="E505">
        <v>602.41</v>
      </c>
      <c r="F505">
        <v>595.42999999999995</v>
      </c>
      <c r="G505">
        <v>691.34</v>
      </c>
      <c r="H505">
        <v>710.06</v>
      </c>
      <c r="I505">
        <v>793.96</v>
      </c>
      <c r="J505">
        <v>2778</v>
      </c>
      <c r="K505">
        <v>5580</v>
      </c>
      <c r="N505" s="11"/>
    </row>
    <row r="506" spans="2:14">
      <c r="B506" s="2">
        <f t="shared" si="8"/>
        <v>0.58380787037037041</v>
      </c>
      <c r="C506">
        <v>15000</v>
      </c>
      <c r="D506">
        <v>597.27</v>
      </c>
      <c r="E506">
        <v>603.44000000000005</v>
      </c>
      <c r="F506">
        <v>596.37</v>
      </c>
      <c r="G506">
        <v>693.99</v>
      </c>
      <c r="H506">
        <v>715.68</v>
      </c>
      <c r="I506">
        <v>801.16</v>
      </c>
      <c r="J506">
        <v>2757</v>
      </c>
      <c r="K506">
        <v>5570</v>
      </c>
      <c r="N506" s="11"/>
    </row>
    <row r="507" spans="2:14">
      <c r="B507" s="2">
        <f t="shared" si="8"/>
        <v>0.58415509259259257</v>
      </c>
      <c r="C507">
        <v>15030</v>
      </c>
      <c r="D507">
        <v>595.73</v>
      </c>
      <c r="E507">
        <v>603.05999999999995</v>
      </c>
      <c r="F507">
        <v>596.39</v>
      </c>
      <c r="G507">
        <v>695.35</v>
      </c>
      <c r="H507">
        <v>707.72</v>
      </c>
      <c r="I507">
        <v>804.1</v>
      </c>
      <c r="J507">
        <v>2781</v>
      </c>
      <c r="K507">
        <v>5421</v>
      </c>
      <c r="N507" s="11"/>
    </row>
    <row r="508" spans="2:14">
      <c r="B508" s="2">
        <f t="shared" si="8"/>
        <v>0.58450231481481485</v>
      </c>
      <c r="C508">
        <v>15060</v>
      </c>
      <c r="D508">
        <v>596.79999999999995</v>
      </c>
      <c r="E508">
        <v>603.5</v>
      </c>
      <c r="F508">
        <v>596.72</v>
      </c>
      <c r="G508">
        <v>698</v>
      </c>
      <c r="H508">
        <v>712.48</v>
      </c>
      <c r="I508">
        <v>806.06</v>
      </c>
      <c r="J508">
        <v>2782</v>
      </c>
      <c r="K508">
        <v>5373</v>
      </c>
      <c r="N508" s="11"/>
    </row>
    <row r="509" spans="2:14">
      <c r="B509" s="2">
        <f t="shared" si="8"/>
        <v>0.58484953703703701</v>
      </c>
      <c r="C509">
        <v>15090</v>
      </c>
      <c r="D509">
        <v>597.86</v>
      </c>
      <c r="E509">
        <v>604.04</v>
      </c>
      <c r="F509">
        <v>597.21</v>
      </c>
      <c r="G509">
        <v>699.93</v>
      </c>
      <c r="H509">
        <v>712.89</v>
      </c>
      <c r="I509">
        <v>797.21</v>
      </c>
      <c r="J509">
        <v>2795</v>
      </c>
      <c r="K509">
        <v>5334</v>
      </c>
      <c r="N509" s="11"/>
    </row>
    <row r="510" spans="2:14">
      <c r="B510" s="2">
        <f t="shared" si="8"/>
        <v>0.58519675925925929</v>
      </c>
      <c r="C510">
        <v>15120</v>
      </c>
      <c r="D510">
        <v>601.55999999999995</v>
      </c>
      <c r="E510">
        <v>604.61</v>
      </c>
      <c r="F510">
        <v>597.98</v>
      </c>
      <c r="G510">
        <v>702.02</v>
      </c>
      <c r="H510">
        <v>720.78</v>
      </c>
      <c r="I510">
        <v>810.07</v>
      </c>
      <c r="J510">
        <v>2786</v>
      </c>
      <c r="K510">
        <v>5251</v>
      </c>
      <c r="N510" s="11"/>
    </row>
    <row r="511" spans="2:14">
      <c r="B511" s="2">
        <f t="shared" si="8"/>
        <v>0.58554398148148146</v>
      </c>
      <c r="C511">
        <v>15150</v>
      </c>
      <c r="D511">
        <v>603.97</v>
      </c>
      <c r="E511">
        <v>606.36</v>
      </c>
      <c r="F511">
        <v>599.46</v>
      </c>
      <c r="G511">
        <v>704.07</v>
      </c>
      <c r="H511">
        <v>725.94</v>
      </c>
      <c r="I511">
        <v>815.41</v>
      </c>
      <c r="J511">
        <v>2763</v>
      </c>
      <c r="K511">
        <v>5262</v>
      </c>
      <c r="N511" s="11"/>
    </row>
    <row r="512" spans="2:14">
      <c r="B512" s="2">
        <f t="shared" si="8"/>
        <v>0.58589120370370362</v>
      </c>
      <c r="C512">
        <v>15180</v>
      </c>
      <c r="D512">
        <v>606.04</v>
      </c>
      <c r="E512">
        <v>607.59</v>
      </c>
      <c r="F512">
        <v>599.99</v>
      </c>
      <c r="G512">
        <v>705.56</v>
      </c>
      <c r="H512">
        <v>731.07</v>
      </c>
      <c r="I512">
        <v>808.35</v>
      </c>
      <c r="J512">
        <v>2720</v>
      </c>
      <c r="K512">
        <v>5267</v>
      </c>
      <c r="N512" s="11"/>
    </row>
    <row r="513" spans="2:14">
      <c r="B513" s="2">
        <f t="shared" si="8"/>
        <v>0.5862384259259259</v>
      </c>
      <c r="C513">
        <v>15210</v>
      </c>
      <c r="D513">
        <v>606.35</v>
      </c>
      <c r="E513">
        <v>607.94000000000005</v>
      </c>
      <c r="F513">
        <v>600.55999999999995</v>
      </c>
      <c r="G513">
        <v>706.14</v>
      </c>
      <c r="H513">
        <v>731.27</v>
      </c>
      <c r="I513">
        <v>816.35</v>
      </c>
      <c r="J513">
        <v>2710</v>
      </c>
      <c r="K513">
        <v>5261</v>
      </c>
      <c r="N513" s="11"/>
    </row>
    <row r="514" spans="2:14">
      <c r="B514" s="2">
        <f t="shared" si="8"/>
        <v>0.58658564814814818</v>
      </c>
      <c r="C514">
        <v>15240</v>
      </c>
      <c r="D514">
        <v>605.83000000000004</v>
      </c>
      <c r="E514">
        <v>607.71</v>
      </c>
      <c r="F514">
        <v>600.28</v>
      </c>
      <c r="G514">
        <v>705.81</v>
      </c>
      <c r="H514">
        <v>728.11</v>
      </c>
      <c r="I514">
        <v>819.64</v>
      </c>
      <c r="J514">
        <v>2729</v>
      </c>
      <c r="K514">
        <v>5193</v>
      </c>
      <c r="N514" s="11"/>
    </row>
    <row r="515" spans="2:14">
      <c r="B515" s="2">
        <f t="shared" si="8"/>
        <v>0.58693287037037034</v>
      </c>
      <c r="C515">
        <v>15270</v>
      </c>
      <c r="D515">
        <v>609.11</v>
      </c>
      <c r="E515">
        <v>608.57000000000005</v>
      </c>
      <c r="F515">
        <v>601.29</v>
      </c>
      <c r="G515">
        <v>706.13</v>
      </c>
      <c r="H515">
        <v>732.36</v>
      </c>
      <c r="I515">
        <v>813.88</v>
      </c>
      <c r="J515">
        <v>2726</v>
      </c>
      <c r="K515">
        <v>5087</v>
      </c>
      <c r="N515" s="11"/>
    </row>
    <row r="516" spans="2:14">
      <c r="B516" s="2">
        <f t="shared" si="8"/>
        <v>0.58728009259259262</v>
      </c>
      <c r="C516">
        <v>15300</v>
      </c>
      <c r="D516">
        <v>613</v>
      </c>
      <c r="E516">
        <v>609.85</v>
      </c>
      <c r="F516">
        <v>602.26</v>
      </c>
      <c r="G516">
        <v>706.57</v>
      </c>
      <c r="H516">
        <v>738.37</v>
      </c>
      <c r="I516">
        <v>815.86</v>
      </c>
      <c r="J516">
        <v>2708</v>
      </c>
      <c r="K516">
        <v>5072</v>
      </c>
      <c r="N516" s="11"/>
    </row>
    <row r="517" spans="2:14">
      <c r="B517" s="2">
        <f t="shared" si="8"/>
        <v>0.58762731481481478</v>
      </c>
      <c r="C517">
        <v>15330</v>
      </c>
      <c r="D517">
        <v>614.30999999999995</v>
      </c>
      <c r="E517">
        <v>610.71</v>
      </c>
      <c r="F517">
        <v>603.05999999999995</v>
      </c>
      <c r="G517">
        <v>707.11</v>
      </c>
      <c r="H517">
        <v>739.17</v>
      </c>
      <c r="I517">
        <v>821.33</v>
      </c>
      <c r="J517">
        <v>2695</v>
      </c>
      <c r="K517">
        <v>5039</v>
      </c>
      <c r="N517" s="11"/>
    </row>
    <row r="518" spans="2:14">
      <c r="B518" s="2">
        <f t="shared" si="8"/>
        <v>0.58797453703703706</v>
      </c>
      <c r="C518">
        <v>15360</v>
      </c>
      <c r="D518">
        <v>616.91999999999996</v>
      </c>
      <c r="E518">
        <v>611.08000000000004</v>
      </c>
      <c r="F518">
        <v>603.62</v>
      </c>
      <c r="G518">
        <v>707.29</v>
      </c>
      <c r="H518">
        <v>741.35</v>
      </c>
      <c r="I518">
        <v>819.72</v>
      </c>
      <c r="J518">
        <v>2696</v>
      </c>
      <c r="K518">
        <v>4994</v>
      </c>
      <c r="N518" s="11"/>
    </row>
    <row r="519" spans="2:14">
      <c r="B519" s="2">
        <f t="shared" si="8"/>
        <v>0.58832175925925922</v>
      </c>
      <c r="C519">
        <v>15390</v>
      </c>
      <c r="D519">
        <v>620.04</v>
      </c>
      <c r="E519">
        <v>611.27</v>
      </c>
      <c r="F519">
        <v>604.09</v>
      </c>
      <c r="G519">
        <v>707.62</v>
      </c>
      <c r="H519">
        <v>742.16</v>
      </c>
      <c r="I519">
        <v>818.97</v>
      </c>
      <c r="J519">
        <v>2698</v>
      </c>
      <c r="K519">
        <v>4934</v>
      </c>
      <c r="N519" s="11"/>
    </row>
    <row r="520" spans="2:14">
      <c r="B520" s="2">
        <f t="shared" si="8"/>
        <v>0.5886689814814815</v>
      </c>
      <c r="C520">
        <v>15420</v>
      </c>
      <c r="D520">
        <v>622.42999999999995</v>
      </c>
      <c r="E520">
        <v>612.96</v>
      </c>
      <c r="F520">
        <v>605.36</v>
      </c>
      <c r="G520">
        <v>708.89</v>
      </c>
      <c r="H520">
        <v>746.57</v>
      </c>
      <c r="I520">
        <v>822.04</v>
      </c>
      <c r="J520">
        <v>2679</v>
      </c>
      <c r="K520">
        <v>4918</v>
      </c>
      <c r="N520" s="11"/>
    </row>
    <row r="521" spans="2:14">
      <c r="B521" s="2">
        <f t="shared" si="8"/>
        <v>0.58901620370370367</v>
      </c>
      <c r="C521">
        <v>15450</v>
      </c>
      <c r="D521">
        <v>627.96</v>
      </c>
      <c r="E521">
        <v>614.32000000000005</v>
      </c>
      <c r="F521">
        <v>606.48</v>
      </c>
      <c r="G521">
        <v>710.17</v>
      </c>
      <c r="H521">
        <v>753.86</v>
      </c>
      <c r="I521">
        <v>818.87</v>
      </c>
      <c r="J521">
        <v>2661</v>
      </c>
      <c r="K521">
        <v>4901</v>
      </c>
      <c r="N521" s="11"/>
    </row>
    <row r="522" spans="2:14">
      <c r="B522" s="2">
        <f t="shared" si="8"/>
        <v>0.58936342592592594</v>
      </c>
      <c r="C522">
        <v>15480</v>
      </c>
      <c r="D522">
        <v>624.91999999999996</v>
      </c>
      <c r="E522">
        <v>614.41</v>
      </c>
      <c r="F522">
        <v>606.74</v>
      </c>
      <c r="G522">
        <v>711.37</v>
      </c>
      <c r="H522">
        <v>749.82</v>
      </c>
      <c r="I522">
        <v>819.63</v>
      </c>
      <c r="J522">
        <v>2687</v>
      </c>
      <c r="K522">
        <v>4813</v>
      </c>
      <c r="N522" s="11"/>
    </row>
    <row r="523" spans="2:14">
      <c r="B523" s="2">
        <f t="shared" si="8"/>
        <v>0.58971064814814811</v>
      </c>
      <c r="C523">
        <v>15510</v>
      </c>
      <c r="D523">
        <v>625.63</v>
      </c>
      <c r="E523">
        <v>614.94000000000005</v>
      </c>
      <c r="F523">
        <v>606.85</v>
      </c>
      <c r="G523">
        <v>712.6</v>
      </c>
      <c r="H523">
        <v>755.21</v>
      </c>
      <c r="I523">
        <v>820.93</v>
      </c>
      <c r="J523">
        <v>2701</v>
      </c>
      <c r="K523">
        <v>4674</v>
      </c>
      <c r="N523" s="11"/>
    </row>
    <row r="524" spans="2:14">
      <c r="B524" s="2">
        <f t="shared" si="8"/>
        <v>0.59005787037037039</v>
      </c>
      <c r="C524">
        <v>15540</v>
      </c>
      <c r="D524">
        <v>625.5</v>
      </c>
      <c r="E524">
        <v>615.42999999999995</v>
      </c>
      <c r="F524">
        <v>607.08000000000004</v>
      </c>
      <c r="G524">
        <v>710.62</v>
      </c>
      <c r="H524">
        <v>747.14</v>
      </c>
      <c r="I524">
        <v>793.56</v>
      </c>
      <c r="J524">
        <v>3178</v>
      </c>
      <c r="K524">
        <v>4353</v>
      </c>
      <c r="N524" s="11"/>
    </row>
    <row r="525" spans="2:14">
      <c r="B525" s="2">
        <f t="shared" si="8"/>
        <v>0.59040509259259255</v>
      </c>
      <c r="C525">
        <v>15570</v>
      </c>
      <c r="D525">
        <v>632.13</v>
      </c>
      <c r="E525">
        <v>617.6</v>
      </c>
      <c r="F525">
        <v>609.4</v>
      </c>
      <c r="G525">
        <v>707.23</v>
      </c>
      <c r="H525">
        <v>736.64</v>
      </c>
      <c r="I525">
        <v>794.98</v>
      </c>
      <c r="J525">
        <v>3196</v>
      </c>
      <c r="K525">
        <v>4603</v>
      </c>
      <c r="N525" s="11"/>
    </row>
    <row r="526" spans="2:14">
      <c r="B526" s="2">
        <f t="shared" si="8"/>
        <v>0.59075231481481483</v>
      </c>
      <c r="C526">
        <v>15600</v>
      </c>
      <c r="D526">
        <v>630.29</v>
      </c>
      <c r="E526">
        <v>621.27</v>
      </c>
      <c r="F526">
        <v>612.91999999999996</v>
      </c>
      <c r="G526">
        <v>710.62</v>
      </c>
      <c r="H526">
        <v>756.27</v>
      </c>
      <c r="I526">
        <v>812.04</v>
      </c>
      <c r="J526">
        <v>3031</v>
      </c>
      <c r="K526">
        <v>4968</v>
      </c>
      <c r="N526" s="11"/>
    </row>
    <row r="527" spans="2:14">
      <c r="B527" s="2">
        <f t="shared" si="8"/>
        <v>0.59109953703703699</v>
      </c>
      <c r="C527">
        <v>15630</v>
      </c>
      <c r="D527">
        <v>621.61</v>
      </c>
      <c r="E527">
        <v>620.54</v>
      </c>
      <c r="F527">
        <v>612.91</v>
      </c>
      <c r="G527">
        <v>713.59</v>
      </c>
      <c r="H527">
        <v>755.92</v>
      </c>
      <c r="I527">
        <v>821.99</v>
      </c>
      <c r="J527">
        <v>2982</v>
      </c>
      <c r="K527">
        <v>5211</v>
      </c>
      <c r="N527" s="11"/>
    </row>
    <row r="528" spans="2:14">
      <c r="B528" s="2">
        <f t="shared" si="8"/>
        <v>0.59144675925925927</v>
      </c>
      <c r="C528">
        <v>15660</v>
      </c>
      <c r="D528">
        <v>620.28</v>
      </c>
      <c r="E528">
        <v>621.03</v>
      </c>
      <c r="F528">
        <v>613.42999999999995</v>
      </c>
      <c r="G528">
        <v>715.24</v>
      </c>
      <c r="H528">
        <v>759.3</v>
      </c>
      <c r="I528">
        <v>816.48</v>
      </c>
      <c r="J528">
        <v>2894</v>
      </c>
      <c r="K528">
        <v>5345</v>
      </c>
      <c r="N528" s="11"/>
    </row>
    <row r="529" spans="2:14">
      <c r="B529" s="2">
        <f t="shared" si="8"/>
        <v>0.59179398148148143</v>
      </c>
      <c r="C529">
        <v>15690</v>
      </c>
      <c r="D529">
        <v>616.07000000000005</v>
      </c>
      <c r="E529">
        <v>619.41</v>
      </c>
      <c r="F529">
        <v>611.91999999999996</v>
      </c>
      <c r="G529">
        <v>716.18</v>
      </c>
      <c r="H529">
        <v>756.18</v>
      </c>
      <c r="I529">
        <v>819.54</v>
      </c>
      <c r="J529">
        <v>2877</v>
      </c>
      <c r="K529">
        <v>5371</v>
      </c>
      <c r="N529" s="11"/>
    </row>
    <row r="530" spans="2:14">
      <c r="B530" s="2">
        <f t="shared" si="8"/>
        <v>0.59214120370370371</v>
      </c>
      <c r="C530">
        <v>15720</v>
      </c>
      <c r="D530">
        <v>616.41999999999996</v>
      </c>
      <c r="E530">
        <v>619.86</v>
      </c>
      <c r="F530">
        <v>612.78</v>
      </c>
      <c r="G530">
        <v>716.98</v>
      </c>
      <c r="H530">
        <v>761.61</v>
      </c>
      <c r="I530">
        <v>827.4</v>
      </c>
      <c r="J530">
        <v>2810</v>
      </c>
      <c r="K530">
        <v>5454</v>
      </c>
      <c r="N530" s="11"/>
    </row>
    <row r="531" spans="2:14">
      <c r="B531" s="2">
        <f t="shared" si="8"/>
        <v>0.59248842592592588</v>
      </c>
      <c r="C531">
        <v>15750</v>
      </c>
      <c r="D531">
        <v>616.04999999999995</v>
      </c>
      <c r="E531">
        <v>620.35</v>
      </c>
      <c r="F531">
        <v>613.33000000000004</v>
      </c>
      <c r="G531">
        <v>717.55</v>
      </c>
      <c r="H531">
        <v>756.89</v>
      </c>
      <c r="I531">
        <v>828.24</v>
      </c>
      <c r="J531">
        <v>2782</v>
      </c>
      <c r="K531">
        <v>5556</v>
      </c>
      <c r="N531" s="11"/>
    </row>
    <row r="532" spans="2:14">
      <c r="B532" s="2">
        <f t="shared" si="8"/>
        <v>0.59283564814814815</v>
      </c>
      <c r="C532">
        <v>15780</v>
      </c>
      <c r="D532">
        <v>614.6</v>
      </c>
      <c r="E532">
        <v>619.03</v>
      </c>
      <c r="F532">
        <v>612.41999999999996</v>
      </c>
      <c r="G532">
        <v>718.2</v>
      </c>
      <c r="H532">
        <v>759.59</v>
      </c>
      <c r="I532">
        <v>831.16</v>
      </c>
      <c r="J532">
        <v>2746</v>
      </c>
      <c r="K532">
        <v>5535</v>
      </c>
      <c r="N532" s="11"/>
    </row>
    <row r="533" spans="2:14">
      <c r="B533" s="2">
        <f t="shared" si="8"/>
        <v>0.59318287037037032</v>
      </c>
      <c r="C533">
        <v>15810</v>
      </c>
      <c r="D533">
        <v>614.35</v>
      </c>
      <c r="E533">
        <v>619.26</v>
      </c>
      <c r="F533">
        <v>612.96</v>
      </c>
      <c r="G533">
        <v>718.37</v>
      </c>
      <c r="H533">
        <v>755.47</v>
      </c>
      <c r="I533">
        <v>828.72</v>
      </c>
      <c r="J533">
        <v>2759</v>
      </c>
      <c r="K533">
        <v>5502</v>
      </c>
      <c r="N533" s="11"/>
    </row>
    <row r="534" spans="2:14">
      <c r="B534" s="2">
        <f t="shared" si="8"/>
        <v>0.5935300925925926</v>
      </c>
      <c r="C534">
        <v>15840</v>
      </c>
      <c r="D534">
        <v>614.22</v>
      </c>
      <c r="E534">
        <v>618.89</v>
      </c>
      <c r="F534">
        <v>612.54999999999995</v>
      </c>
      <c r="G534">
        <v>718.8</v>
      </c>
      <c r="H534">
        <v>759.53</v>
      </c>
      <c r="I534">
        <v>832.41</v>
      </c>
      <c r="J534">
        <v>2739</v>
      </c>
      <c r="K534">
        <v>5472</v>
      </c>
      <c r="N534" s="11"/>
    </row>
    <row r="535" spans="2:14">
      <c r="B535" s="2">
        <f t="shared" si="8"/>
        <v>0.59387731481481487</v>
      </c>
      <c r="C535">
        <v>15870</v>
      </c>
      <c r="D535">
        <v>614.42999999999995</v>
      </c>
      <c r="E535">
        <v>619.16</v>
      </c>
      <c r="F535">
        <v>612.49</v>
      </c>
      <c r="G535">
        <v>719</v>
      </c>
      <c r="H535">
        <v>758</v>
      </c>
      <c r="I535">
        <v>839.44</v>
      </c>
      <c r="J535">
        <v>2719</v>
      </c>
      <c r="K535">
        <v>5475</v>
      </c>
      <c r="N535" s="11"/>
    </row>
    <row r="536" spans="2:14">
      <c r="B536" s="2">
        <f t="shared" si="8"/>
        <v>0.59422453703703704</v>
      </c>
      <c r="C536">
        <v>15900</v>
      </c>
      <c r="D536">
        <v>614.30999999999995</v>
      </c>
      <c r="E536">
        <v>619.17999999999995</v>
      </c>
      <c r="F536">
        <v>612.97</v>
      </c>
      <c r="G536">
        <v>719.61</v>
      </c>
      <c r="H536">
        <v>759.74</v>
      </c>
      <c r="I536">
        <v>839.69</v>
      </c>
      <c r="J536">
        <v>2716</v>
      </c>
      <c r="K536">
        <v>5411</v>
      </c>
      <c r="N536" s="11"/>
    </row>
    <row r="537" spans="2:14">
      <c r="B537" s="2">
        <f t="shared" si="8"/>
        <v>0.5945717592592592</v>
      </c>
      <c r="C537">
        <v>15930</v>
      </c>
      <c r="D537">
        <v>614.26</v>
      </c>
      <c r="E537">
        <v>618.91999999999996</v>
      </c>
      <c r="F537">
        <v>612.84</v>
      </c>
      <c r="G537">
        <v>720.01</v>
      </c>
      <c r="H537">
        <v>760.66</v>
      </c>
      <c r="I537">
        <v>828.8</v>
      </c>
      <c r="J537">
        <v>2726</v>
      </c>
      <c r="K537">
        <v>5328</v>
      </c>
      <c r="N537" s="11"/>
    </row>
    <row r="538" spans="2:14">
      <c r="B538" s="2">
        <f t="shared" si="8"/>
        <v>0.59491898148148148</v>
      </c>
      <c r="C538">
        <v>15960</v>
      </c>
      <c r="D538">
        <v>615.75</v>
      </c>
      <c r="E538">
        <v>619.62</v>
      </c>
      <c r="F538">
        <v>613.15</v>
      </c>
      <c r="G538">
        <v>720.62</v>
      </c>
      <c r="H538">
        <v>764.09</v>
      </c>
      <c r="I538">
        <v>834.61</v>
      </c>
      <c r="J538">
        <v>2722</v>
      </c>
      <c r="K538">
        <v>5237</v>
      </c>
      <c r="N538" s="11"/>
    </row>
    <row r="539" spans="2:14">
      <c r="B539" s="2">
        <f t="shared" si="8"/>
        <v>0.59526620370370364</v>
      </c>
      <c r="C539">
        <v>15990</v>
      </c>
      <c r="D539">
        <v>615.89</v>
      </c>
      <c r="E539">
        <v>619.41999999999996</v>
      </c>
      <c r="F539">
        <v>612.99</v>
      </c>
      <c r="G539">
        <v>721.64</v>
      </c>
      <c r="H539">
        <v>764.41</v>
      </c>
      <c r="I539">
        <v>830.06</v>
      </c>
      <c r="J539">
        <v>2746</v>
      </c>
      <c r="K539">
        <v>5133</v>
      </c>
      <c r="N539" s="11"/>
    </row>
    <row r="540" spans="2:14">
      <c r="B540" s="2">
        <f t="shared" si="8"/>
        <v>0.59561342592592592</v>
      </c>
      <c r="C540">
        <v>16020</v>
      </c>
      <c r="D540">
        <v>617.05999999999995</v>
      </c>
      <c r="E540">
        <v>619.66999999999996</v>
      </c>
      <c r="F540">
        <v>613.4</v>
      </c>
      <c r="G540">
        <v>722.74</v>
      </c>
      <c r="H540">
        <v>765.79</v>
      </c>
      <c r="I540">
        <v>826.74</v>
      </c>
      <c r="J540">
        <v>2783</v>
      </c>
      <c r="K540">
        <v>4972</v>
      </c>
      <c r="N540" s="11"/>
    </row>
    <row r="541" spans="2:14">
      <c r="B541" s="2">
        <f t="shared" si="8"/>
        <v>0.59596064814814809</v>
      </c>
      <c r="C541">
        <v>16050</v>
      </c>
      <c r="D541">
        <v>622.29</v>
      </c>
      <c r="E541">
        <v>620.67999999999995</v>
      </c>
      <c r="F541">
        <v>614.16999999999996</v>
      </c>
      <c r="G541">
        <v>724.61</v>
      </c>
      <c r="H541">
        <v>777.08</v>
      </c>
      <c r="I541">
        <v>820.18</v>
      </c>
      <c r="J541">
        <v>2789</v>
      </c>
      <c r="K541">
        <v>4875</v>
      </c>
      <c r="N541" s="11"/>
    </row>
    <row r="542" spans="2:14">
      <c r="B542" s="2">
        <f t="shared" si="8"/>
        <v>0.59630787037037036</v>
      </c>
      <c r="C542">
        <v>16080</v>
      </c>
      <c r="D542">
        <v>626.97</v>
      </c>
      <c r="E542">
        <v>622.34</v>
      </c>
      <c r="F542">
        <v>615.73</v>
      </c>
      <c r="G542">
        <v>727.06</v>
      </c>
      <c r="H542">
        <v>780.9</v>
      </c>
      <c r="I542">
        <v>818.16</v>
      </c>
      <c r="J542">
        <v>2809</v>
      </c>
      <c r="K542">
        <v>4902</v>
      </c>
      <c r="N542" s="11"/>
    </row>
    <row r="543" spans="2:14">
      <c r="B543" s="2">
        <f t="shared" si="8"/>
        <v>0.59665509259259264</v>
      </c>
      <c r="C543">
        <v>16110</v>
      </c>
      <c r="D543">
        <v>660.58</v>
      </c>
      <c r="E543">
        <v>638.62</v>
      </c>
      <c r="F543">
        <v>629.78</v>
      </c>
      <c r="G543">
        <v>729.45</v>
      </c>
      <c r="H543">
        <v>793.68</v>
      </c>
      <c r="I543">
        <v>819.47</v>
      </c>
      <c r="J543">
        <v>2808</v>
      </c>
      <c r="K543">
        <v>4680</v>
      </c>
      <c r="N543" s="11"/>
    </row>
    <row r="544" spans="2:14">
      <c r="B544" s="2">
        <f t="shared" si="8"/>
        <v>0.59700231481481481</v>
      </c>
      <c r="C544">
        <v>16140</v>
      </c>
      <c r="D544">
        <v>663.64</v>
      </c>
      <c r="E544">
        <v>646.59</v>
      </c>
      <c r="F544">
        <v>634.97</v>
      </c>
      <c r="G544">
        <v>732.18</v>
      </c>
      <c r="H544">
        <v>780.54</v>
      </c>
      <c r="I544">
        <v>822.14</v>
      </c>
      <c r="J544">
        <v>2733</v>
      </c>
      <c r="K544">
        <v>4328</v>
      </c>
      <c r="N544" s="11"/>
    </row>
    <row r="545" spans="2:14">
      <c r="B545" s="2">
        <f t="shared" si="8"/>
        <v>0.59734953703703697</v>
      </c>
      <c r="C545">
        <v>16170</v>
      </c>
      <c r="D545">
        <v>659.53</v>
      </c>
      <c r="E545">
        <v>645.65</v>
      </c>
      <c r="F545">
        <v>634.72</v>
      </c>
      <c r="G545">
        <v>733.53</v>
      </c>
      <c r="H545">
        <v>768.78</v>
      </c>
      <c r="I545">
        <v>823.89</v>
      </c>
      <c r="J545">
        <v>2723</v>
      </c>
      <c r="K545">
        <v>4507</v>
      </c>
      <c r="N545" s="11"/>
    </row>
    <row r="546" spans="2:14">
      <c r="B546" s="2">
        <f t="shared" ref="B546" si="9">C546/24/60/60+$B$3</f>
        <v>0.59769675925925925</v>
      </c>
      <c r="C546">
        <v>16200</v>
      </c>
      <c r="D546">
        <v>660.04</v>
      </c>
      <c r="E546">
        <v>647.09</v>
      </c>
      <c r="F546">
        <v>636.65</v>
      </c>
      <c r="G546">
        <v>734.22</v>
      </c>
      <c r="H546">
        <v>770.09</v>
      </c>
      <c r="I546">
        <v>828.61</v>
      </c>
      <c r="J546">
        <v>2713</v>
      </c>
      <c r="K546">
        <v>4652</v>
      </c>
      <c r="N546" s="11"/>
    </row>
    <row r="547" spans="2:14">
      <c r="B547" s="2">
        <f t="shared" si="8"/>
        <v>0.59804398148148152</v>
      </c>
      <c r="C547">
        <v>16230</v>
      </c>
      <c r="D547">
        <v>661.18</v>
      </c>
      <c r="E547">
        <v>647.80999999999995</v>
      </c>
      <c r="F547">
        <v>636.84</v>
      </c>
      <c r="G547">
        <v>734.2</v>
      </c>
      <c r="H547">
        <v>771.19</v>
      </c>
      <c r="I547">
        <v>818.76</v>
      </c>
      <c r="J547">
        <v>2694</v>
      </c>
      <c r="K547">
        <v>4684</v>
      </c>
      <c r="N547" s="11"/>
    </row>
    <row r="548" spans="2:14">
      <c r="B548" s="2">
        <f t="shared" ref="B548:B611" si="10">C548/24/60/60+$B$3</f>
        <v>0.59839120370370369</v>
      </c>
      <c r="C548">
        <v>16260</v>
      </c>
      <c r="D548">
        <v>661.05</v>
      </c>
      <c r="E548">
        <v>648.34</v>
      </c>
      <c r="F548">
        <v>638.08000000000004</v>
      </c>
      <c r="G548">
        <v>733.71</v>
      </c>
      <c r="H548">
        <v>764.37</v>
      </c>
      <c r="I548">
        <v>794.37</v>
      </c>
      <c r="J548">
        <v>2705</v>
      </c>
      <c r="K548">
        <v>4698</v>
      </c>
      <c r="N548" s="11"/>
    </row>
    <row r="549" spans="2:14">
      <c r="B549" s="2">
        <f t="shared" si="10"/>
        <v>0.59873842592592585</v>
      </c>
      <c r="C549">
        <v>16290</v>
      </c>
      <c r="D549">
        <v>660.1</v>
      </c>
      <c r="E549">
        <v>648.62</v>
      </c>
      <c r="F549">
        <v>638.39</v>
      </c>
      <c r="G549">
        <v>732.29</v>
      </c>
      <c r="H549">
        <v>757.3</v>
      </c>
      <c r="I549">
        <v>798.12</v>
      </c>
      <c r="J549">
        <v>2731</v>
      </c>
      <c r="K549">
        <v>4702</v>
      </c>
      <c r="N549" s="11"/>
    </row>
    <row r="550" spans="2:14">
      <c r="B550" s="2">
        <f t="shared" si="10"/>
        <v>0.59908564814814813</v>
      </c>
      <c r="C550">
        <v>16320</v>
      </c>
      <c r="D550">
        <v>658.81</v>
      </c>
      <c r="E550">
        <v>650.33000000000004</v>
      </c>
      <c r="F550">
        <v>640.29</v>
      </c>
      <c r="G550">
        <v>731.48</v>
      </c>
      <c r="H550">
        <v>759.16</v>
      </c>
      <c r="I550">
        <v>785.89</v>
      </c>
      <c r="J550">
        <v>2738</v>
      </c>
      <c r="K550">
        <v>4739</v>
      </c>
      <c r="N550" s="11"/>
    </row>
    <row r="551" spans="2:14">
      <c r="B551" s="2">
        <f t="shared" si="10"/>
        <v>0.59943287037037041</v>
      </c>
      <c r="C551">
        <v>16350</v>
      </c>
      <c r="D551">
        <v>658.81</v>
      </c>
      <c r="E551">
        <v>650.33000000000004</v>
      </c>
      <c r="F551">
        <v>640.66999999999996</v>
      </c>
      <c r="G551">
        <v>730.49</v>
      </c>
      <c r="H551">
        <v>760.47</v>
      </c>
      <c r="I551">
        <v>777.94</v>
      </c>
      <c r="J551">
        <v>2725</v>
      </c>
      <c r="K551">
        <v>4736</v>
      </c>
      <c r="N551" s="11"/>
    </row>
    <row r="552" spans="2:14">
      <c r="B552" s="2">
        <f t="shared" si="10"/>
        <v>0.59978009259259257</v>
      </c>
      <c r="C552">
        <v>16380</v>
      </c>
      <c r="D552">
        <v>659.52</v>
      </c>
      <c r="E552">
        <v>651.22</v>
      </c>
      <c r="F552">
        <v>641.39</v>
      </c>
      <c r="G552">
        <v>729.5</v>
      </c>
      <c r="H552">
        <v>758.7</v>
      </c>
      <c r="I552">
        <v>781.4</v>
      </c>
      <c r="J552">
        <v>2720</v>
      </c>
      <c r="K552">
        <v>4768</v>
      </c>
      <c r="N552" s="11"/>
    </row>
    <row r="553" spans="2:14">
      <c r="B553" s="2">
        <f t="shared" si="10"/>
        <v>0.60012731481481485</v>
      </c>
      <c r="C553">
        <v>16410</v>
      </c>
      <c r="D553">
        <v>659.45</v>
      </c>
      <c r="E553">
        <v>652.36</v>
      </c>
      <c r="F553">
        <v>642.89</v>
      </c>
      <c r="G553">
        <v>729.41</v>
      </c>
      <c r="H553">
        <v>762.5</v>
      </c>
      <c r="I553">
        <v>803.07</v>
      </c>
      <c r="J553">
        <v>2699</v>
      </c>
      <c r="K553">
        <v>4830</v>
      </c>
      <c r="N553" s="11"/>
    </row>
    <row r="554" spans="2:14">
      <c r="B554" s="2">
        <f t="shared" si="10"/>
        <v>0.60047453703703701</v>
      </c>
      <c r="C554">
        <v>16440</v>
      </c>
      <c r="D554">
        <v>659.79</v>
      </c>
      <c r="E554">
        <v>652.14</v>
      </c>
      <c r="F554">
        <v>643.07000000000005</v>
      </c>
      <c r="G554">
        <v>728.81</v>
      </c>
      <c r="H554">
        <v>757.5</v>
      </c>
      <c r="I554">
        <v>791.53</v>
      </c>
      <c r="J554">
        <v>2701</v>
      </c>
      <c r="K554">
        <v>4807</v>
      </c>
      <c r="N554" s="11"/>
    </row>
    <row r="555" spans="2:14">
      <c r="B555" s="2">
        <f t="shared" si="10"/>
        <v>0.60082175925925929</v>
      </c>
      <c r="C555">
        <v>16470</v>
      </c>
      <c r="D555">
        <v>658.84</v>
      </c>
      <c r="E555">
        <v>652.61</v>
      </c>
      <c r="F555">
        <v>643.87</v>
      </c>
      <c r="G555">
        <v>727.78</v>
      </c>
      <c r="H555">
        <v>752.91</v>
      </c>
      <c r="I555">
        <v>779.19</v>
      </c>
      <c r="J555">
        <v>2708</v>
      </c>
      <c r="K555">
        <v>4794</v>
      </c>
      <c r="N555" s="11"/>
    </row>
    <row r="556" spans="2:14">
      <c r="B556" s="2">
        <f t="shared" si="10"/>
        <v>0.60116898148148146</v>
      </c>
      <c r="C556">
        <v>16500</v>
      </c>
      <c r="D556">
        <v>658.43</v>
      </c>
      <c r="E556">
        <v>652.61</v>
      </c>
      <c r="F556">
        <v>644.42999999999995</v>
      </c>
      <c r="G556">
        <v>727</v>
      </c>
      <c r="H556">
        <v>753.76</v>
      </c>
      <c r="I556">
        <v>783.73</v>
      </c>
      <c r="J556">
        <v>2643</v>
      </c>
      <c r="K556">
        <v>4780</v>
      </c>
      <c r="N556" s="11"/>
    </row>
    <row r="557" spans="2:14">
      <c r="B557" s="2">
        <f t="shared" si="10"/>
        <v>0.60151620370370362</v>
      </c>
      <c r="C557">
        <v>16530</v>
      </c>
      <c r="D557">
        <v>656.2</v>
      </c>
      <c r="E557">
        <v>652.24</v>
      </c>
      <c r="F557">
        <v>644.63</v>
      </c>
      <c r="G557">
        <v>725.97</v>
      </c>
      <c r="H557">
        <v>749.15</v>
      </c>
      <c r="I557">
        <v>787.96</v>
      </c>
      <c r="J557">
        <v>2650</v>
      </c>
      <c r="K557">
        <v>4719</v>
      </c>
      <c r="N557" s="11"/>
    </row>
    <row r="558" spans="2:14">
      <c r="B558" s="2">
        <f t="shared" si="10"/>
        <v>0.6018634259259259</v>
      </c>
      <c r="C558">
        <v>16560</v>
      </c>
      <c r="D558">
        <v>657.74</v>
      </c>
      <c r="E558">
        <v>652.98</v>
      </c>
      <c r="F558">
        <v>645.32000000000005</v>
      </c>
      <c r="G558">
        <v>725.24</v>
      </c>
      <c r="H558">
        <v>752.66</v>
      </c>
      <c r="I558">
        <v>794.8</v>
      </c>
      <c r="J558">
        <v>2666</v>
      </c>
      <c r="K558">
        <v>4719</v>
      </c>
      <c r="N558" s="11"/>
    </row>
    <row r="559" spans="2:14">
      <c r="B559" s="2">
        <f t="shared" si="10"/>
        <v>0.60221064814814818</v>
      </c>
      <c r="C559">
        <v>16590</v>
      </c>
      <c r="D559">
        <v>659.05</v>
      </c>
      <c r="E559">
        <v>653.51</v>
      </c>
      <c r="F559">
        <v>646.13</v>
      </c>
      <c r="G559">
        <v>724.86</v>
      </c>
      <c r="H559">
        <v>751.81</v>
      </c>
      <c r="I559">
        <v>798.38</v>
      </c>
      <c r="J559">
        <v>2670</v>
      </c>
      <c r="K559">
        <v>4706</v>
      </c>
      <c r="N559" s="11"/>
    </row>
    <row r="560" spans="2:14">
      <c r="B560" s="2">
        <f t="shared" si="10"/>
        <v>0.60255787037037034</v>
      </c>
      <c r="C560">
        <v>16620</v>
      </c>
      <c r="D560">
        <v>658.16</v>
      </c>
      <c r="E560">
        <v>653.75</v>
      </c>
      <c r="F560">
        <v>646.66</v>
      </c>
      <c r="G560">
        <v>724.28</v>
      </c>
      <c r="H560">
        <v>752.78</v>
      </c>
      <c r="I560">
        <v>794.5</v>
      </c>
      <c r="J560">
        <v>2666</v>
      </c>
      <c r="K560">
        <v>4729</v>
      </c>
      <c r="N560" s="11"/>
    </row>
    <row r="561" spans="2:14">
      <c r="B561" s="2">
        <f t="shared" si="10"/>
        <v>0.60290509259259262</v>
      </c>
      <c r="C561">
        <v>16650</v>
      </c>
      <c r="D561">
        <v>660.72</v>
      </c>
      <c r="E561">
        <v>654.73</v>
      </c>
      <c r="F561">
        <v>647.46</v>
      </c>
      <c r="G561">
        <v>724.02</v>
      </c>
      <c r="H561">
        <v>753.07</v>
      </c>
      <c r="I561">
        <v>801.73</v>
      </c>
      <c r="J561">
        <v>2658</v>
      </c>
      <c r="K561">
        <v>4710</v>
      </c>
      <c r="N561" s="11"/>
    </row>
    <row r="562" spans="2:14">
      <c r="B562" s="2">
        <f t="shared" si="10"/>
        <v>0.60325231481481478</v>
      </c>
      <c r="C562">
        <v>16680</v>
      </c>
      <c r="D562">
        <v>659.15</v>
      </c>
      <c r="E562">
        <v>656.22</v>
      </c>
      <c r="F562">
        <v>648.48</v>
      </c>
      <c r="G562">
        <v>723.63</v>
      </c>
      <c r="H562">
        <v>755.49</v>
      </c>
      <c r="I562">
        <v>804.89</v>
      </c>
      <c r="J562">
        <v>2650</v>
      </c>
      <c r="K562">
        <v>4729</v>
      </c>
      <c r="N562" s="11"/>
    </row>
    <row r="563" spans="2:14">
      <c r="B563" s="2">
        <f t="shared" si="10"/>
        <v>0.60359953703703706</v>
      </c>
      <c r="C563">
        <v>16710</v>
      </c>
      <c r="D563">
        <v>660.01</v>
      </c>
      <c r="E563">
        <v>655.49</v>
      </c>
      <c r="F563">
        <v>648.64</v>
      </c>
      <c r="G563">
        <v>723.41</v>
      </c>
      <c r="H563">
        <v>754.88</v>
      </c>
      <c r="I563">
        <v>803.89</v>
      </c>
      <c r="J563">
        <v>2642</v>
      </c>
      <c r="K563">
        <v>4749</v>
      </c>
      <c r="N563" s="11"/>
    </row>
    <row r="564" spans="2:14">
      <c r="B564" s="2">
        <f t="shared" si="10"/>
        <v>0.60394675925925922</v>
      </c>
      <c r="C564">
        <v>16740</v>
      </c>
      <c r="D564">
        <v>661.38</v>
      </c>
      <c r="E564">
        <v>656.49</v>
      </c>
      <c r="F564">
        <v>649.73</v>
      </c>
      <c r="G564">
        <v>723.3</v>
      </c>
      <c r="H564">
        <v>754.32</v>
      </c>
      <c r="I564">
        <v>804.93</v>
      </c>
      <c r="J564">
        <v>2628</v>
      </c>
      <c r="K564">
        <v>4716</v>
      </c>
      <c r="N564" s="11"/>
    </row>
    <row r="565" spans="2:14">
      <c r="B565" s="2">
        <f t="shared" si="10"/>
        <v>0.6042939814814815</v>
      </c>
      <c r="C565">
        <v>16770</v>
      </c>
      <c r="D565">
        <v>658.15</v>
      </c>
      <c r="E565">
        <v>655.20000000000005</v>
      </c>
      <c r="F565">
        <v>649.03</v>
      </c>
      <c r="G565">
        <v>722.29</v>
      </c>
      <c r="H565">
        <v>748.27</v>
      </c>
      <c r="I565">
        <v>805.74</v>
      </c>
      <c r="J565">
        <v>2631</v>
      </c>
      <c r="K565">
        <v>4685</v>
      </c>
      <c r="N565" s="11"/>
    </row>
    <row r="566" spans="2:14">
      <c r="B566" s="2">
        <f t="shared" si="10"/>
        <v>0.60464120370370367</v>
      </c>
      <c r="C566">
        <v>16800</v>
      </c>
      <c r="D566">
        <v>660.2</v>
      </c>
      <c r="E566">
        <v>656.12</v>
      </c>
      <c r="F566">
        <v>649.69000000000005</v>
      </c>
      <c r="G566">
        <v>722.49</v>
      </c>
      <c r="H566">
        <v>753.18</v>
      </c>
      <c r="I566">
        <v>809.71</v>
      </c>
      <c r="J566">
        <v>2624</v>
      </c>
      <c r="K566">
        <v>4699</v>
      </c>
      <c r="N566" s="11"/>
    </row>
    <row r="567" spans="2:14">
      <c r="B567" s="2">
        <f t="shared" si="10"/>
        <v>0.60498842592592594</v>
      </c>
      <c r="C567">
        <v>16830</v>
      </c>
      <c r="D567">
        <v>659.87</v>
      </c>
      <c r="E567">
        <v>656.83</v>
      </c>
      <c r="F567">
        <v>650.38</v>
      </c>
      <c r="G567">
        <v>722.36</v>
      </c>
      <c r="H567">
        <v>756.13</v>
      </c>
      <c r="I567">
        <v>805.99</v>
      </c>
      <c r="J567">
        <v>2625</v>
      </c>
      <c r="K567">
        <v>4702</v>
      </c>
      <c r="N567" s="11"/>
    </row>
    <row r="568" spans="2:14">
      <c r="B568" s="2">
        <f t="shared" si="10"/>
        <v>0.60533564814814811</v>
      </c>
      <c r="C568">
        <v>16860</v>
      </c>
      <c r="D568">
        <v>660.47</v>
      </c>
      <c r="E568">
        <v>657.05</v>
      </c>
      <c r="F568">
        <v>650.9</v>
      </c>
      <c r="G568">
        <v>721.96</v>
      </c>
      <c r="H568">
        <v>753.75</v>
      </c>
      <c r="I568">
        <v>810.18</v>
      </c>
      <c r="J568">
        <v>2630</v>
      </c>
      <c r="K568">
        <v>4691</v>
      </c>
      <c r="N568" s="11"/>
    </row>
    <row r="569" spans="2:14">
      <c r="B569" s="2">
        <f t="shared" si="10"/>
        <v>0.60568287037037039</v>
      </c>
      <c r="C569">
        <v>16890</v>
      </c>
      <c r="D569">
        <v>658.11</v>
      </c>
      <c r="E569">
        <v>656.63</v>
      </c>
      <c r="F569">
        <v>650.73</v>
      </c>
      <c r="G569">
        <v>721.49</v>
      </c>
      <c r="H569">
        <v>752.65</v>
      </c>
      <c r="I569">
        <v>811.37</v>
      </c>
      <c r="J569">
        <v>2638</v>
      </c>
      <c r="K569">
        <v>4680</v>
      </c>
      <c r="N569" s="11"/>
    </row>
    <row r="570" spans="2:14">
      <c r="B570" s="2">
        <f t="shared" si="10"/>
        <v>0.60603009259259255</v>
      </c>
      <c r="C570">
        <v>16920</v>
      </c>
      <c r="D570">
        <v>661.79</v>
      </c>
      <c r="E570">
        <v>658.17</v>
      </c>
      <c r="F570">
        <v>651.82000000000005</v>
      </c>
      <c r="G570">
        <v>721.59</v>
      </c>
      <c r="H570">
        <v>761.33</v>
      </c>
      <c r="I570">
        <v>812.98</v>
      </c>
      <c r="J570">
        <v>2606</v>
      </c>
      <c r="K570">
        <v>4692</v>
      </c>
      <c r="N570" s="11"/>
    </row>
    <row r="571" spans="2:14">
      <c r="B571" s="2">
        <f t="shared" si="10"/>
        <v>0.60637731481481483</v>
      </c>
      <c r="C571">
        <v>16950</v>
      </c>
      <c r="D571">
        <v>661.21</v>
      </c>
      <c r="E571">
        <v>658.51</v>
      </c>
      <c r="F571">
        <v>652.51</v>
      </c>
      <c r="G571">
        <v>721.67</v>
      </c>
      <c r="H571">
        <v>756.58</v>
      </c>
      <c r="I571">
        <v>812.55</v>
      </c>
      <c r="J571">
        <v>2627</v>
      </c>
      <c r="K571">
        <v>4678</v>
      </c>
      <c r="N571" s="11"/>
    </row>
    <row r="572" spans="2:14">
      <c r="B572" s="2">
        <f t="shared" si="10"/>
        <v>0.60672453703703699</v>
      </c>
      <c r="C572">
        <v>16980</v>
      </c>
      <c r="D572">
        <v>659.89</v>
      </c>
      <c r="E572">
        <v>657.88</v>
      </c>
      <c r="F572">
        <v>652.46</v>
      </c>
      <c r="G572">
        <v>721.34</v>
      </c>
      <c r="H572">
        <v>754.94</v>
      </c>
      <c r="I572">
        <v>815.02</v>
      </c>
      <c r="J572">
        <v>2635</v>
      </c>
      <c r="K572">
        <v>4659</v>
      </c>
      <c r="N572" s="11"/>
    </row>
    <row r="573" spans="2:14">
      <c r="B573" s="2">
        <f t="shared" si="10"/>
        <v>0.60707175925925927</v>
      </c>
      <c r="C573">
        <v>17010</v>
      </c>
      <c r="D573">
        <v>662.9</v>
      </c>
      <c r="E573">
        <v>659.49</v>
      </c>
      <c r="F573">
        <v>653.75</v>
      </c>
      <c r="G573">
        <v>721.8</v>
      </c>
      <c r="H573">
        <v>762.86</v>
      </c>
      <c r="I573">
        <v>813.55</v>
      </c>
      <c r="J573">
        <v>2615</v>
      </c>
      <c r="K573">
        <v>4649</v>
      </c>
      <c r="N573" s="11"/>
    </row>
    <row r="574" spans="2:14">
      <c r="B574" s="2">
        <f t="shared" si="10"/>
        <v>0.60741898148148143</v>
      </c>
      <c r="C574">
        <v>17040</v>
      </c>
      <c r="D574">
        <v>659.54</v>
      </c>
      <c r="E574">
        <v>657.76</v>
      </c>
      <c r="F574">
        <v>652.77</v>
      </c>
      <c r="G574">
        <v>720.99</v>
      </c>
      <c r="H574">
        <v>752.24</v>
      </c>
      <c r="I574">
        <v>813.75</v>
      </c>
      <c r="J574">
        <v>2651</v>
      </c>
      <c r="K574">
        <v>4623</v>
      </c>
      <c r="N574" s="11"/>
    </row>
    <row r="575" spans="2:14">
      <c r="B575" s="2">
        <f t="shared" si="10"/>
        <v>0.60776620370370371</v>
      </c>
      <c r="C575">
        <v>17070</v>
      </c>
      <c r="D575">
        <v>662.26</v>
      </c>
      <c r="E575">
        <v>659.05</v>
      </c>
      <c r="F575">
        <v>654.02</v>
      </c>
      <c r="G575">
        <v>721.36</v>
      </c>
      <c r="H575">
        <v>761.24</v>
      </c>
      <c r="I575">
        <v>817.94</v>
      </c>
      <c r="J575">
        <v>2632</v>
      </c>
      <c r="K575">
        <v>4632</v>
      </c>
      <c r="N575" s="11"/>
    </row>
    <row r="576" spans="2:14">
      <c r="B576" s="2">
        <f t="shared" si="10"/>
        <v>0.60811342592592588</v>
      </c>
      <c r="C576">
        <v>17100</v>
      </c>
      <c r="D576">
        <v>661.37</v>
      </c>
      <c r="E576">
        <v>658.7</v>
      </c>
      <c r="F576">
        <v>653.95000000000005</v>
      </c>
      <c r="G576">
        <v>721.01</v>
      </c>
      <c r="H576">
        <v>755.27</v>
      </c>
      <c r="I576">
        <v>817.76</v>
      </c>
      <c r="J576">
        <v>2648</v>
      </c>
      <c r="K576">
        <v>4640</v>
      </c>
      <c r="N576" s="11"/>
    </row>
    <row r="577" spans="2:14">
      <c r="B577" s="2">
        <f t="shared" si="10"/>
        <v>0.60846064814814815</v>
      </c>
      <c r="C577">
        <v>17130</v>
      </c>
      <c r="D577">
        <v>663.51</v>
      </c>
      <c r="E577">
        <v>660.3</v>
      </c>
      <c r="F577">
        <v>655.08000000000004</v>
      </c>
      <c r="G577">
        <v>721.35</v>
      </c>
      <c r="H577">
        <v>758.92</v>
      </c>
      <c r="I577">
        <v>817.28</v>
      </c>
      <c r="J577">
        <v>2653</v>
      </c>
      <c r="K577">
        <v>4575</v>
      </c>
      <c r="N577" s="11"/>
    </row>
    <row r="578" spans="2:14">
      <c r="B578" s="2">
        <f t="shared" si="10"/>
        <v>0.60880787037037032</v>
      </c>
      <c r="C578">
        <v>17160</v>
      </c>
      <c r="D578">
        <v>661.45</v>
      </c>
      <c r="E578">
        <v>659.08</v>
      </c>
      <c r="F578">
        <v>654.62</v>
      </c>
      <c r="G578">
        <v>720.73</v>
      </c>
      <c r="H578">
        <v>755.67</v>
      </c>
      <c r="I578">
        <v>818.6</v>
      </c>
      <c r="J578">
        <v>2671</v>
      </c>
      <c r="K578">
        <v>4564</v>
      </c>
      <c r="N578" s="11"/>
    </row>
    <row r="579" spans="2:14">
      <c r="B579" s="2">
        <f t="shared" si="10"/>
        <v>0.6091550925925926</v>
      </c>
      <c r="C579">
        <v>17190</v>
      </c>
      <c r="D579">
        <v>660.64</v>
      </c>
      <c r="E579">
        <v>659.38</v>
      </c>
      <c r="F579">
        <v>654.86</v>
      </c>
      <c r="G579">
        <v>720.94</v>
      </c>
      <c r="H579">
        <v>755.18</v>
      </c>
      <c r="I579">
        <v>816.11</v>
      </c>
      <c r="J579">
        <v>2689</v>
      </c>
      <c r="K579">
        <v>4520</v>
      </c>
      <c r="N579" s="11"/>
    </row>
    <row r="580" spans="2:14">
      <c r="B580" s="2">
        <f t="shared" si="10"/>
        <v>0.60950231481481487</v>
      </c>
      <c r="C580">
        <v>17220</v>
      </c>
      <c r="D580">
        <v>663.4</v>
      </c>
      <c r="E580">
        <v>660.09</v>
      </c>
      <c r="F580">
        <v>655.29</v>
      </c>
      <c r="G580">
        <v>721.14</v>
      </c>
      <c r="H580">
        <v>760.83</v>
      </c>
      <c r="I580">
        <v>812.11</v>
      </c>
      <c r="J580">
        <v>2719</v>
      </c>
      <c r="K580">
        <v>4560</v>
      </c>
      <c r="N580" s="11"/>
    </row>
    <row r="581" spans="2:14">
      <c r="B581" s="2">
        <f t="shared" si="10"/>
        <v>0.60984953703703704</v>
      </c>
      <c r="C581">
        <v>17250</v>
      </c>
      <c r="D581">
        <v>666.17</v>
      </c>
      <c r="E581">
        <v>662.06</v>
      </c>
      <c r="F581">
        <v>657.05</v>
      </c>
      <c r="G581">
        <v>721.81</v>
      </c>
      <c r="H581">
        <v>764.27</v>
      </c>
      <c r="I581">
        <v>818.04</v>
      </c>
      <c r="J581">
        <v>2718</v>
      </c>
      <c r="K581">
        <v>4548</v>
      </c>
      <c r="N581" s="11"/>
    </row>
    <row r="582" spans="2:14">
      <c r="B582" s="2">
        <f t="shared" si="10"/>
        <v>0.6101967592592592</v>
      </c>
      <c r="C582">
        <v>17280</v>
      </c>
      <c r="D582">
        <v>666.24</v>
      </c>
      <c r="E582">
        <v>662.93</v>
      </c>
      <c r="F582">
        <v>657.51</v>
      </c>
      <c r="G582">
        <v>722.48</v>
      </c>
      <c r="H582">
        <v>763.61</v>
      </c>
      <c r="I582">
        <v>817.09</v>
      </c>
      <c r="J582">
        <v>2712</v>
      </c>
      <c r="K582">
        <v>4552</v>
      </c>
      <c r="N582" s="11"/>
    </row>
    <row r="583" spans="2:14">
      <c r="B583" s="2">
        <f t="shared" si="10"/>
        <v>0.61054398148148148</v>
      </c>
      <c r="C583">
        <v>17310</v>
      </c>
      <c r="D583">
        <v>665.87</v>
      </c>
      <c r="E583">
        <v>662.5</v>
      </c>
      <c r="F583">
        <v>657.69</v>
      </c>
      <c r="G583">
        <v>723</v>
      </c>
      <c r="H583">
        <v>764.45</v>
      </c>
      <c r="I583">
        <v>817.9</v>
      </c>
      <c r="J583">
        <v>2712</v>
      </c>
      <c r="K583">
        <v>4577</v>
      </c>
      <c r="N583" s="11"/>
    </row>
    <row r="584" spans="2:14">
      <c r="B584" s="2">
        <f t="shared" si="10"/>
        <v>0.61089120370370364</v>
      </c>
      <c r="C584">
        <v>17340</v>
      </c>
      <c r="D584">
        <v>665.64</v>
      </c>
      <c r="E584">
        <v>662.97</v>
      </c>
      <c r="F584">
        <v>658.12</v>
      </c>
      <c r="G584">
        <v>722.83</v>
      </c>
      <c r="H584">
        <v>765.06</v>
      </c>
      <c r="I584">
        <v>815.38</v>
      </c>
      <c r="J584">
        <v>2706</v>
      </c>
      <c r="K584">
        <v>4608</v>
      </c>
      <c r="N584" s="11"/>
    </row>
    <row r="585" spans="2:14">
      <c r="B585" s="2">
        <f t="shared" si="10"/>
        <v>0.61123842592592592</v>
      </c>
      <c r="C585">
        <v>17370</v>
      </c>
      <c r="D585">
        <v>665.04</v>
      </c>
      <c r="E585">
        <v>662.9</v>
      </c>
      <c r="F585">
        <v>658.51</v>
      </c>
      <c r="G585">
        <v>723.12</v>
      </c>
      <c r="H585">
        <v>764.59</v>
      </c>
      <c r="I585">
        <v>819.65</v>
      </c>
      <c r="J585">
        <v>2718</v>
      </c>
      <c r="K585">
        <v>4592</v>
      </c>
      <c r="N585" s="11"/>
    </row>
    <row r="586" spans="2:14">
      <c r="B586" s="2">
        <f t="shared" si="10"/>
        <v>0.61158564814814809</v>
      </c>
      <c r="C586">
        <v>17400</v>
      </c>
      <c r="D586">
        <v>668</v>
      </c>
      <c r="E586">
        <v>664.68</v>
      </c>
      <c r="F586">
        <v>660.1</v>
      </c>
      <c r="G586">
        <v>723.37</v>
      </c>
      <c r="H586">
        <v>771.14</v>
      </c>
      <c r="I586">
        <v>823.33</v>
      </c>
      <c r="J586">
        <v>2702</v>
      </c>
      <c r="K586">
        <v>4590</v>
      </c>
      <c r="N586" s="11"/>
    </row>
    <row r="587" spans="2:14">
      <c r="B587" s="2">
        <f t="shared" si="10"/>
        <v>0.61193287037037036</v>
      </c>
      <c r="C587">
        <v>17430</v>
      </c>
      <c r="D587">
        <v>665.78</v>
      </c>
      <c r="E587">
        <v>664.25</v>
      </c>
      <c r="F587">
        <v>659.89</v>
      </c>
      <c r="G587">
        <v>723.88</v>
      </c>
      <c r="H587">
        <v>766.35</v>
      </c>
      <c r="I587">
        <v>821.92</v>
      </c>
      <c r="J587">
        <v>2718</v>
      </c>
      <c r="K587">
        <v>4561</v>
      </c>
      <c r="N587" s="11"/>
    </row>
    <row r="588" spans="2:14">
      <c r="B588" s="2">
        <f t="shared" si="10"/>
        <v>0.61228009259259264</v>
      </c>
      <c r="C588">
        <v>17460</v>
      </c>
      <c r="D588">
        <v>665.9</v>
      </c>
      <c r="E588">
        <v>663.9</v>
      </c>
      <c r="F588">
        <v>659.62</v>
      </c>
      <c r="G588">
        <v>724.43</v>
      </c>
      <c r="H588">
        <v>766.33</v>
      </c>
      <c r="I588">
        <v>828.37</v>
      </c>
      <c r="J588">
        <v>2728</v>
      </c>
      <c r="K588">
        <v>4553</v>
      </c>
      <c r="N588" s="11"/>
    </row>
    <row r="589" spans="2:14">
      <c r="B589" s="2">
        <f t="shared" si="10"/>
        <v>0.61262731481481481</v>
      </c>
      <c r="C589">
        <v>17490</v>
      </c>
      <c r="D589">
        <v>669.34</v>
      </c>
      <c r="E589">
        <v>665.43</v>
      </c>
      <c r="F589">
        <v>660.97</v>
      </c>
      <c r="G589">
        <v>725.43</v>
      </c>
      <c r="H589">
        <v>774.41</v>
      </c>
      <c r="I589">
        <v>817.93</v>
      </c>
      <c r="J589">
        <v>2704</v>
      </c>
      <c r="K589">
        <v>4584</v>
      </c>
      <c r="N589" s="11"/>
    </row>
    <row r="590" spans="2:14">
      <c r="B590" s="2">
        <f t="shared" si="10"/>
        <v>0.61297453703703697</v>
      </c>
      <c r="C590">
        <v>17520</v>
      </c>
      <c r="D590">
        <v>669.26</v>
      </c>
      <c r="E590">
        <v>665.88</v>
      </c>
      <c r="F590">
        <v>661.68</v>
      </c>
      <c r="G590">
        <v>726.07</v>
      </c>
      <c r="H590">
        <v>770.11</v>
      </c>
      <c r="I590">
        <v>820.46</v>
      </c>
      <c r="J590">
        <v>2719</v>
      </c>
      <c r="K590">
        <v>4554</v>
      </c>
      <c r="N590" s="11"/>
    </row>
    <row r="591" spans="2:14">
      <c r="B591" s="2">
        <f t="shared" si="10"/>
        <v>0.61332175925925925</v>
      </c>
      <c r="C591">
        <v>17550</v>
      </c>
      <c r="D591">
        <v>670.82</v>
      </c>
      <c r="E591">
        <v>666.73</v>
      </c>
      <c r="F591">
        <v>662.08</v>
      </c>
      <c r="G591">
        <v>726.43</v>
      </c>
      <c r="H591">
        <v>772.97</v>
      </c>
      <c r="I591">
        <v>829.13</v>
      </c>
      <c r="J591">
        <v>2701</v>
      </c>
      <c r="K591">
        <v>4573</v>
      </c>
      <c r="N591" s="11"/>
    </row>
    <row r="592" spans="2:14">
      <c r="B592" s="2">
        <f t="shared" si="10"/>
        <v>0.61366898148148152</v>
      </c>
      <c r="C592">
        <v>17580</v>
      </c>
      <c r="D592">
        <v>668.82</v>
      </c>
      <c r="E592">
        <v>666.27</v>
      </c>
      <c r="F592">
        <v>662.06</v>
      </c>
      <c r="G592">
        <v>726.59</v>
      </c>
      <c r="H592">
        <v>772.09</v>
      </c>
      <c r="I592">
        <v>823.99</v>
      </c>
      <c r="J592">
        <v>2712</v>
      </c>
      <c r="K592">
        <v>4587</v>
      </c>
      <c r="N592" s="11"/>
    </row>
    <row r="593" spans="2:14">
      <c r="B593" s="2">
        <f t="shared" si="10"/>
        <v>0.61401620370370369</v>
      </c>
      <c r="C593">
        <v>17610</v>
      </c>
      <c r="D593">
        <v>670.09</v>
      </c>
      <c r="E593">
        <v>666.58</v>
      </c>
      <c r="F593">
        <v>662.72</v>
      </c>
      <c r="G593">
        <v>727.09</v>
      </c>
      <c r="H593">
        <v>774</v>
      </c>
      <c r="I593">
        <v>821.77</v>
      </c>
      <c r="J593">
        <v>2706</v>
      </c>
      <c r="K593">
        <v>4564</v>
      </c>
      <c r="N593" s="11"/>
    </row>
    <row r="594" spans="2:14">
      <c r="B594" s="2">
        <f t="shared" si="10"/>
        <v>0.61436342592592585</v>
      </c>
      <c r="C594">
        <v>17640</v>
      </c>
      <c r="D594">
        <v>669.08</v>
      </c>
      <c r="E594">
        <v>666.49</v>
      </c>
      <c r="F594">
        <v>662.53</v>
      </c>
      <c r="G594">
        <v>726.73</v>
      </c>
      <c r="H594">
        <v>771.57</v>
      </c>
      <c r="I594">
        <v>830.58</v>
      </c>
      <c r="J594">
        <v>2724</v>
      </c>
      <c r="K594">
        <v>4564</v>
      </c>
      <c r="N594" s="11"/>
    </row>
    <row r="595" spans="2:14">
      <c r="B595" s="2">
        <f t="shared" si="10"/>
        <v>0.61471064814814813</v>
      </c>
      <c r="C595">
        <v>17670</v>
      </c>
      <c r="D595">
        <v>671.39</v>
      </c>
      <c r="E595">
        <v>667.47</v>
      </c>
      <c r="F595">
        <v>663.77</v>
      </c>
      <c r="G595">
        <v>727.44</v>
      </c>
      <c r="H595">
        <v>776.65</v>
      </c>
      <c r="I595">
        <v>824.39</v>
      </c>
      <c r="J595">
        <v>2715</v>
      </c>
      <c r="K595">
        <v>4546</v>
      </c>
      <c r="N595" s="11"/>
    </row>
    <row r="596" spans="2:14">
      <c r="B596" s="2">
        <f t="shared" si="10"/>
        <v>0.61505787037037041</v>
      </c>
      <c r="C596">
        <v>17700</v>
      </c>
      <c r="D596">
        <v>669.81</v>
      </c>
      <c r="E596">
        <v>667.03</v>
      </c>
      <c r="F596">
        <v>663.44</v>
      </c>
      <c r="G596">
        <v>727.74</v>
      </c>
      <c r="H596">
        <v>772.76</v>
      </c>
      <c r="I596">
        <v>825.95</v>
      </c>
      <c r="J596">
        <v>2733</v>
      </c>
      <c r="K596">
        <v>4504</v>
      </c>
      <c r="N596" s="11"/>
    </row>
    <row r="597" spans="2:14">
      <c r="B597" s="2">
        <f t="shared" si="10"/>
        <v>0.61540509259259257</v>
      </c>
      <c r="C597">
        <v>17730</v>
      </c>
      <c r="D597">
        <v>671.08</v>
      </c>
      <c r="E597">
        <v>667.4</v>
      </c>
      <c r="F597">
        <v>663.43</v>
      </c>
      <c r="G597">
        <v>728.49</v>
      </c>
      <c r="H597">
        <v>776.69</v>
      </c>
      <c r="I597">
        <v>823.02</v>
      </c>
      <c r="J597">
        <v>2723</v>
      </c>
      <c r="K597">
        <v>4527</v>
      </c>
      <c r="N597" s="11"/>
    </row>
    <row r="598" spans="2:14">
      <c r="B598" s="2">
        <f t="shared" si="10"/>
        <v>0.61575231481481485</v>
      </c>
      <c r="C598">
        <v>17760</v>
      </c>
      <c r="D598">
        <v>669.97</v>
      </c>
      <c r="E598">
        <v>667.45</v>
      </c>
      <c r="F598">
        <v>663.77</v>
      </c>
      <c r="G598">
        <v>728.67</v>
      </c>
      <c r="H598">
        <v>773.33</v>
      </c>
      <c r="I598">
        <v>829.69</v>
      </c>
      <c r="J598">
        <v>2739</v>
      </c>
      <c r="K598">
        <v>4536</v>
      </c>
      <c r="N598" s="11"/>
    </row>
    <row r="599" spans="2:14">
      <c r="B599" s="2">
        <f t="shared" si="10"/>
        <v>0.61609953703703701</v>
      </c>
      <c r="C599">
        <v>17790</v>
      </c>
      <c r="D599">
        <v>671.68</v>
      </c>
      <c r="E599">
        <v>668.16</v>
      </c>
      <c r="F599">
        <v>664.31</v>
      </c>
      <c r="G599">
        <v>728.9</v>
      </c>
      <c r="H599">
        <v>776.79</v>
      </c>
      <c r="I599">
        <v>830.79</v>
      </c>
      <c r="J599">
        <v>2731</v>
      </c>
      <c r="K599">
        <v>4532</v>
      </c>
      <c r="N599" s="11"/>
    </row>
    <row r="600" spans="2:14">
      <c r="B600" s="2">
        <f t="shared" si="10"/>
        <v>0.61644675925925929</v>
      </c>
      <c r="C600">
        <v>17820</v>
      </c>
      <c r="D600">
        <v>671.37</v>
      </c>
      <c r="E600">
        <v>668.25</v>
      </c>
      <c r="F600">
        <v>664.7</v>
      </c>
      <c r="G600">
        <v>729.56</v>
      </c>
      <c r="H600">
        <v>775.75</v>
      </c>
      <c r="I600">
        <v>827.24</v>
      </c>
      <c r="J600">
        <v>2740</v>
      </c>
      <c r="K600">
        <v>4507</v>
      </c>
      <c r="N600" s="11"/>
    </row>
    <row r="601" spans="2:14">
      <c r="B601" s="2">
        <f t="shared" si="10"/>
        <v>0.61679398148148146</v>
      </c>
      <c r="C601">
        <v>17850</v>
      </c>
      <c r="D601">
        <v>672.13</v>
      </c>
      <c r="E601">
        <v>668.43</v>
      </c>
      <c r="F601">
        <v>665.29</v>
      </c>
      <c r="G601">
        <v>729.9</v>
      </c>
      <c r="H601">
        <v>775.94</v>
      </c>
      <c r="I601">
        <v>830.57</v>
      </c>
      <c r="J601">
        <v>2746</v>
      </c>
      <c r="K601">
        <v>4495</v>
      </c>
      <c r="N601" s="11"/>
    </row>
    <row r="602" spans="2:14">
      <c r="B602" s="2">
        <f t="shared" si="10"/>
        <v>0.61714120370370362</v>
      </c>
      <c r="C602">
        <v>17880</v>
      </c>
      <c r="D602">
        <v>673.74</v>
      </c>
      <c r="E602">
        <v>669.5</v>
      </c>
      <c r="F602">
        <v>665.37</v>
      </c>
      <c r="G602">
        <v>730.08</v>
      </c>
      <c r="H602">
        <v>781.56</v>
      </c>
      <c r="I602">
        <v>830.92</v>
      </c>
      <c r="J602">
        <v>2721</v>
      </c>
      <c r="K602">
        <v>4485</v>
      </c>
      <c r="N602" s="11"/>
    </row>
    <row r="603" spans="2:14">
      <c r="B603" s="2">
        <f t="shared" si="10"/>
        <v>0.6174884259259259</v>
      </c>
      <c r="C603">
        <v>17910</v>
      </c>
      <c r="D603">
        <v>672.51</v>
      </c>
      <c r="E603">
        <v>669.82</v>
      </c>
      <c r="F603">
        <v>666.16</v>
      </c>
      <c r="G603">
        <v>730.94</v>
      </c>
      <c r="H603">
        <v>779.64</v>
      </c>
      <c r="I603">
        <v>833.05</v>
      </c>
      <c r="J603">
        <v>2712</v>
      </c>
      <c r="K603">
        <v>4507</v>
      </c>
      <c r="N603" s="11"/>
    </row>
    <row r="604" spans="2:14">
      <c r="B604" s="2">
        <f t="shared" si="10"/>
        <v>0.61783564814814818</v>
      </c>
      <c r="C604">
        <v>17940</v>
      </c>
      <c r="D604">
        <v>672.23</v>
      </c>
      <c r="E604">
        <v>669.71</v>
      </c>
      <c r="F604">
        <v>666.14</v>
      </c>
      <c r="G604">
        <v>731.87</v>
      </c>
      <c r="H604">
        <v>778.9</v>
      </c>
      <c r="I604">
        <v>826.38</v>
      </c>
      <c r="J604">
        <v>2727</v>
      </c>
      <c r="K604">
        <v>4516</v>
      </c>
      <c r="N604" s="11"/>
    </row>
    <row r="605" spans="2:14">
      <c r="B605" s="2">
        <f t="shared" si="10"/>
        <v>0.61818287037037034</v>
      </c>
      <c r="C605">
        <v>17970</v>
      </c>
      <c r="D605">
        <v>675.07</v>
      </c>
      <c r="E605">
        <v>670.43</v>
      </c>
      <c r="F605">
        <v>666.89</v>
      </c>
      <c r="G605">
        <v>732.53</v>
      </c>
      <c r="H605">
        <v>784.79</v>
      </c>
      <c r="I605">
        <v>835.96</v>
      </c>
      <c r="J605">
        <v>2702</v>
      </c>
      <c r="K605">
        <v>4536</v>
      </c>
      <c r="N605" s="11"/>
    </row>
    <row r="606" spans="2:14">
      <c r="B606" s="2">
        <f t="shared" si="10"/>
        <v>0.61853009259259262</v>
      </c>
      <c r="C606">
        <v>18000</v>
      </c>
      <c r="D606">
        <v>673.27</v>
      </c>
      <c r="E606">
        <v>670.71</v>
      </c>
      <c r="F606">
        <v>667.16</v>
      </c>
      <c r="G606">
        <v>733.32</v>
      </c>
      <c r="H606">
        <v>780.8</v>
      </c>
      <c r="I606">
        <v>834.6</v>
      </c>
      <c r="J606">
        <v>2726</v>
      </c>
      <c r="K606">
        <v>4528</v>
      </c>
      <c r="N606" s="11"/>
    </row>
    <row r="607" spans="2:14">
      <c r="B607" s="2">
        <f t="shared" si="10"/>
        <v>0.61887731481481478</v>
      </c>
      <c r="C607">
        <v>18030</v>
      </c>
      <c r="D607">
        <v>674.97</v>
      </c>
      <c r="E607">
        <v>671.14</v>
      </c>
      <c r="F607">
        <v>667.34</v>
      </c>
      <c r="G607">
        <v>733.24</v>
      </c>
      <c r="H607">
        <v>783.63</v>
      </c>
      <c r="I607">
        <v>831.06</v>
      </c>
      <c r="J607">
        <v>2726</v>
      </c>
      <c r="K607">
        <v>4536</v>
      </c>
      <c r="N607" s="11"/>
    </row>
    <row r="608" spans="2:14">
      <c r="B608" s="2">
        <f t="shared" si="10"/>
        <v>0.61922453703703706</v>
      </c>
      <c r="C608">
        <v>18060</v>
      </c>
      <c r="D608">
        <v>674.77</v>
      </c>
      <c r="E608">
        <v>671.48</v>
      </c>
      <c r="F608">
        <v>667.9</v>
      </c>
      <c r="G608">
        <v>733.78</v>
      </c>
      <c r="H608">
        <v>783.82</v>
      </c>
      <c r="I608">
        <v>837.61</v>
      </c>
      <c r="J608">
        <v>2723</v>
      </c>
      <c r="K608">
        <v>4519</v>
      </c>
      <c r="N608" s="11"/>
    </row>
    <row r="609" spans="2:14">
      <c r="B609" s="2">
        <f t="shared" si="10"/>
        <v>0.61957175925925922</v>
      </c>
      <c r="C609">
        <v>18090</v>
      </c>
      <c r="D609">
        <v>674.34</v>
      </c>
      <c r="E609">
        <v>670.3</v>
      </c>
      <c r="F609">
        <v>667.66</v>
      </c>
      <c r="G609">
        <v>734.06</v>
      </c>
      <c r="H609">
        <v>781.15</v>
      </c>
      <c r="I609">
        <v>838.92</v>
      </c>
      <c r="J609">
        <v>2739</v>
      </c>
      <c r="K609">
        <v>4514</v>
      </c>
      <c r="N609" s="11"/>
    </row>
    <row r="610" spans="2:14">
      <c r="B610" s="2">
        <f t="shared" si="10"/>
        <v>0.6199189814814815</v>
      </c>
      <c r="C610">
        <v>18120</v>
      </c>
      <c r="D610">
        <v>676.82</v>
      </c>
      <c r="E610">
        <v>671.75</v>
      </c>
      <c r="F610">
        <v>668.32</v>
      </c>
      <c r="G610">
        <v>734.13</v>
      </c>
      <c r="H610">
        <v>785.2</v>
      </c>
      <c r="I610">
        <v>835.33</v>
      </c>
      <c r="J610">
        <v>2735</v>
      </c>
      <c r="K610">
        <v>4523</v>
      </c>
      <c r="N610" s="11"/>
    </row>
    <row r="611" spans="2:14">
      <c r="B611" s="2">
        <f t="shared" si="10"/>
        <v>0.62026620370370367</v>
      </c>
      <c r="C611">
        <v>18150</v>
      </c>
      <c r="D611">
        <v>677.02</v>
      </c>
      <c r="E611">
        <v>671.54</v>
      </c>
      <c r="F611">
        <v>668.42</v>
      </c>
      <c r="G611">
        <v>734.47</v>
      </c>
      <c r="H611">
        <v>783.39</v>
      </c>
      <c r="I611">
        <v>835.31</v>
      </c>
      <c r="J611">
        <v>2748</v>
      </c>
      <c r="K611">
        <v>4491</v>
      </c>
      <c r="N611" s="11"/>
    </row>
    <row r="612" spans="2:14">
      <c r="B612" s="2">
        <f t="shared" ref="B612:B675" si="11">C612/24/60/60+$B$3</f>
        <v>0.62061342592592594</v>
      </c>
      <c r="C612">
        <v>18180</v>
      </c>
      <c r="D612">
        <v>676.95</v>
      </c>
      <c r="E612">
        <v>671.53</v>
      </c>
      <c r="F612">
        <v>668.73</v>
      </c>
      <c r="G612">
        <v>735.45</v>
      </c>
      <c r="H612">
        <v>781.33</v>
      </c>
      <c r="I612">
        <v>829.87</v>
      </c>
      <c r="J612">
        <v>2766</v>
      </c>
      <c r="K612">
        <v>4445</v>
      </c>
      <c r="N612" s="11"/>
    </row>
    <row r="613" spans="2:14">
      <c r="B613" s="2">
        <f t="shared" si="11"/>
        <v>0.62096064814814811</v>
      </c>
      <c r="C613">
        <v>18210</v>
      </c>
      <c r="D613">
        <v>680.78</v>
      </c>
      <c r="E613">
        <v>673.3</v>
      </c>
      <c r="F613">
        <v>669.75</v>
      </c>
      <c r="G613">
        <v>735.75</v>
      </c>
      <c r="H613">
        <v>788.6</v>
      </c>
      <c r="I613">
        <v>832.82</v>
      </c>
      <c r="J613">
        <v>2735</v>
      </c>
      <c r="K613">
        <v>4470</v>
      </c>
      <c r="N613" s="11"/>
    </row>
    <row r="614" spans="2:14">
      <c r="B614" s="2">
        <f t="shared" si="11"/>
        <v>0.62130787037037039</v>
      </c>
      <c r="C614">
        <v>18240</v>
      </c>
      <c r="D614">
        <v>677.46</v>
      </c>
      <c r="E614">
        <v>673.17</v>
      </c>
      <c r="F614">
        <v>669.56</v>
      </c>
      <c r="G614">
        <v>736.1</v>
      </c>
      <c r="H614">
        <v>784.56</v>
      </c>
      <c r="I614">
        <v>834.85</v>
      </c>
      <c r="J614">
        <v>2739</v>
      </c>
      <c r="K614">
        <v>4435</v>
      </c>
      <c r="N614" s="11"/>
    </row>
    <row r="615" spans="2:14">
      <c r="B615" s="2">
        <f t="shared" si="11"/>
        <v>0.62165509259259255</v>
      </c>
      <c r="C615">
        <v>18270</v>
      </c>
      <c r="D615">
        <v>676.04</v>
      </c>
      <c r="E615">
        <v>672.71</v>
      </c>
      <c r="F615">
        <v>669.28</v>
      </c>
      <c r="G615">
        <v>736.36</v>
      </c>
      <c r="H615">
        <v>783.64</v>
      </c>
      <c r="I615">
        <v>833.32</v>
      </c>
      <c r="J615">
        <v>2740</v>
      </c>
      <c r="K615">
        <v>4463</v>
      </c>
      <c r="N615" s="11"/>
    </row>
    <row r="616" spans="2:14">
      <c r="B616" s="2">
        <f t="shared" si="11"/>
        <v>0.62200231481481483</v>
      </c>
      <c r="C616">
        <v>18300</v>
      </c>
      <c r="D616">
        <v>677</v>
      </c>
      <c r="E616">
        <v>672.33</v>
      </c>
      <c r="F616">
        <v>669.38</v>
      </c>
      <c r="G616">
        <v>737.24</v>
      </c>
      <c r="H616">
        <v>784.38</v>
      </c>
      <c r="I616">
        <v>838.6</v>
      </c>
      <c r="J616">
        <v>2757</v>
      </c>
      <c r="K616">
        <v>4460</v>
      </c>
      <c r="N616" s="11"/>
    </row>
    <row r="617" spans="2:14">
      <c r="B617" s="2">
        <f t="shared" si="11"/>
        <v>0.62234953703703699</v>
      </c>
      <c r="C617">
        <v>18330</v>
      </c>
      <c r="D617">
        <v>678.11</v>
      </c>
      <c r="E617">
        <v>672.4</v>
      </c>
      <c r="F617">
        <v>669.42</v>
      </c>
      <c r="G617">
        <v>737.35</v>
      </c>
      <c r="H617">
        <v>785</v>
      </c>
      <c r="I617">
        <v>836.65</v>
      </c>
      <c r="J617">
        <v>2753</v>
      </c>
      <c r="K617">
        <v>4443</v>
      </c>
      <c r="N617" s="11"/>
    </row>
    <row r="618" spans="2:14">
      <c r="B618" s="2">
        <f t="shared" si="11"/>
        <v>0.62269675925925927</v>
      </c>
      <c r="C618">
        <v>18360</v>
      </c>
      <c r="D618">
        <v>682.96</v>
      </c>
      <c r="E618">
        <v>674.48</v>
      </c>
      <c r="F618">
        <v>671.06</v>
      </c>
      <c r="G618">
        <v>738.45</v>
      </c>
      <c r="H618">
        <v>791.29</v>
      </c>
      <c r="I618">
        <v>835.85</v>
      </c>
      <c r="J618">
        <v>2737</v>
      </c>
      <c r="K618">
        <v>4472</v>
      </c>
      <c r="N618" s="11"/>
    </row>
    <row r="619" spans="2:14">
      <c r="B619" s="2">
        <f t="shared" si="11"/>
        <v>0.62304398148148143</v>
      </c>
      <c r="C619">
        <v>18390</v>
      </c>
      <c r="D619">
        <v>680.19</v>
      </c>
      <c r="E619">
        <v>675.38</v>
      </c>
      <c r="F619">
        <v>671.88</v>
      </c>
      <c r="G619">
        <v>739.15</v>
      </c>
      <c r="H619">
        <v>788.9</v>
      </c>
      <c r="I619">
        <v>837.54</v>
      </c>
      <c r="J619">
        <v>2733</v>
      </c>
      <c r="K619">
        <v>4437</v>
      </c>
      <c r="N619" s="11"/>
    </row>
    <row r="620" spans="2:14">
      <c r="B620" s="2">
        <f t="shared" si="11"/>
        <v>0.62339120370370371</v>
      </c>
      <c r="C620">
        <v>18420</v>
      </c>
      <c r="D620">
        <v>679.75</v>
      </c>
      <c r="E620">
        <v>674.33</v>
      </c>
      <c r="F620">
        <v>671.32</v>
      </c>
      <c r="G620">
        <v>739.37</v>
      </c>
      <c r="H620">
        <v>786.52</v>
      </c>
      <c r="I620">
        <v>834.38</v>
      </c>
      <c r="J620">
        <v>2751</v>
      </c>
      <c r="K620">
        <v>4456</v>
      </c>
      <c r="N620" s="11"/>
    </row>
    <row r="621" spans="2:14">
      <c r="B621" s="2">
        <f t="shared" si="11"/>
        <v>0.62373842592592588</v>
      </c>
      <c r="C621">
        <v>18450</v>
      </c>
      <c r="D621">
        <v>680.88</v>
      </c>
      <c r="E621">
        <v>674.17</v>
      </c>
      <c r="F621">
        <v>671.19</v>
      </c>
      <c r="G621">
        <v>739.78</v>
      </c>
      <c r="H621">
        <v>790.68</v>
      </c>
      <c r="I621">
        <v>837.86</v>
      </c>
      <c r="J621">
        <v>2736</v>
      </c>
      <c r="K621">
        <v>4462</v>
      </c>
      <c r="N621" s="11"/>
    </row>
    <row r="622" spans="2:14">
      <c r="B622" s="2">
        <f t="shared" si="11"/>
        <v>0.62408564814814815</v>
      </c>
      <c r="C622">
        <v>18480</v>
      </c>
      <c r="D622">
        <v>679.8</v>
      </c>
      <c r="E622">
        <v>674.77</v>
      </c>
      <c r="F622">
        <v>671.91</v>
      </c>
      <c r="G622">
        <v>740.65</v>
      </c>
      <c r="H622">
        <v>789.83</v>
      </c>
      <c r="I622">
        <v>838.2</v>
      </c>
      <c r="J622">
        <v>2736</v>
      </c>
      <c r="K622">
        <v>4457</v>
      </c>
      <c r="N622" s="11"/>
    </row>
    <row r="623" spans="2:14">
      <c r="B623" s="2">
        <f t="shared" si="11"/>
        <v>0.62443287037037032</v>
      </c>
      <c r="C623">
        <v>18510</v>
      </c>
      <c r="D623">
        <v>677.92</v>
      </c>
      <c r="E623">
        <v>674.46</v>
      </c>
      <c r="F623">
        <v>671.86</v>
      </c>
      <c r="G623">
        <v>740.68</v>
      </c>
      <c r="H623">
        <v>786.65</v>
      </c>
      <c r="I623">
        <v>838.36</v>
      </c>
      <c r="J623">
        <v>2764</v>
      </c>
      <c r="K623">
        <v>4446</v>
      </c>
      <c r="N623" s="11"/>
    </row>
    <row r="624" spans="2:14">
      <c r="B624" s="2">
        <f t="shared" si="11"/>
        <v>0.6247800925925926</v>
      </c>
      <c r="C624">
        <v>18540</v>
      </c>
      <c r="D624">
        <v>680.72</v>
      </c>
      <c r="E624">
        <v>673.83</v>
      </c>
      <c r="F624">
        <v>671.42</v>
      </c>
      <c r="G624">
        <v>740.56</v>
      </c>
      <c r="H624">
        <v>789.41</v>
      </c>
      <c r="I624">
        <v>840.95</v>
      </c>
      <c r="J624">
        <v>2769</v>
      </c>
      <c r="K624">
        <v>4437</v>
      </c>
      <c r="N624" s="11"/>
    </row>
    <row r="625" spans="2:14">
      <c r="B625" s="2">
        <f t="shared" si="11"/>
        <v>0.62512731481481487</v>
      </c>
      <c r="C625">
        <v>18570</v>
      </c>
      <c r="D625">
        <v>681.65</v>
      </c>
      <c r="E625">
        <v>675.4</v>
      </c>
      <c r="F625">
        <v>672.46</v>
      </c>
      <c r="G625">
        <v>741.42</v>
      </c>
      <c r="H625">
        <v>791.97</v>
      </c>
      <c r="I625">
        <v>834.54</v>
      </c>
      <c r="J625">
        <v>2761</v>
      </c>
      <c r="K625">
        <v>4420</v>
      </c>
      <c r="N625" s="11"/>
    </row>
    <row r="626" spans="2:14">
      <c r="B626" s="2">
        <f t="shared" si="11"/>
        <v>0.62547453703703704</v>
      </c>
      <c r="C626">
        <v>18600</v>
      </c>
      <c r="D626">
        <v>678.52</v>
      </c>
      <c r="E626">
        <v>674.54</v>
      </c>
      <c r="F626">
        <v>671.95</v>
      </c>
      <c r="G626">
        <v>741.46</v>
      </c>
      <c r="H626">
        <v>789.12</v>
      </c>
      <c r="I626">
        <v>836.49</v>
      </c>
      <c r="J626">
        <v>2764</v>
      </c>
      <c r="K626">
        <v>4371</v>
      </c>
      <c r="N626" s="11"/>
    </row>
    <row r="627" spans="2:14">
      <c r="B627" s="2">
        <f t="shared" si="11"/>
        <v>0.6258217592592592</v>
      </c>
      <c r="C627">
        <v>18630</v>
      </c>
      <c r="D627">
        <v>678.25</v>
      </c>
      <c r="E627">
        <v>674.55</v>
      </c>
      <c r="F627">
        <v>671.85</v>
      </c>
      <c r="G627">
        <v>741.82</v>
      </c>
      <c r="H627">
        <v>788.85</v>
      </c>
      <c r="I627">
        <v>835.9</v>
      </c>
      <c r="J627">
        <v>2770</v>
      </c>
      <c r="K627">
        <v>4367</v>
      </c>
      <c r="N627" s="11"/>
    </row>
    <row r="628" spans="2:14">
      <c r="B628" s="2">
        <f t="shared" si="11"/>
        <v>0.62616898148148148</v>
      </c>
      <c r="C628">
        <v>18660</v>
      </c>
      <c r="D628">
        <v>682.53</v>
      </c>
      <c r="E628">
        <v>675.29</v>
      </c>
      <c r="F628">
        <v>672.63</v>
      </c>
      <c r="G628">
        <v>742.7</v>
      </c>
      <c r="H628">
        <v>794.31</v>
      </c>
      <c r="I628">
        <v>837.18</v>
      </c>
      <c r="J628">
        <v>2761</v>
      </c>
      <c r="K628">
        <v>4407</v>
      </c>
      <c r="N628" s="11"/>
    </row>
    <row r="629" spans="2:14">
      <c r="B629" s="2">
        <f t="shared" si="11"/>
        <v>0.62651620370370364</v>
      </c>
      <c r="C629">
        <v>18690</v>
      </c>
      <c r="D629">
        <v>678.48</v>
      </c>
      <c r="E629">
        <v>674.92</v>
      </c>
      <c r="F629">
        <v>672.48</v>
      </c>
      <c r="G629">
        <v>743.06</v>
      </c>
      <c r="H629">
        <v>789.17</v>
      </c>
      <c r="I629">
        <v>840.89</v>
      </c>
      <c r="J629">
        <v>2772</v>
      </c>
      <c r="K629">
        <v>4343</v>
      </c>
      <c r="N629" s="11"/>
    </row>
    <row r="630" spans="2:14">
      <c r="B630" s="2">
        <f t="shared" si="11"/>
        <v>0.62686342592592592</v>
      </c>
      <c r="C630">
        <v>18720</v>
      </c>
      <c r="D630">
        <v>679.47</v>
      </c>
      <c r="E630">
        <v>674.44</v>
      </c>
      <c r="F630">
        <v>672.22</v>
      </c>
      <c r="G630">
        <v>743.3</v>
      </c>
      <c r="H630">
        <v>791.81</v>
      </c>
      <c r="I630">
        <v>844.94</v>
      </c>
      <c r="J630">
        <v>2775</v>
      </c>
      <c r="K630">
        <v>4350</v>
      </c>
      <c r="N630" s="11"/>
    </row>
    <row r="631" spans="2:14">
      <c r="B631" s="2">
        <f t="shared" si="11"/>
        <v>0.62721064814814809</v>
      </c>
      <c r="C631">
        <v>18750</v>
      </c>
      <c r="D631">
        <v>681.37</v>
      </c>
      <c r="E631">
        <v>675.69</v>
      </c>
      <c r="F631">
        <v>672.94</v>
      </c>
      <c r="G631">
        <v>743.53</v>
      </c>
      <c r="H631">
        <v>794.86</v>
      </c>
      <c r="I631">
        <v>841.61</v>
      </c>
      <c r="J631">
        <v>2765</v>
      </c>
      <c r="K631">
        <v>4346</v>
      </c>
      <c r="N631" s="11"/>
    </row>
    <row r="632" spans="2:14">
      <c r="B632" s="2">
        <f t="shared" si="11"/>
        <v>0.62755787037037036</v>
      </c>
      <c r="C632">
        <v>18780</v>
      </c>
      <c r="D632">
        <v>680.77</v>
      </c>
      <c r="E632">
        <v>675.7</v>
      </c>
      <c r="F632">
        <v>673.17</v>
      </c>
      <c r="G632">
        <v>744.41</v>
      </c>
      <c r="H632">
        <v>794.83</v>
      </c>
      <c r="I632">
        <v>841.09</v>
      </c>
      <c r="J632">
        <v>2761</v>
      </c>
      <c r="K632">
        <v>4353</v>
      </c>
      <c r="N632" s="11"/>
    </row>
    <row r="633" spans="2:14">
      <c r="B633" s="2">
        <f t="shared" si="11"/>
        <v>0.62790509259259264</v>
      </c>
      <c r="C633">
        <v>18810</v>
      </c>
      <c r="D633">
        <v>678.8</v>
      </c>
      <c r="E633">
        <v>675.03</v>
      </c>
      <c r="F633">
        <v>673.11</v>
      </c>
      <c r="G633">
        <v>744.76</v>
      </c>
      <c r="H633">
        <v>792.2</v>
      </c>
      <c r="I633">
        <v>841.98</v>
      </c>
      <c r="J633">
        <v>2764</v>
      </c>
      <c r="K633">
        <v>4338</v>
      </c>
      <c r="N633" s="11"/>
    </row>
    <row r="634" spans="2:14">
      <c r="B634" s="2">
        <f t="shared" si="11"/>
        <v>0.62825231481481481</v>
      </c>
      <c r="C634">
        <v>18840</v>
      </c>
      <c r="D634">
        <v>678.29</v>
      </c>
      <c r="E634">
        <v>674.62</v>
      </c>
      <c r="F634">
        <v>672.89</v>
      </c>
      <c r="G634">
        <v>745.21</v>
      </c>
      <c r="H634">
        <v>793.61</v>
      </c>
      <c r="I634">
        <v>838.67</v>
      </c>
      <c r="J634">
        <v>2780</v>
      </c>
      <c r="K634">
        <v>4337</v>
      </c>
      <c r="N634" s="11"/>
    </row>
    <row r="635" spans="2:14">
      <c r="B635" s="2">
        <f t="shared" si="11"/>
        <v>0.62859953703703697</v>
      </c>
      <c r="C635">
        <v>18870</v>
      </c>
      <c r="D635">
        <v>676.87</v>
      </c>
      <c r="E635">
        <v>674.56</v>
      </c>
      <c r="F635">
        <v>672.78</v>
      </c>
      <c r="G635">
        <v>745.54</v>
      </c>
      <c r="H635">
        <v>791.8</v>
      </c>
      <c r="I635">
        <v>838.64</v>
      </c>
      <c r="J635">
        <v>2781</v>
      </c>
      <c r="K635">
        <v>4317</v>
      </c>
      <c r="N635" s="11"/>
    </row>
    <row r="636" spans="2:14">
      <c r="B636" s="2">
        <f t="shared" si="11"/>
        <v>0.62894675925925925</v>
      </c>
      <c r="C636">
        <v>18900</v>
      </c>
      <c r="D636">
        <v>680.33</v>
      </c>
      <c r="E636">
        <v>674.98</v>
      </c>
      <c r="F636">
        <v>672.82</v>
      </c>
      <c r="G636">
        <v>745.31</v>
      </c>
      <c r="H636">
        <v>796.71</v>
      </c>
      <c r="I636">
        <v>844.21</v>
      </c>
      <c r="J636">
        <v>2770</v>
      </c>
      <c r="K636">
        <v>4309</v>
      </c>
      <c r="N636" s="11"/>
    </row>
    <row r="637" spans="2:14">
      <c r="B637" s="2">
        <f t="shared" si="11"/>
        <v>0.62929398148148152</v>
      </c>
      <c r="C637">
        <v>18930</v>
      </c>
      <c r="D637">
        <v>678.56</v>
      </c>
      <c r="E637">
        <v>674.98</v>
      </c>
      <c r="F637">
        <v>672.98</v>
      </c>
      <c r="G637">
        <v>745.77</v>
      </c>
      <c r="H637">
        <v>794.98</v>
      </c>
      <c r="I637">
        <v>843.83</v>
      </c>
      <c r="J637">
        <v>2763</v>
      </c>
      <c r="K637">
        <v>4311</v>
      </c>
      <c r="N637" s="11"/>
    </row>
    <row r="638" spans="2:14">
      <c r="B638" s="2">
        <f t="shared" si="11"/>
        <v>0.62964120370370369</v>
      </c>
      <c r="C638">
        <v>18960</v>
      </c>
      <c r="D638">
        <v>674.19</v>
      </c>
      <c r="E638">
        <v>674.21</v>
      </c>
      <c r="F638">
        <v>672.39</v>
      </c>
      <c r="G638">
        <v>746.31</v>
      </c>
      <c r="H638">
        <v>792.58</v>
      </c>
      <c r="I638">
        <v>840.76</v>
      </c>
      <c r="J638">
        <v>2784</v>
      </c>
      <c r="K638">
        <v>4311</v>
      </c>
      <c r="N638" s="11"/>
    </row>
    <row r="639" spans="2:14">
      <c r="B639" s="2">
        <f t="shared" si="11"/>
        <v>0.62998842592592585</v>
      </c>
      <c r="C639">
        <v>18990</v>
      </c>
      <c r="D639">
        <v>676.37</v>
      </c>
      <c r="E639">
        <v>672.93</v>
      </c>
      <c r="F639">
        <v>671.67</v>
      </c>
      <c r="G639">
        <v>746.34</v>
      </c>
      <c r="H639">
        <v>795.18</v>
      </c>
      <c r="I639">
        <v>837.52</v>
      </c>
      <c r="J639">
        <v>2785</v>
      </c>
      <c r="K639">
        <v>4297</v>
      </c>
      <c r="N639" s="11"/>
    </row>
    <row r="640" spans="2:14">
      <c r="B640" s="2">
        <f t="shared" si="11"/>
        <v>0.63033564814814813</v>
      </c>
      <c r="C640">
        <v>19020</v>
      </c>
      <c r="D640">
        <v>674.91</v>
      </c>
      <c r="E640">
        <v>673.63</v>
      </c>
      <c r="F640">
        <v>672.4</v>
      </c>
      <c r="G640">
        <v>746.71</v>
      </c>
      <c r="H640">
        <v>793.17</v>
      </c>
      <c r="I640">
        <v>835.86</v>
      </c>
      <c r="J640">
        <v>2800</v>
      </c>
      <c r="K640">
        <v>4291</v>
      </c>
      <c r="N640" s="11"/>
    </row>
    <row r="641" spans="2:14">
      <c r="B641" s="2">
        <f t="shared" si="11"/>
        <v>0.63068287037037041</v>
      </c>
      <c r="C641">
        <v>19050</v>
      </c>
      <c r="D641">
        <v>679.46</v>
      </c>
      <c r="E641">
        <v>674.88</v>
      </c>
      <c r="F641">
        <v>673.35</v>
      </c>
      <c r="G641">
        <v>747.17</v>
      </c>
      <c r="H641">
        <v>799.35</v>
      </c>
      <c r="I641">
        <v>845.86</v>
      </c>
      <c r="J641">
        <v>2784</v>
      </c>
      <c r="K641">
        <v>4278</v>
      </c>
      <c r="N641" s="11"/>
    </row>
    <row r="642" spans="2:14">
      <c r="B642" s="2">
        <f t="shared" si="11"/>
        <v>0.63103009259259257</v>
      </c>
      <c r="C642">
        <v>19080</v>
      </c>
      <c r="D642">
        <v>675.5</v>
      </c>
      <c r="E642">
        <v>673.53</v>
      </c>
      <c r="F642">
        <v>672.56</v>
      </c>
      <c r="G642">
        <v>747.36</v>
      </c>
      <c r="H642">
        <v>794.94</v>
      </c>
      <c r="I642">
        <v>835.98</v>
      </c>
      <c r="J642">
        <v>2810</v>
      </c>
      <c r="K642">
        <v>4262</v>
      </c>
      <c r="N642" s="11"/>
    </row>
    <row r="643" spans="2:14">
      <c r="B643" s="2">
        <f t="shared" si="11"/>
        <v>0.63137731481481485</v>
      </c>
      <c r="C643">
        <v>19110</v>
      </c>
      <c r="D643">
        <v>678.58</v>
      </c>
      <c r="E643">
        <v>674.92</v>
      </c>
      <c r="F643">
        <v>673.25</v>
      </c>
      <c r="G643">
        <v>747.19</v>
      </c>
      <c r="H643">
        <v>797.84</v>
      </c>
      <c r="I643">
        <v>829.48</v>
      </c>
      <c r="J643">
        <v>2811</v>
      </c>
      <c r="K643">
        <v>4239</v>
      </c>
      <c r="N643" s="11"/>
    </row>
    <row r="644" spans="2:14">
      <c r="B644" s="2">
        <f t="shared" si="11"/>
        <v>0.63172453703703701</v>
      </c>
      <c r="C644">
        <v>19140</v>
      </c>
      <c r="D644">
        <v>676.89</v>
      </c>
      <c r="E644">
        <v>674.42</v>
      </c>
      <c r="F644">
        <v>673.23</v>
      </c>
      <c r="G644">
        <v>747.21</v>
      </c>
      <c r="H644">
        <v>795.92</v>
      </c>
      <c r="I644">
        <v>837.84</v>
      </c>
      <c r="J644">
        <v>2824</v>
      </c>
      <c r="K644">
        <v>4224</v>
      </c>
      <c r="N644" s="11"/>
    </row>
    <row r="645" spans="2:14">
      <c r="B645" s="2">
        <f t="shared" si="11"/>
        <v>0.63207175925925929</v>
      </c>
      <c r="C645">
        <v>19170</v>
      </c>
      <c r="D645">
        <v>680.14</v>
      </c>
      <c r="E645">
        <v>674.83</v>
      </c>
      <c r="F645">
        <v>673.37</v>
      </c>
      <c r="G645">
        <v>747.6</v>
      </c>
      <c r="H645">
        <v>798.75</v>
      </c>
      <c r="I645">
        <v>829.71</v>
      </c>
      <c r="J645">
        <v>2803</v>
      </c>
      <c r="K645">
        <v>4222</v>
      </c>
      <c r="N645" s="11"/>
    </row>
    <row r="646" spans="2:14">
      <c r="B646" s="2">
        <f t="shared" si="11"/>
        <v>0.63241898148148146</v>
      </c>
      <c r="C646">
        <v>19200</v>
      </c>
      <c r="D646">
        <v>674.52</v>
      </c>
      <c r="E646">
        <v>673.43</v>
      </c>
      <c r="F646">
        <v>672.75</v>
      </c>
      <c r="G646">
        <v>747.31</v>
      </c>
      <c r="H646">
        <v>793.9</v>
      </c>
      <c r="I646">
        <v>838.49</v>
      </c>
      <c r="J646">
        <v>2793</v>
      </c>
      <c r="K646">
        <v>4197</v>
      </c>
      <c r="N646" s="11"/>
    </row>
    <row r="647" spans="2:14">
      <c r="B647" s="2">
        <f t="shared" si="11"/>
        <v>0.63276620370370362</v>
      </c>
      <c r="C647">
        <v>19230</v>
      </c>
      <c r="D647">
        <v>679.93</v>
      </c>
      <c r="E647">
        <v>674.73</v>
      </c>
      <c r="F647">
        <v>673.29</v>
      </c>
      <c r="G647">
        <v>747.13</v>
      </c>
      <c r="H647">
        <v>798.97</v>
      </c>
      <c r="I647">
        <v>831.93</v>
      </c>
      <c r="J647">
        <v>2778</v>
      </c>
      <c r="K647">
        <v>4178</v>
      </c>
      <c r="N647" s="11"/>
    </row>
    <row r="648" spans="2:14">
      <c r="B648" s="2">
        <f t="shared" si="11"/>
        <v>0.6331134259259259</v>
      </c>
      <c r="C648">
        <v>19260</v>
      </c>
      <c r="D648">
        <v>676.3</v>
      </c>
      <c r="E648">
        <v>674.46</v>
      </c>
      <c r="F648">
        <v>673.31</v>
      </c>
      <c r="G648">
        <v>747.64</v>
      </c>
      <c r="H648">
        <v>795.38</v>
      </c>
      <c r="I648">
        <v>836.27</v>
      </c>
      <c r="J648">
        <v>2793</v>
      </c>
      <c r="K648">
        <v>4157</v>
      </c>
      <c r="N648" s="11"/>
    </row>
    <row r="649" spans="2:14">
      <c r="B649" s="2">
        <f t="shared" si="11"/>
        <v>0.63346064814814818</v>
      </c>
      <c r="C649">
        <v>19290</v>
      </c>
      <c r="D649">
        <v>676.11</v>
      </c>
      <c r="E649">
        <v>673.52</v>
      </c>
      <c r="F649">
        <v>672.68</v>
      </c>
      <c r="G649">
        <v>747.87</v>
      </c>
      <c r="H649">
        <v>796.21</v>
      </c>
      <c r="I649">
        <v>836.54</v>
      </c>
      <c r="J649">
        <v>2791</v>
      </c>
      <c r="K649">
        <v>4150</v>
      </c>
      <c r="N649" s="11"/>
    </row>
    <row r="650" spans="2:14">
      <c r="B650" s="2">
        <f t="shared" si="11"/>
        <v>0.63380787037037034</v>
      </c>
      <c r="C650">
        <v>19320</v>
      </c>
      <c r="D650">
        <v>678.97</v>
      </c>
      <c r="E650">
        <v>675.08</v>
      </c>
      <c r="F650">
        <v>673.7</v>
      </c>
      <c r="G650">
        <v>748.32</v>
      </c>
      <c r="H650">
        <v>800.54</v>
      </c>
      <c r="I650">
        <v>837.49</v>
      </c>
      <c r="J650">
        <v>2766</v>
      </c>
      <c r="K650">
        <v>4155</v>
      </c>
      <c r="N650" s="11"/>
    </row>
    <row r="651" spans="2:14">
      <c r="B651" s="2">
        <f t="shared" si="11"/>
        <v>0.63415509259259262</v>
      </c>
      <c r="C651">
        <v>19350</v>
      </c>
      <c r="D651">
        <v>672.98</v>
      </c>
      <c r="E651">
        <v>672.79</v>
      </c>
      <c r="F651">
        <v>672.3</v>
      </c>
      <c r="G651">
        <v>748.21</v>
      </c>
      <c r="H651">
        <v>793.84</v>
      </c>
      <c r="I651">
        <v>835.78</v>
      </c>
      <c r="J651">
        <v>2800</v>
      </c>
      <c r="K651">
        <v>4153</v>
      </c>
      <c r="N651" s="11"/>
    </row>
    <row r="652" spans="2:14">
      <c r="B652" s="2">
        <f t="shared" si="11"/>
        <v>0.63450231481481478</v>
      </c>
      <c r="C652">
        <v>19380</v>
      </c>
      <c r="D652">
        <v>678.41</v>
      </c>
      <c r="E652">
        <v>674.44</v>
      </c>
      <c r="F652">
        <v>673.62</v>
      </c>
      <c r="G652">
        <v>747.76</v>
      </c>
      <c r="H652">
        <v>798.92</v>
      </c>
      <c r="I652">
        <v>836.44</v>
      </c>
      <c r="J652">
        <v>2783</v>
      </c>
      <c r="K652">
        <v>4132</v>
      </c>
      <c r="N652" s="11"/>
    </row>
    <row r="653" spans="2:14">
      <c r="B653" s="2">
        <f t="shared" si="11"/>
        <v>0.63484953703703706</v>
      </c>
      <c r="C653">
        <v>19410</v>
      </c>
      <c r="D653">
        <v>675.5</v>
      </c>
      <c r="E653">
        <v>674.4</v>
      </c>
      <c r="F653">
        <v>673.48</v>
      </c>
      <c r="G653">
        <v>748.33</v>
      </c>
      <c r="H653">
        <v>796.91</v>
      </c>
      <c r="I653">
        <v>839.83</v>
      </c>
      <c r="J653">
        <v>2795</v>
      </c>
      <c r="K653">
        <v>4131</v>
      </c>
      <c r="N653" s="11"/>
    </row>
    <row r="654" spans="2:14">
      <c r="B654" s="2">
        <f t="shared" si="11"/>
        <v>0.63519675925925922</v>
      </c>
      <c r="C654">
        <v>19440</v>
      </c>
      <c r="D654">
        <v>676.53</v>
      </c>
      <c r="E654">
        <v>674.25</v>
      </c>
      <c r="F654">
        <v>673.41</v>
      </c>
      <c r="G654">
        <v>748.19</v>
      </c>
      <c r="H654">
        <v>796.97</v>
      </c>
      <c r="I654">
        <v>837.04</v>
      </c>
      <c r="J654">
        <v>2806</v>
      </c>
      <c r="K654">
        <v>4123</v>
      </c>
      <c r="N654" s="11"/>
    </row>
    <row r="655" spans="2:14">
      <c r="B655" s="2">
        <f t="shared" si="11"/>
        <v>0.6355439814814815</v>
      </c>
      <c r="C655">
        <v>19470</v>
      </c>
      <c r="D655">
        <v>674.89</v>
      </c>
      <c r="E655">
        <v>672.99</v>
      </c>
      <c r="F655">
        <v>672.54</v>
      </c>
      <c r="G655">
        <v>747.79</v>
      </c>
      <c r="H655">
        <v>796.58</v>
      </c>
      <c r="I655">
        <v>834.43</v>
      </c>
      <c r="J655">
        <v>2810</v>
      </c>
      <c r="K655">
        <v>4118</v>
      </c>
      <c r="N655" s="11"/>
    </row>
    <row r="656" spans="2:14">
      <c r="B656" s="2">
        <f t="shared" si="11"/>
        <v>0.63589120370370367</v>
      </c>
      <c r="C656">
        <v>19500</v>
      </c>
      <c r="D656">
        <v>679.1</v>
      </c>
      <c r="E656">
        <v>675.64</v>
      </c>
      <c r="F656">
        <v>674.1</v>
      </c>
      <c r="G656">
        <v>748.48</v>
      </c>
      <c r="H656">
        <v>800.01</v>
      </c>
      <c r="I656">
        <v>834.66</v>
      </c>
      <c r="J656">
        <v>2794</v>
      </c>
      <c r="K656">
        <v>4118</v>
      </c>
      <c r="N656" s="11"/>
    </row>
    <row r="657" spans="2:14">
      <c r="B657" s="2">
        <f t="shared" si="11"/>
        <v>0.63623842592592594</v>
      </c>
      <c r="C657">
        <v>19530</v>
      </c>
      <c r="D657">
        <v>677.49</v>
      </c>
      <c r="E657">
        <v>674.27</v>
      </c>
      <c r="F657">
        <v>673.52</v>
      </c>
      <c r="G657">
        <v>748.38</v>
      </c>
      <c r="H657">
        <v>799.13</v>
      </c>
      <c r="I657">
        <v>833.96</v>
      </c>
      <c r="J657">
        <v>2805</v>
      </c>
      <c r="K657">
        <v>4127</v>
      </c>
      <c r="N657" s="11"/>
    </row>
    <row r="658" spans="2:14">
      <c r="B658" s="2">
        <f t="shared" si="11"/>
        <v>0.63658564814814811</v>
      </c>
      <c r="C658">
        <v>19560</v>
      </c>
      <c r="D658">
        <v>681.66</v>
      </c>
      <c r="E658">
        <v>676.14</v>
      </c>
      <c r="F658">
        <v>674.65</v>
      </c>
      <c r="G658">
        <v>748.84</v>
      </c>
      <c r="H658">
        <v>803.69</v>
      </c>
      <c r="I658">
        <v>836.81</v>
      </c>
      <c r="J658">
        <v>2776</v>
      </c>
      <c r="K658">
        <v>4122</v>
      </c>
      <c r="N658" s="11"/>
    </row>
    <row r="659" spans="2:14">
      <c r="B659" s="2">
        <f t="shared" si="11"/>
        <v>0.63693287037037039</v>
      </c>
      <c r="C659">
        <v>19590</v>
      </c>
      <c r="D659">
        <v>678.26</v>
      </c>
      <c r="E659">
        <v>675.7</v>
      </c>
      <c r="F659">
        <v>674.13</v>
      </c>
      <c r="G659">
        <v>749.43</v>
      </c>
      <c r="H659">
        <v>799.38</v>
      </c>
      <c r="I659">
        <v>833.43</v>
      </c>
      <c r="J659">
        <v>2791</v>
      </c>
      <c r="K659">
        <v>4138</v>
      </c>
      <c r="N659" s="11"/>
    </row>
    <row r="660" spans="2:14">
      <c r="B660" s="2">
        <f t="shared" si="11"/>
        <v>0.63728009259259255</v>
      </c>
      <c r="C660">
        <v>19620</v>
      </c>
      <c r="D660">
        <v>676.65</v>
      </c>
      <c r="E660">
        <v>674.13</v>
      </c>
      <c r="F660">
        <v>673.56</v>
      </c>
      <c r="G660">
        <v>749.77</v>
      </c>
      <c r="H660">
        <v>799</v>
      </c>
      <c r="I660">
        <v>832.78</v>
      </c>
      <c r="J660">
        <v>2800</v>
      </c>
      <c r="K660">
        <v>4129</v>
      </c>
      <c r="N660" s="11"/>
    </row>
    <row r="661" spans="2:14">
      <c r="B661" s="2">
        <f t="shared" si="11"/>
        <v>0.63762731481481483</v>
      </c>
      <c r="C661">
        <v>19650</v>
      </c>
      <c r="D661">
        <v>674.19</v>
      </c>
      <c r="E661">
        <v>674.28</v>
      </c>
      <c r="F661">
        <v>673.84</v>
      </c>
      <c r="G661">
        <v>749.73</v>
      </c>
      <c r="H661">
        <v>797.08</v>
      </c>
      <c r="I661">
        <v>833.68</v>
      </c>
      <c r="J661">
        <v>2811</v>
      </c>
      <c r="K661">
        <v>4105</v>
      </c>
      <c r="N661" s="11"/>
    </row>
    <row r="662" spans="2:14">
      <c r="B662" s="2">
        <f t="shared" si="11"/>
        <v>0.63797453703703699</v>
      </c>
      <c r="C662">
        <v>19680</v>
      </c>
      <c r="D662">
        <v>674.96</v>
      </c>
      <c r="E662">
        <v>673.78</v>
      </c>
      <c r="F662">
        <v>673.28</v>
      </c>
      <c r="G662">
        <v>749.65</v>
      </c>
      <c r="H662">
        <v>800.09</v>
      </c>
      <c r="I662">
        <v>832.69</v>
      </c>
      <c r="J662">
        <v>2808</v>
      </c>
      <c r="K662">
        <v>4088</v>
      </c>
      <c r="N662" s="11"/>
    </row>
    <row r="663" spans="2:14">
      <c r="B663" s="2">
        <f t="shared" si="11"/>
        <v>0.63832175925925927</v>
      </c>
      <c r="C663">
        <v>19710</v>
      </c>
      <c r="D663">
        <v>676.7</v>
      </c>
      <c r="E663">
        <v>674.45</v>
      </c>
      <c r="F663">
        <v>673.92</v>
      </c>
      <c r="G663">
        <v>749.54</v>
      </c>
      <c r="H663">
        <v>800.98</v>
      </c>
      <c r="I663">
        <v>835.41</v>
      </c>
      <c r="J663">
        <v>2806</v>
      </c>
      <c r="K663">
        <v>4081</v>
      </c>
      <c r="N663" s="11"/>
    </row>
    <row r="664" spans="2:14">
      <c r="B664" s="2">
        <f t="shared" si="11"/>
        <v>0.63866898148148143</v>
      </c>
      <c r="C664">
        <v>19740</v>
      </c>
      <c r="D664">
        <v>679.23</v>
      </c>
      <c r="E664">
        <v>675.3</v>
      </c>
      <c r="F664">
        <v>674.46</v>
      </c>
      <c r="G664">
        <v>749.47</v>
      </c>
      <c r="H664">
        <v>802.06</v>
      </c>
      <c r="I664">
        <v>835.12</v>
      </c>
      <c r="J664">
        <v>2794</v>
      </c>
      <c r="K664">
        <v>4101</v>
      </c>
      <c r="N664" s="11"/>
    </row>
    <row r="665" spans="2:14">
      <c r="B665" s="2">
        <f t="shared" si="11"/>
        <v>0.63901620370370371</v>
      </c>
      <c r="C665">
        <v>19770</v>
      </c>
      <c r="D665">
        <v>678.29</v>
      </c>
      <c r="E665">
        <v>675.54</v>
      </c>
      <c r="F665">
        <v>674.76</v>
      </c>
      <c r="G665">
        <v>749.71</v>
      </c>
      <c r="H665">
        <v>802.26</v>
      </c>
      <c r="I665">
        <v>836.57</v>
      </c>
      <c r="J665">
        <v>2798</v>
      </c>
      <c r="K665">
        <v>4115</v>
      </c>
      <c r="N665" s="11"/>
    </row>
    <row r="666" spans="2:14">
      <c r="B666" s="2">
        <f t="shared" si="11"/>
        <v>0.63936342592592588</v>
      </c>
      <c r="C666">
        <v>19800</v>
      </c>
      <c r="D666">
        <v>678.37</v>
      </c>
      <c r="E666">
        <v>675.15</v>
      </c>
      <c r="F666">
        <v>674.46</v>
      </c>
      <c r="G666">
        <v>749.98</v>
      </c>
      <c r="H666">
        <v>801.96</v>
      </c>
      <c r="I666">
        <v>836.15</v>
      </c>
      <c r="J666">
        <v>2790</v>
      </c>
      <c r="K666">
        <v>4092</v>
      </c>
      <c r="N666" s="11"/>
    </row>
    <row r="667" spans="2:14">
      <c r="B667" s="2">
        <f t="shared" si="11"/>
        <v>0.63971064814814815</v>
      </c>
      <c r="C667">
        <v>19830</v>
      </c>
      <c r="D667">
        <v>675.39</v>
      </c>
      <c r="E667">
        <v>674.33</v>
      </c>
      <c r="F667">
        <v>673.91</v>
      </c>
      <c r="G667">
        <v>749.82</v>
      </c>
      <c r="H667">
        <v>800.03</v>
      </c>
      <c r="I667">
        <v>837.88</v>
      </c>
      <c r="J667">
        <v>2803</v>
      </c>
      <c r="K667">
        <v>4102</v>
      </c>
      <c r="N667" s="11"/>
    </row>
    <row r="668" spans="2:14">
      <c r="B668" s="2">
        <f t="shared" si="11"/>
        <v>0.64005787037037032</v>
      </c>
      <c r="C668">
        <v>19860</v>
      </c>
      <c r="D668">
        <v>679.76</v>
      </c>
      <c r="E668">
        <v>675.47</v>
      </c>
      <c r="F668">
        <v>674.74</v>
      </c>
      <c r="G668">
        <v>750.04</v>
      </c>
      <c r="H668">
        <v>803.85</v>
      </c>
      <c r="I668">
        <v>836</v>
      </c>
      <c r="J668">
        <v>2792</v>
      </c>
      <c r="K668">
        <v>4110</v>
      </c>
      <c r="N668" s="11"/>
    </row>
    <row r="669" spans="2:14">
      <c r="B669" s="2">
        <f t="shared" si="11"/>
        <v>0.6404050925925926</v>
      </c>
      <c r="C669">
        <v>19890</v>
      </c>
      <c r="D669">
        <v>677.66</v>
      </c>
      <c r="E669">
        <v>675.42</v>
      </c>
      <c r="F669">
        <v>674.39</v>
      </c>
      <c r="G669">
        <v>750.35</v>
      </c>
      <c r="H669">
        <v>802.63</v>
      </c>
      <c r="I669">
        <v>831.13</v>
      </c>
      <c r="J669">
        <v>2788</v>
      </c>
      <c r="K669">
        <v>4100</v>
      </c>
      <c r="N669" s="11"/>
    </row>
    <row r="670" spans="2:14">
      <c r="B670" s="2">
        <f t="shared" si="11"/>
        <v>0.64075231481481487</v>
      </c>
      <c r="C670">
        <v>19920</v>
      </c>
      <c r="D670">
        <v>679.61</v>
      </c>
      <c r="E670">
        <v>675.64</v>
      </c>
      <c r="F670">
        <v>674.43</v>
      </c>
      <c r="G670">
        <v>750.39</v>
      </c>
      <c r="H670">
        <v>804.81</v>
      </c>
      <c r="I670">
        <v>838.01</v>
      </c>
      <c r="J670">
        <v>2778</v>
      </c>
      <c r="K670">
        <v>4112</v>
      </c>
      <c r="N670" s="11"/>
    </row>
    <row r="671" spans="2:14">
      <c r="B671" s="2">
        <f t="shared" si="11"/>
        <v>0.64109953703703704</v>
      </c>
      <c r="C671">
        <v>19950</v>
      </c>
      <c r="D671">
        <v>672.39</v>
      </c>
      <c r="E671">
        <v>674.07</v>
      </c>
      <c r="F671">
        <v>673.57</v>
      </c>
      <c r="G671">
        <v>750.74</v>
      </c>
      <c r="H671">
        <v>798.36</v>
      </c>
      <c r="I671">
        <v>836.29</v>
      </c>
      <c r="J671">
        <v>2800</v>
      </c>
      <c r="K671">
        <v>4119</v>
      </c>
      <c r="N671" s="11"/>
    </row>
    <row r="672" spans="2:14">
      <c r="B672" s="2">
        <f t="shared" si="11"/>
        <v>0.6414467592592592</v>
      </c>
      <c r="C672">
        <v>19980</v>
      </c>
      <c r="D672">
        <v>669.84</v>
      </c>
      <c r="E672">
        <v>671.3</v>
      </c>
      <c r="F672">
        <v>671.58</v>
      </c>
      <c r="G672">
        <v>750.28</v>
      </c>
      <c r="H672">
        <v>797.27</v>
      </c>
      <c r="I672">
        <v>833.1</v>
      </c>
      <c r="J672">
        <v>2824</v>
      </c>
      <c r="K672">
        <v>4096</v>
      </c>
      <c r="N672" s="11"/>
    </row>
    <row r="673" spans="2:14">
      <c r="B673" s="2">
        <f t="shared" si="11"/>
        <v>0.64179398148148148</v>
      </c>
      <c r="C673">
        <v>20010</v>
      </c>
      <c r="D673">
        <v>677.56</v>
      </c>
      <c r="E673">
        <v>674.35</v>
      </c>
      <c r="F673">
        <v>673.72</v>
      </c>
      <c r="G673">
        <v>750.58</v>
      </c>
      <c r="H673">
        <v>802.97</v>
      </c>
      <c r="I673">
        <v>837.66</v>
      </c>
      <c r="J673">
        <v>2808</v>
      </c>
      <c r="K673">
        <v>4069</v>
      </c>
      <c r="N673" s="11"/>
    </row>
    <row r="674" spans="2:14">
      <c r="B674" s="2">
        <f t="shared" si="11"/>
        <v>0.64214120370370364</v>
      </c>
      <c r="C674">
        <v>20040</v>
      </c>
      <c r="D674">
        <v>672.48</v>
      </c>
      <c r="E674">
        <v>673.44</v>
      </c>
      <c r="F674">
        <v>673.05</v>
      </c>
      <c r="G674">
        <v>750.74</v>
      </c>
      <c r="H674">
        <v>798.96</v>
      </c>
      <c r="I674">
        <v>836.09</v>
      </c>
      <c r="J674">
        <v>2822</v>
      </c>
      <c r="K674">
        <v>4059</v>
      </c>
      <c r="N674" s="11"/>
    </row>
    <row r="675" spans="2:14">
      <c r="B675" s="2">
        <f t="shared" si="11"/>
        <v>0.64248842592592592</v>
      </c>
      <c r="C675">
        <v>20070</v>
      </c>
      <c r="D675">
        <v>671.46</v>
      </c>
      <c r="E675">
        <v>671.32</v>
      </c>
      <c r="F675">
        <v>671.6</v>
      </c>
      <c r="G675">
        <v>749.99</v>
      </c>
      <c r="H675">
        <v>798.93</v>
      </c>
      <c r="I675">
        <v>834.09</v>
      </c>
      <c r="J675">
        <v>2840</v>
      </c>
      <c r="K675">
        <v>4049</v>
      </c>
      <c r="N675" s="11"/>
    </row>
    <row r="676" spans="2:14">
      <c r="B676" s="2">
        <f t="shared" ref="B676:B739" si="12">C676/24/60/60+$B$3</f>
        <v>0.64283564814814809</v>
      </c>
      <c r="C676">
        <v>20100</v>
      </c>
      <c r="D676">
        <v>676.55</v>
      </c>
      <c r="E676">
        <v>674.78</v>
      </c>
      <c r="F676">
        <v>673.96</v>
      </c>
      <c r="G676">
        <v>750.77</v>
      </c>
      <c r="H676">
        <v>803.79</v>
      </c>
      <c r="I676">
        <v>833.25</v>
      </c>
      <c r="J676">
        <v>2813</v>
      </c>
      <c r="K676">
        <v>4036</v>
      </c>
      <c r="N676" s="11"/>
    </row>
    <row r="677" spans="2:14">
      <c r="B677" s="2">
        <f t="shared" si="12"/>
        <v>0.64318287037037036</v>
      </c>
      <c r="C677">
        <v>20130</v>
      </c>
      <c r="D677">
        <v>676.29</v>
      </c>
      <c r="E677">
        <v>674.7</v>
      </c>
      <c r="F677">
        <v>673.68</v>
      </c>
      <c r="G677">
        <v>751.01</v>
      </c>
      <c r="H677">
        <v>804.92</v>
      </c>
      <c r="I677">
        <v>834.31</v>
      </c>
      <c r="J677">
        <v>2804</v>
      </c>
      <c r="K677">
        <v>4042</v>
      </c>
      <c r="N677" s="11"/>
    </row>
    <row r="678" spans="2:14">
      <c r="B678" s="2">
        <f t="shared" si="12"/>
        <v>0.64353009259259264</v>
      </c>
      <c r="C678">
        <v>20160</v>
      </c>
      <c r="D678">
        <v>674.15</v>
      </c>
      <c r="E678">
        <v>673.58</v>
      </c>
      <c r="F678">
        <v>672.95</v>
      </c>
      <c r="G678">
        <v>751.48</v>
      </c>
      <c r="H678">
        <v>802.7</v>
      </c>
      <c r="I678">
        <v>833.03</v>
      </c>
      <c r="J678">
        <v>2807</v>
      </c>
      <c r="K678">
        <v>4062</v>
      </c>
      <c r="N678" s="11"/>
    </row>
    <row r="679" spans="2:14">
      <c r="B679" s="2">
        <f t="shared" si="12"/>
        <v>0.64387731481481481</v>
      </c>
      <c r="C679">
        <v>20190</v>
      </c>
      <c r="D679">
        <v>678.8</v>
      </c>
      <c r="E679">
        <v>675.31</v>
      </c>
      <c r="F679">
        <v>674.27</v>
      </c>
      <c r="G679">
        <v>751.35</v>
      </c>
      <c r="H679">
        <v>807.55</v>
      </c>
      <c r="I679">
        <v>831.25</v>
      </c>
      <c r="J679">
        <v>2787</v>
      </c>
      <c r="K679">
        <v>4089</v>
      </c>
      <c r="N679" s="11"/>
    </row>
    <row r="680" spans="2:14">
      <c r="B680" s="2">
        <f t="shared" si="12"/>
        <v>0.64422453703703697</v>
      </c>
      <c r="C680">
        <v>20220</v>
      </c>
      <c r="D680">
        <v>671.55</v>
      </c>
      <c r="E680">
        <v>672.89</v>
      </c>
      <c r="F680">
        <v>672.48</v>
      </c>
      <c r="G680">
        <v>751.59</v>
      </c>
      <c r="H680">
        <v>802.44</v>
      </c>
      <c r="I680">
        <v>830.75</v>
      </c>
      <c r="J680">
        <v>2818</v>
      </c>
      <c r="K680">
        <v>4055</v>
      </c>
      <c r="N680" s="11"/>
    </row>
    <row r="681" spans="2:14">
      <c r="B681" s="2">
        <f t="shared" si="12"/>
        <v>0.64457175925925925</v>
      </c>
      <c r="C681">
        <v>20250</v>
      </c>
      <c r="D681">
        <v>671.12</v>
      </c>
      <c r="E681">
        <v>672.79</v>
      </c>
      <c r="F681">
        <v>672.38</v>
      </c>
      <c r="G681">
        <v>751.83</v>
      </c>
      <c r="H681">
        <v>802.1</v>
      </c>
      <c r="I681">
        <v>835.22</v>
      </c>
      <c r="J681">
        <v>2823</v>
      </c>
      <c r="K681">
        <v>4046</v>
      </c>
      <c r="N681" s="11"/>
    </row>
    <row r="682" spans="2:14">
      <c r="B682" s="2">
        <f t="shared" si="12"/>
        <v>0.64491898148148152</v>
      </c>
      <c r="C682">
        <v>20280</v>
      </c>
      <c r="D682">
        <v>668.4</v>
      </c>
      <c r="E682">
        <v>670.85</v>
      </c>
      <c r="F682">
        <v>671.02</v>
      </c>
      <c r="G682">
        <v>752.01</v>
      </c>
      <c r="H682">
        <v>800.18</v>
      </c>
      <c r="I682">
        <v>833.98</v>
      </c>
      <c r="J682">
        <v>2821</v>
      </c>
      <c r="K682">
        <v>4024</v>
      </c>
      <c r="N682" s="11"/>
    </row>
    <row r="683" spans="2:14">
      <c r="B683" s="2">
        <f t="shared" si="12"/>
        <v>0.64526620370370369</v>
      </c>
      <c r="C683">
        <v>20310</v>
      </c>
      <c r="D683">
        <v>671.32</v>
      </c>
      <c r="E683">
        <v>671.95</v>
      </c>
      <c r="F683">
        <v>671.88</v>
      </c>
      <c r="G683">
        <v>752.12</v>
      </c>
      <c r="H683">
        <v>804.16</v>
      </c>
      <c r="I683">
        <v>828.08</v>
      </c>
      <c r="J683">
        <v>2813</v>
      </c>
      <c r="K683">
        <v>4004</v>
      </c>
      <c r="N683" s="11"/>
    </row>
    <row r="684" spans="2:14">
      <c r="B684" s="2">
        <f t="shared" si="12"/>
        <v>0.64561342592592585</v>
      </c>
      <c r="C684">
        <v>20340</v>
      </c>
      <c r="D684">
        <v>666.2</v>
      </c>
      <c r="E684">
        <v>670.72</v>
      </c>
      <c r="F684">
        <v>671.02</v>
      </c>
      <c r="G684">
        <v>751.66</v>
      </c>
      <c r="H684">
        <v>800.85</v>
      </c>
      <c r="I684">
        <v>820.16</v>
      </c>
      <c r="J684">
        <v>2841</v>
      </c>
      <c r="K684">
        <v>3996</v>
      </c>
      <c r="N684" s="11"/>
    </row>
    <row r="685" spans="2:14">
      <c r="B685" s="2">
        <f t="shared" si="12"/>
        <v>0.64596064814814813</v>
      </c>
      <c r="C685">
        <v>20370</v>
      </c>
      <c r="D685">
        <v>668.67</v>
      </c>
      <c r="E685">
        <v>670.4</v>
      </c>
      <c r="F685">
        <v>670.52</v>
      </c>
      <c r="G685">
        <v>751.54</v>
      </c>
      <c r="H685">
        <v>803.3</v>
      </c>
      <c r="I685">
        <v>819.57</v>
      </c>
      <c r="J685">
        <v>2834</v>
      </c>
      <c r="K685">
        <v>3948</v>
      </c>
      <c r="N685" s="11"/>
    </row>
    <row r="686" spans="2:14">
      <c r="B686" s="2">
        <f t="shared" si="12"/>
        <v>0.64630787037037041</v>
      </c>
      <c r="C686">
        <v>20400</v>
      </c>
      <c r="D686">
        <v>671.75</v>
      </c>
      <c r="E686">
        <v>672.05</v>
      </c>
      <c r="F686">
        <v>671.64</v>
      </c>
      <c r="G686">
        <v>751.82</v>
      </c>
      <c r="H686">
        <v>805.8</v>
      </c>
      <c r="I686">
        <v>815.46</v>
      </c>
      <c r="J686">
        <v>2808</v>
      </c>
      <c r="K686">
        <v>3975</v>
      </c>
      <c r="N686" s="11"/>
    </row>
    <row r="687" spans="2:14">
      <c r="B687" s="2">
        <f t="shared" si="12"/>
        <v>0.64665509259259257</v>
      </c>
      <c r="C687">
        <v>20430</v>
      </c>
      <c r="D687">
        <v>663.19</v>
      </c>
      <c r="E687">
        <v>669.73</v>
      </c>
      <c r="F687">
        <v>670.3</v>
      </c>
      <c r="G687">
        <v>751.9</v>
      </c>
      <c r="H687">
        <v>801.35</v>
      </c>
      <c r="I687">
        <v>811.13</v>
      </c>
      <c r="J687">
        <v>2835</v>
      </c>
      <c r="K687">
        <v>3977</v>
      </c>
      <c r="N687" s="11"/>
    </row>
    <row r="688" spans="2:14">
      <c r="B688" s="2">
        <f t="shared" si="12"/>
        <v>0.64700231481481485</v>
      </c>
      <c r="C688">
        <v>20460</v>
      </c>
      <c r="D688">
        <v>663.14</v>
      </c>
      <c r="E688">
        <v>668.91</v>
      </c>
      <c r="F688">
        <v>669.54</v>
      </c>
      <c r="G688">
        <v>751.32</v>
      </c>
      <c r="H688">
        <v>801.47</v>
      </c>
      <c r="I688">
        <v>815.01</v>
      </c>
      <c r="J688">
        <v>2853</v>
      </c>
      <c r="K688">
        <v>3914</v>
      </c>
      <c r="N688" s="11"/>
    </row>
    <row r="689" spans="2:14">
      <c r="B689" s="2">
        <f t="shared" si="12"/>
        <v>0.64734953703703701</v>
      </c>
      <c r="C689">
        <v>20490</v>
      </c>
      <c r="D689">
        <v>621.72</v>
      </c>
      <c r="E689">
        <v>658.86</v>
      </c>
      <c r="F689">
        <v>663.64</v>
      </c>
      <c r="G689">
        <v>749.4</v>
      </c>
      <c r="H689">
        <v>785.86</v>
      </c>
      <c r="I689">
        <v>765.81</v>
      </c>
      <c r="J689">
        <v>1721</v>
      </c>
      <c r="K689">
        <v>2848</v>
      </c>
      <c r="N689" s="11"/>
    </row>
    <row r="690" spans="2:14">
      <c r="B690" s="2">
        <f t="shared" si="12"/>
        <v>0.64769675925925929</v>
      </c>
      <c r="C690">
        <v>20520</v>
      </c>
      <c r="D690">
        <v>627.79999999999995</v>
      </c>
      <c r="E690">
        <v>652.13</v>
      </c>
      <c r="F690">
        <v>657.63</v>
      </c>
      <c r="G690">
        <v>741.9</v>
      </c>
      <c r="H690">
        <v>767.12</v>
      </c>
      <c r="I690">
        <v>753.51</v>
      </c>
      <c r="J690">
        <v>912</v>
      </c>
      <c r="K690">
        <v>641</v>
      </c>
      <c r="N690" s="11"/>
    </row>
    <row r="691" spans="2:14">
      <c r="B691" s="2">
        <f t="shared" si="12"/>
        <v>0.64804398148148146</v>
      </c>
      <c r="C691">
        <v>20550</v>
      </c>
      <c r="D691">
        <v>600.17999999999995</v>
      </c>
      <c r="E691">
        <v>648.79</v>
      </c>
      <c r="F691">
        <v>653.84</v>
      </c>
      <c r="G691">
        <v>733.77</v>
      </c>
      <c r="H691">
        <v>750.04</v>
      </c>
      <c r="I691">
        <v>740.7</v>
      </c>
      <c r="J691">
        <v>803</v>
      </c>
      <c r="K691">
        <v>627</v>
      </c>
      <c r="N691" s="11"/>
    </row>
    <row r="692" spans="2:14">
      <c r="B692" s="2">
        <f t="shared" si="12"/>
        <v>0.64839120370370362</v>
      </c>
      <c r="C692">
        <v>20580</v>
      </c>
      <c r="D692">
        <v>585.27</v>
      </c>
      <c r="E692">
        <v>645.32000000000005</v>
      </c>
      <c r="F692">
        <v>651.34</v>
      </c>
      <c r="G692">
        <v>726.09</v>
      </c>
      <c r="H692">
        <v>736.89</v>
      </c>
      <c r="I692">
        <v>739.06</v>
      </c>
      <c r="J692">
        <v>767</v>
      </c>
      <c r="K692">
        <v>624</v>
      </c>
      <c r="N692" s="11"/>
    </row>
    <row r="693" spans="2:14">
      <c r="B693" s="2">
        <f t="shared" si="12"/>
        <v>0.6487384259259259</v>
      </c>
      <c r="C693">
        <v>20610</v>
      </c>
      <c r="D693">
        <v>573.91999999999996</v>
      </c>
      <c r="E693">
        <v>642.57000000000005</v>
      </c>
      <c r="F693">
        <v>649.42999999999995</v>
      </c>
      <c r="G693">
        <v>718.94</v>
      </c>
      <c r="H693">
        <v>724.61</v>
      </c>
      <c r="I693">
        <v>736.56</v>
      </c>
      <c r="J693">
        <v>721</v>
      </c>
      <c r="K693">
        <v>621</v>
      </c>
      <c r="N693" s="11"/>
    </row>
    <row r="694" spans="2:14">
      <c r="B694" s="2">
        <f t="shared" si="12"/>
        <v>0.64908564814814818</v>
      </c>
      <c r="C694">
        <v>20640</v>
      </c>
      <c r="D694">
        <v>564.62</v>
      </c>
      <c r="E694">
        <v>639.96</v>
      </c>
      <c r="F694">
        <v>647.64</v>
      </c>
      <c r="G694">
        <v>713.16</v>
      </c>
      <c r="H694">
        <v>713.16</v>
      </c>
      <c r="I694">
        <v>737.94</v>
      </c>
      <c r="J694">
        <v>1975</v>
      </c>
      <c r="K694">
        <v>719</v>
      </c>
      <c r="N694" s="11"/>
    </row>
    <row r="695" spans="2:14">
      <c r="B695" s="2">
        <f t="shared" si="12"/>
        <v>0.64943287037037034</v>
      </c>
      <c r="C695">
        <v>20670</v>
      </c>
      <c r="D695">
        <v>563.71</v>
      </c>
      <c r="E695">
        <v>638.29</v>
      </c>
      <c r="F695">
        <v>646.19000000000005</v>
      </c>
      <c r="G695">
        <v>710.82</v>
      </c>
      <c r="H695">
        <v>700.79</v>
      </c>
      <c r="I695">
        <v>744.72</v>
      </c>
      <c r="J695">
        <v>2917</v>
      </c>
      <c r="K695">
        <v>826</v>
      </c>
      <c r="N695" s="11"/>
    </row>
    <row r="696" spans="2:14">
      <c r="B696" s="2">
        <f t="shared" si="12"/>
        <v>0.64978009259259262</v>
      </c>
      <c r="C696">
        <v>20700</v>
      </c>
      <c r="D696">
        <v>565.74</v>
      </c>
      <c r="E696">
        <v>637.01</v>
      </c>
      <c r="F696">
        <v>644.92999999999995</v>
      </c>
      <c r="G696">
        <v>706.87</v>
      </c>
      <c r="H696">
        <v>693.2</v>
      </c>
      <c r="I696">
        <v>744.56</v>
      </c>
      <c r="J696">
        <v>2880</v>
      </c>
      <c r="K696">
        <v>894</v>
      </c>
      <c r="N696" s="11"/>
    </row>
    <row r="697" spans="2:14">
      <c r="B697" s="2">
        <f t="shared" si="12"/>
        <v>0.65012731481481478</v>
      </c>
      <c r="C697">
        <v>20730</v>
      </c>
      <c r="D697">
        <v>567.30999999999995</v>
      </c>
      <c r="E697">
        <v>635.76</v>
      </c>
      <c r="F697">
        <v>643.83000000000004</v>
      </c>
      <c r="G697">
        <v>701.57</v>
      </c>
      <c r="H697">
        <v>686.8</v>
      </c>
      <c r="I697">
        <v>742.46</v>
      </c>
      <c r="J697">
        <v>2867</v>
      </c>
      <c r="K697">
        <v>972</v>
      </c>
      <c r="N697" s="11"/>
    </row>
    <row r="698" spans="2:14">
      <c r="B698" s="2">
        <f t="shared" si="12"/>
        <v>0.65047453703703706</v>
      </c>
      <c r="C698">
        <v>20760</v>
      </c>
      <c r="D698">
        <v>567.38</v>
      </c>
      <c r="E698">
        <v>634.37</v>
      </c>
      <c r="F698">
        <v>642.70000000000005</v>
      </c>
      <c r="G698">
        <v>698.05</v>
      </c>
      <c r="H698">
        <v>679.65</v>
      </c>
      <c r="I698">
        <v>733.87</v>
      </c>
      <c r="J698">
        <v>2842</v>
      </c>
      <c r="K698">
        <v>1050</v>
      </c>
      <c r="N698" s="11"/>
    </row>
    <row r="699" spans="2:14">
      <c r="B699" s="2">
        <f t="shared" si="12"/>
        <v>0.65082175925925922</v>
      </c>
      <c r="C699">
        <v>20790</v>
      </c>
      <c r="D699">
        <v>573.77</v>
      </c>
      <c r="E699">
        <v>633.53</v>
      </c>
      <c r="F699">
        <v>641.89</v>
      </c>
      <c r="G699">
        <v>698.14</v>
      </c>
      <c r="H699">
        <v>686.72</v>
      </c>
      <c r="I699">
        <v>740.49</v>
      </c>
      <c r="J699">
        <v>2825</v>
      </c>
      <c r="K699">
        <v>1209</v>
      </c>
      <c r="N699" s="11"/>
    </row>
    <row r="700" spans="2:14">
      <c r="B700" s="2">
        <f t="shared" si="12"/>
        <v>0.6511689814814815</v>
      </c>
      <c r="C700">
        <v>20820</v>
      </c>
      <c r="D700">
        <v>579.54999999999995</v>
      </c>
      <c r="E700">
        <v>628.45000000000005</v>
      </c>
      <c r="F700">
        <v>637.91999999999996</v>
      </c>
      <c r="G700">
        <v>696.03</v>
      </c>
      <c r="H700">
        <v>692.43</v>
      </c>
      <c r="I700">
        <v>737.87</v>
      </c>
      <c r="J700">
        <v>2833</v>
      </c>
      <c r="K700">
        <v>2356</v>
      </c>
      <c r="N700" s="11"/>
    </row>
    <row r="701" spans="2:14">
      <c r="B701" s="2">
        <f t="shared" si="12"/>
        <v>0.65151620370370367</v>
      </c>
      <c r="C701">
        <v>20850</v>
      </c>
      <c r="D701">
        <v>584.91</v>
      </c>
      <c r="E701">
        <v>624.01</v>
      </c>
      <c r="F701">
        <v>636.48</v>
      </c>
      <c r="G701">
        <v>691.88</v>
      </c>
      <c r="H701">
        <v>677.27</v>
      </c>
      <c r="I701">
        <v>737.07</v>
      </c>
      <c r="J701">
        <v>2944</v>
      </c>
      <c r="K701">
        <v>3415</v>
      </c>
      <c r="N701" s="11"/>
    </row>
    <row r="702" spans="2:14">
      <c r="B702" s="2">
        <f t="shared" si="12"/>
        <v>0.65186342592592594</v>
      </c>
      <c r="C702">
        <v>20880</v>
      </c>
      <c r="D702">
        <v>581.79</v>
      </c>
      <c r="E702">
        <v>627.94000000000005</v>
      </c>
      <c r="F702">
        <v>640.58000000000004</v>
      </c>
      <c r="G702">
        <v>694.09</v>
      </c>
      <c r="H702">
        <v>692.4</v>
      </c>
      <c r="I702">
        <v>733.85</v>
      </c>
      <c r="J702">
        <v>3042</v>
      </c>
      <c r="K702">
        <v>3654</v>
      </c>
      <c r="N702" s="11"/>
    </row>
    <row r="703" spans="2:14">
      <c r="B703" s="2">
        <f t="shared" si="12"/>
        <v>0.65221064814814811</v>
      </c>
      <c r="C703">
        <v>20910</v>
      </c>
      <c r="D703">
        <v>595.20000000000005</v>
      </c>
      <c r="E703">
        <v>631.89</v>
      </c>
      <c r="F703">
        <v>642.39</v>
      </c>
      <c r="G703">
        <v>695.15</v>
      </c>
      <c r="H703">
        <v>713.14</v>
      </c>
      <c r="I703">
        <v>739.25</v>
      </c>
      <c r="J703">
        <v>3050</v>
      </c>
      <c r="K703">
        <v>3626</v>
      </c>
      <c r="N703" s="11"/>
    </row>
    <row r="704" spans="2:14">
      <c r="B704" s="2">
        <f t="shared" si="12"/>
        <v>0.65255787037037039</v>
      </c>
      <c r="C704">
        <v>20940</v>
      </c>
      <c r="D704">
        <v>636.39</v>
      </c>
      <c r="E704">
        <v>643.94000000000005</v>
      </c>
      <c r="F704">
        <v>649.49</v>
      </c>
      <c r="G704">
        <v>698.78</v>
      </c>
      <c r="H704">
        <v>741.68</v>
      </c>
      <c r="I704">
        <v>760.09</v>
      </c>
      <c r="J704">
        <v>2959</v>
      </c>
      <c r="K704">
        <v>3741</v>
      </c>
      <c r="N704" s="11"/>
    </row>
    <row r="705" spans="2:14">
      <c r="B705" s="2">
        <f t="shared" si="12"/>
        <v>0.65290509259259255</v>
      </c>
      <c r="C705">
        <v>20970</v>
      </c>
      <c r="D705">
        <v>637.46</v>
      </c>
      <c r="E705">
        <v>646.74</v>
      </c>
      <c r="F705">
        <v>650.75</v>
      </c>
      <c r="G705">
        <v>702.41</v>
      </c>
      <c r="H705">
        <v>752.11</v>
      </c>
      <c r="I705">
        <v>765.7</v>
      </c>
      <c r="J705">
        <v>2886</v>
      </c>
      <c r="K705">
        <v>3931</v>
      </c>
      <c r="N705" s="11"/>
    </row>
    <row r="706" spans="2:14">
      <c r="B706" s="2">
        <f t="shared" si="12"/>
        <v>0.65325231481481483</v>
      </c>
      <c r="C706">
        <v>21000</v>
      </c>
      <c r="D706">
        <v>634.92999999999995</v>
      </c>
      <c r="E706">
        <v>645.30999999999995</v>
      </c>
      <c r="F706">
        <v>649.25</v>
      </c>
      <c r="G706">
        <v>705.06</v>
      </c>
      <c r="H706">
        <v>754.47</v>
      </c>
      <c r="I706">
        <v>778.99</v>
      </c>
      <c r="J706">
        <v>2891</v>
      </c>
      <c r="K706">
        <v>4015</v>
      </c>
      <c r="N706" s="11"/>
    </row>
    <row r="707" spans="2:14">
      <c r="B707" s="2">
        <f t="shared" si="12"/>
        <v>0.65359953703703699</v>
      </c>
      <c r="C707">
        <v>21030</v>
      </c>
      <c r="D707">
        <v>643.38</v>
      </c>
      <c r="E707">
        <v>647.29</v>
      </c>
      <c r="F707">
        <v>650.51</v>
      </c>
      <c r="G707">
        <v>707.53</v>
      </c>
      <c r="H707">
        <v>763.82</v>
      </c>
      <c r="I707">
        <v>786.29</v>
      </c>
      <c r="J707">
        <v>2867</v>
      </c>
      <c r="K707">
        <v>4039</v>
      </c>
      <c r="N707" s="11"/>
    </row>
    <row r="708" spans="2:14">
      <c r="B708" s="2">
        <f t="shared" si="12"/>
        <v>0.65394675925925927</v>
      </c>
      <c r="C708">
        <v>21060</v>
      </c>
      <c r="D708">
        <v>640.87</v>
      </c>
      <c r="E708">
        <v>647.54</v>
      </c>
      <c r="F708">
        <v>650.71</v>
      </c>
      <c r="G708">
        <v>710.2</v>
      </c>
      <c r="H708">
        <v>766.55</v>
      </c>
      <c r="I708">
        <v>790.12</v>
      </c>
      <c r="J708">
        <v>2862</v>
      </c>
      <c r="K708">
        <v>4101</v>
      </c>
      <c r="N708" s="11"/>
    </row>
    <row r="709" spans="2:14">
      <c r="B709" s="2">
        <f t="shared" si="12"/>
        <v>0.65429398148148143</v>
      </c>
      <c r="C709">
        <v>21090</v>
      </c>
      <c r="D709">
        <v>642.72</v>
      </c>
      <c r="E709">
        <v>647.45000000000005</v>
      </c>
      <c r="F709">
        <v>650.46</v>
      </c>
      <c r="G709">
        <v>712.14</v>
      </c>
      <c r="H709">
        <v>771.07</v>
      </c>
      <c r="I709">
        <v>795.53</v>
      </c>
      <c r="J709">
        <v>2864</v>
      </c>
      <c r="K709">
        <v>4138</v>
      </c>
      <c r="N709" s="11"/>
    </row>
    <row r="710" spans="2:14">
      <c r="B710" s="2">
        <f t="shared" si="12"/>
        <v>0.65464120370370371</v>
      </c>
      <c r="C710">
        <v>21120</v>
      </c>
      <c r="D710">
        <v>647.1</v>
      </c>
      <c r="E710">
        <v>649.83000000000004</v>
      </c>
      <c r="F710">
        <v>652.14</v>
      </c>
      <c r="G710">
        <v>713.8</v>
      </c>
      <c r="H710">
        <v>777.14</v>
      </c>
      <c r="I710">
        <v>796.52</v>
      </c>
      <c r="J710">
        <v>2851</v>
      </c>
      <c r="K710">
        <v>4148</v>
      </c>
      <c r="N710" s="11"/>
    </row>
    <row r="711" spans="2:14">
      <c r="B711" s="2">
        <f t="shared" si="12"/>
        <v>0.65498842592592588</v>
      </c>
      <c r="C711">
        <v>21150</v>
      </c>
      <c r="D711">
        <v>640.53</v>
      </c>
      <c r="E711">
        <v>647.59</v>
      </c>
      <c r="F711">
        <v>650.62</v>
      </c>
      <c r="G711">
        <v>715.87</v>
      </c>
      <c r="H711">
        <v>774.45</v>
      </c>
      <c r="I711">
        <v>794.95</v>
      </c>
      <c r="J711">
        <v>2878</v>
      </c>
      <c r="K711">
        <v>4177</v>
      </c>
      <c r="N711" s="11"/>
    </row>
    <row r="712" spans="2:14">
      <c r="B712" s="2">
        <f t="shared" si="12"/>
        <v>0.65533564814814815</v>
      </c>
      <c r="C712">
        <v>21180</v>
      </c>
      <c r="D712">
        <v>649.94000000000005</v>
      </c>
      <c r="E712">
        <v>650.98</v>
      </c>
      <c r="F712">
        <v>652.92999999999995</v>
      </c>
      <c r="G712">
        <v>718.64</v>
      </c>
      <c r="H712">
        <v>783.33</v>
      </c>
      <c r="I712">
        <v>796.42</v>
      </c>
      <c r="J712">
        <v>2844</v>
      </c>
      <c r="K712">
        <v>4195</v>
      </c>
      <c r="N712" s="11"/>
    </row>
    <row r="713" spans="2:14">
      <c r="B713" s="2">
        <f t="shared" si="12"/>
        <v>0.65568287037037032</v>
      </c>
      <c r="C713">
        <v>21210</v>
      </c>
      <c r="D713">
        <v>650.79</v>
      </c>
      <c r="E713">
        <v>651.35</v>
      </c>
      <c r="F713">
        <v>653.19000000000005</v>
      </c>
      <c r="G713">
        <v>720.83</v>
      </c>
      <c r="H713">
        <v>785.62</v>
      </c>
      <c r="I713">
        <v>805.33</v>
      </c>
      <c r="J713">
        <v>2857</v>
      </c>
      <c r="K713">
        <v>4209</v>
      </c>
      <c r="N713" s="11"/>
    </row>
    <row r="714" spans="2:14">
      <c r="B714" s="2">
        <f t="shared" si="12"/>
        <v>0.6560300925925926</v>
      </c>
      <c r="C714">
        <v>21240</v>
      </c>
      <c r="D714">
        <v>654.07000000000005</v>
      </c>
      <c r="E714">
        <v>653.49</v>
      </c>
      <c r="F714">
        <v>654.85</v>
      </c>
      <c r="G714">
        <v>721.82</v>
      </c>
      <c r="H714">
        <v>782.94</v>
      </c>
      <c r="I714">
        <v>796.88</v>
      </c>
      <c r="J714">
        <v>3139</v>
      </c>
      <c r="K714">
        <v>4173</v>
      </c>
      <c r="N714" s="11"/>
    </row>
    <row r="715" spans="2:14">
      <c r="B715" s="2">
        <f t="shared" si="12"/>
        <v>0.65637731481481487</v>
      </c>
      <c r="C715">
        <v>21270</v>
      </c>
      <c r="D715">
        <v>660.64</v>
      </c>
      <c r="E715">
        <v>658.37</v>
      </c>
      <c r="F715">
        <v>658.06</v>
      </c>
      <c r="G715">
        <v>719.02</v>
      </c>
      <c r="H715">
        <v>774.89</v>
      </c>
      <c r="I715">
        <v>800.99</v>
      </c>
      <c r="J715">
        <v>3072</v>
      </c>
      <c r="K715">
        <v>4527</v>
      </c>
      <c r="N715" s="11"/>
    </row>
    <row r="716" spans="2:14">
      <c r="B716" s="2">
        <f t="shared" si="12"/>
        <v>0.65672453703703704</v>
      </c>
      <c r="C716">
        <v>21300</v>
      </c>
      <c r="D716">
        <v>651.75</v>
      </c>
      <c r="E716">
        <v>658.81</v>
      </c>
      <c r="F716">
        <v>658.31</v>
      </c>
      <c r="G716">
        <v>719.45</v>
      </c>
      <c r="H716">
        <v>774.37</v>
      </c>
      <c r="I716">
        <v>815.25</v>
      </c>
      <c r="J716">
        <v>2926</v>
      </c>
      <c r="K716">
        <v>4912</v>
      </c>
      <c r="N716" s="11"/>
    </row>
    <row r="717" spans="2:14">
      <c r="B717" s="2">
        <f t="shared" si="12"/>
        <v>0.6570717592592592</v>
      </c>
      <c r="C717">
        <v>21330</v>
      </c>
      <c r="D717">
        <v>646.66999999999996</v>
      </c>
      <c r="E717">
        <v>657.57</v>
      </c>
      <c r="F717">
        <v>657.6</v>
      </c>
      <c r="G717">
        <v>720.35</v>
      </c>
      <c r="H717">
        <v>769.65</v>
      </c>
      <c r="I717">
        <v>819.97</v>
      </c>
      <c r="J717">
        <v>2843</v>
      </c>
      <c r="K717">
        <v>5160</v>
      </c>
      <c r="N717" s="11"/>
    </row>
    <row r="718" spans="2:14">
      <c r="B718" s="2">
        <f t="shared" si="12"/>
        <v>0.65741898148148148</v>
      </c>
      <c r="C718">
        <v>21360</v>
      </c>
      <c r="D718">
        <v>639.73</v>
      </c>
      <c r="E718">
        <v>653.55999999999995</v>
      </c>
      <c r="F718">
        <v>654.77</v>
      </c>
      <c r="G718">
        <v>719.82</v>
      </c>
      <c r="H718">
        <v>762.58</v>
      </c>
      <c r="I718">
        <v>819.1</v>
      </c>
      <c r="J718">
        <v>2805</v>
      </c>
      <c r="K718">
        <v>5272</v>
      </c>
      <c r="N718" s="11"/>
    </row>
    <row r="719" spans="2:14">
      <c r="B719" s="2">
        <f t="shared" si="12"/>
        <v>0.65776620370370364</v>
      </c>
      <c r="C719">
        <v>21390</v>
      </c>
      <c r="D719">
        <v>641.52</v>
      </c>
      <c r="E719">
        <v>652.36</v>
      </c>
      <c r="F719">
        <v>653.85</v>
      </c>
      <c r="G719">
        <v>719.46</v>
      </c>
      <c r="H719">
        <v>758.67</v>
      </c>
      <c r="I719">
        <v>829.48</v>
      </c>
      <c r="J719">
        <v>2765</v>
      </c>
      <c r="K719">
        <v>5342</v>
      </c>
      <c r="N719" s="11"/>
    </row>
    <row r="720" spans="2:14">
      <c r="B720" s="2">
        <f t="shared" si="12"/>
        <v>0.65811342592592592</v>
      </c>
      <c r="C720">
        <v>21420</v>
      </c>
      <c r="D720">
        <v>638.16</v>
      </c>
      <c r="E720">
        <v>651.29</v>
      </c>
      <c r="F720">
        <v>652.95000000000005</v>
      </c>
      <c r="G720">
        <v>718.73</v>
      </c>
      <c r="H720">
        <v>754.92</v>
      </c>
      <c r="I720">
        <v>817.68</v>
      </c>
      <c r="J720">
        <v>2747</v>
      </c>
      <c r="K720">
        <v>5348</v>
      </c>
      <c r="N720" s="11"/>
    </row>
    <row r="721" spans="2:14">
      <c r="B721" s="2">
        <f t="shared" si="12"/>
        <v>0.65846064814814809</v>
      </c>
      <c r="C721">
        <v>21450</v>
      </c>
      <c r="D721">
        <v>639.86</v>
      </c>
      <c r="E721">
        <v>651.75</v>
      </c>
      <c r="F721">
        <v>653.28</v>
      </c>
      <c r="G721">
        <v>718.82</v>
      </c>
      <c r="H721">
        <v>756.07</v>
      </c>
      <c r="I721">
        <v>823.04</v>
      </c>
      <c r="J721">
        <v>2692</v>
      </c>
      <c r="K721">
        <v>5392</v>
      </c>
      <c r="N721" s="11"/>
    </row>
    <row r="722" spans="2:14">
      <c r="B722" s="2">
        <f t="shared" si="12"/>
        <v>0.65880787037037036</v>
      </c>
      <c r="C722">
        <v>21480</v>
      </c>
      <c r="D722">
        <v>639.74</v>
      </c>
      <c r="E722">
        <v>651.98</v>
      </c>
      <c r="F722">
        <v>653.53</v>
      </c>
      <c r="G722">
        <v>718.96</v>
      </c>
      <c r="H722">
        <v>753.2</v>
      </c>
      <c r="I722">
        <v>834.8</v>
      </c>
      <c r="J722">
        <v>2669</v>
      </c>
      <c r="K722">
        <v>5445</v>
      </c>
      <c r="N722" s="11"/>
    </row>
    <row r="723" spans="2:14">
      <c r="B723" s="2">
        <f t="shared" si="12"/>
        <v>0.65915509259259264</v>
      </c>
      <c r="C723">
        <v>21510</v>
      </c>
      <c r="D723">
        <v>636.84</v>
      </c>
      <c r="E723">
        <v>650.41999999999996</v>
      </c>
      <c r="F723">
        <v>652.29</v>
      </c>
      <c r="G723">
        <v>718.24</v>
      </c>
      <c r="H723">
        <v>750.15</v>
      </c>
      <c r="I723">
        <v>832.35</v>
      </c>
      <c r="J723">
        <v>2672</v>
      </c>
      <c r="K723">
        <v>5423</v>
      </c>
      <c r="N723" s="11"/>
    </row>
    <row r="724" spans="2:14">
      <c r="B724" s="2">
        <f t="shared" si="12"/>
        <v>0.65950231481481481</v>
      </c>
      <c r="C724">
        <v>21540</v>
      </c>
      <c r="D724">
        <v>635.55999999999995</v>
      </c>
      <c r="E724">
        <v>649.88</v>
      </c>
      <c r="F724">
        <v>651.87</v>
      </c>
      <c r="G724">
        <v>717.94</v>
      </c>
      <c r="H724">
        <v>749.24</v>
      </c>
      <c r="I724">
        <v>837.08</v>
      </c>
      <c r="J724">
        <v>2677</v>
      </c>
      <c r="K724">
        <v>5393</v>
      </c>
      <c r="N724" s="11"/>
    </row>
    <row r="725" spans="2:14">
      <c r="B725" s="2">
        <f t="shared" si="12"/>
        <v>0.65984953703703697</v>
      </c>
      <c r="C725">
        <v>21570</v>
      </c>
      <c r="D725">
        <v>636.38</v>
      </c>
      <c r="E725">
        <v>649.35</v>
      </c>
      <c r="F725">
        <v>651.52</v>
      </c>
      <c r="G725">
        <v>717.98</v>
      </c>
      <c r="H725">
        <v>749.6</v>
      </c>
      <c r="I725">
        <v>831.02</v>
      </c>
      <c r="J725">
        <v>2686</v>
      </c>
      <c r="K725">
        <v>5303</v>
      </c>
      <c r="N725" s="11"/>
    </row>
    <row r="726" spans="2:14">
      <c r="B726" s="2">
        <f t="shared" si="12"/>
        <v>0.66019675925925925</v>
      </c>
      <c r="C726">
        <v>21600</v>
      </c>
      <c r="D726">
        <v>635.24</v>
      </c>
      <c r="E726">
        <v>649.64</v>
      </c>
      <c r="F726">
        <v>651.73</v>
      </c>
      <c r="G726">
        <v>718.49</v>
      </c>
      <c r="H726">
        <v>751.95</v>
      </c>
      <c r="I726">
        <v>828.73</v>
      </c>
      <c r="J726">
        <v>2698</v>
      </c>
      <c r="K726">
        <v>5273</v>
      </c>
      <c r="N726" s="11"/>
    </row>
    <row r="727" spans="2:14">
      <c r="B727" s="2">
        <f t="shared" si="12"/>
        <v>0.66054398148148152</v>
      </c>
      <c r="C727">
        <v>21630</v>
      </c>
      <c r="D727">
        <v>633.47</v>
      </c>
      <c r="E727">
        <v>648.87</v>
      </c>
      <c r="F727">
        <v>651.12</v>
      </c>
      <c r="G727">
        <v>718.84</v>
      </c>
      <c r="H727">
        <v>753.44</v>
      </c>
      <c r="I727">
        <v>831.14</v>
      </c>
      <c r="J727">
        <v>2724</v>
      </c>
      <c r="K727">
        <v>5217</v>
      </c>
      <c r="N727" s="11"/>
    </row>
    <row r="728" spans="2:14">
      <c r="B728" s="2">
        <f t="shared" si="12"/>
        <v>0.66089120370370369</v>
      </c>
      <c r="C728">
        <v>21660</v>
      </c>
      <c r="D728">
        <v>633.46</v>
      </c>
      <c r="E728">
        <v>649.05999999999995</v>
      </c>
      <c r="F728">
        <v>651.20000000000005</v>
      </c>
      <c r="G728">
        <v>719.56</v>
      </c>
      <c r="H728">
        <v>760.07</v>
      </c>
      <c r="I728">
        <v>834.89</v>
      </c>
      <c r="J728">
        <v>2726</v>
      </c>
      <c r="K728">
        <v>5155</v>
      </c>
      <c r="N728" s="11"/>
    </row>
    <row r="729" spans="2:14">
      <c r="B729" s="2">
        <f t="shared" si="12"/>
        <v>0.66123842592592585</v>
      </c>
      <c r="C729">
        <v>21690</v>
      </c>
      <c r="D729">
        <v>637.51</v>
      </c>
      <c r="E729">
        <v>650.87</v>
      </c>
      <c r="F729">
        <v>652.44000000000005</v>
      </c>
      <c r="G729">
        <v>720.91</v>
      </c>
      <c r="H729">
        <v>762.67</v>
      </c>
      <c r="I729">
        <v>831.82</v>
      </c>
      <c r="J729">
        <v>2716</v>
      </c>
      <c r="K729">
        <v>5149</v>
      </c>
      <c r="N729" s="11"/>
    </row>
    <row r="730" spans="2:14">
      <c r="B730" s="2">
        <f t="shared" si="12"/>
        <v>0.66158564814814813</v>
      </c>
      <c r="C730">
        <v>21720</v>
      </c>
      <c r="D730">
        <v>635.48</v>
      </c>
      <c r="E730">
        <v>649.51</v>
      </c>
      <c r="F730">
        <v>651.54</v>
      </c>
      <c r="G730">
        <v>721.55</v>
      </c>
      <c r="H730">
        <v>763</v>
      </c>
      <c r="I730">
        <v>828.75</v>
      </c>
      <c r="J730">
        <v>2739</v>
      </c>
      <c r="K730">
        <v>5126</v>
      </c>
      <c r="N730" s="11"/>
    </row>
    <row r="731" spans="2:14">
      <c r="B731" s="2">
        <f t="shared" si="12"/>
        <v>0.66193287037037041</v>
      </c>
      <c r="C731">
        <v>21750</v>
      </c>
      <c r="D731">
        <v>633.47</v>
      </c>
      <c r="E731">
        <v>648.29</v>
      </c>
      <c r="F731">
        <v>650.64</v>
      </c>
      <c r="G731">
        <v>721.36</v>
      </c>
      <c r="H731">
        <v>761.22</v>
      </c>
      <c r="I731">
        <v>812.8</v>
      </c>
      <c r="J731">
        <v>2786</v>
      </c>
      <c r="K731">
        <v>5048</v>
      </c>
      <c r="N731" s="11"/>
    </row>
    <row r="732" spans="2:14">
      <c r="B732" s="2">
        <f t="shared" si="12"/>
        <v>0.66228009259259257</v>
      </c>
      <c r="C732">
        <v>21780</v>
      </c>
      <c r="D732">
        <v>635.35</v>
      </c>
      <c r="E732">
        <v>649.33000000000004</v>
      </c>
      <c r="F732">
        <v>651.13</v>
      </c>
      <c r="G732">
        <v>722.15</v>
      </c>
      <c r="H732">
        <v>768.79</v>
      </c>
      <c r="I732">
        <v>815.03</v>
      </c>
      <c r="J732">
        <v>2780</v>
      </c>
      <c r="K732">
        <v>5001</v>
      </c>
      <c r="N732" s="11"/>
    </row>
    <row r="733" spans="2:14">
      <c r="B733" s="2">
        <f t="shared" si="12"/>
        <v>0.66262731481481474</v>
      </c>
      <c r="C733">
        <v>21810</v>
      </c>
      <c r="D733">
        <v>637.66</v>
      </c>
      <c r="E733">
        <v>650.66999999999996</v>
      </c>
      <c r="F733">
        <v>652.01</v>
      </c>
      <c r="G733">
        <v>722.93</v>
      </c>
      <c r="H733">
        <v>771.56</v>
      </c>
      <c r="I733">
        <v>815.53</v>
      </c>
      <c r="J733">
        <v>2784</v>
      </c>
      <c r="K733">
        <v>4950</v>
      </c>
      <c r="N733" s="11"/>
    </row>
    <row r="734" spans="2:14">
      <c r="B734" s="2">
        <f t="shared" si="12"/>
        <v>0.66297453703703701</v>
      </c>
      <c r="C734">
        <v>21840</v>
      </c>
      <c r="D734">
        <v>640.1</v>
      </c>
      <c r="E734">
        <v>651.64</v>
      </c>
      <c r="F734">
        <v>652.91999999999996</v>
      </c>
      <c r="G734">
        <v>724.05</v>
      </c>
      <c r="H734">
        <v>773.01</v>
      </c>
      <c r="I734">
        <v>816.06</v>
      </c>
      <c r="J734">
        <v>2805</v>
      </c>
      <c r="K734">
        <v>4926</v>
      </c>
      <c r="N734" s="11"/>
    </row>
    <row r="735" spans="2:14">
      <c r="B735" s="2">
        <f t="shared" si="12"/>
        <v>0.66332175925925929</v>
      </c>
      <c r="C735">
        <v>21870</v>
      </c>
      <c r="D735">
        <v>637.62</v>
      </c>
      <c r="E735">
        <v>650.25</v>
      </c>
      <c r="F735">
        <v>651.94000000000005</v>
      </c>
      <c r="G735">
        <v>724.93</v>
      </c>
      <c r="H735">
        <v>772.36</v>
      </c>
      <c r="I735">
        <v>815.31</v>
      </c>
      <c r="J735">
        <v>2821</v>
      </c>
      <c r="K735">
        <v>4883</v>
      </c>
      <c r="N735" s="11"/>
    </row>
    <row r="736" spans="2:14">
      <c r="B736" s="2">
        <f t="shared" si="12"/>
        <v>0.66366898148148146</v>
      </c>
      <c r="C736">
        <v>21900</v>
      </c>
      <c r="D736">
        <v>640.29999999999995</v>
      </c>
      <c r="E736">
        <v>653.32000000000005</v>
      </c>
      <c r="F736">
        <v>653.89</v>
      </c>
      <c r="G736">
        <v>725.74</v>
      </c>
      <c r="H736">
        <v>777.35</v>
      </c>
      <c r="I736">
        <v>810.89</v>
      </c>
      <c r="J736">
        <v>3030</v>
      </c>
      <c r="K736">
        <v>4852</v>
      </c>
      <c r="N736" s="11"/>
    </row>
    <row r="737" spans="2:14">
      <c r="B737" s="2">
        <f t="shared" si="12"/>
        <v>0.66401620370370362</v>
      </c>
      <c r="C737">
        <v>21930</v>
      </c>
      <c r="D737">
        <v>646.04999999999995</v>
      </c>
      <c r="E737">
        <v>656.28</v>
      </c>
      <c r="F737">
        <v>656.17</v>
      </c>
      <c r="G737">
        <v>724.05</v>
      </c>
      <c r="H737">
        <v>773.49</v>
      </c>
      <c r="I737">
        <v>817.45</v>
      </c>
      <c r="J737">
        <v>2964</v>
      </c>
      <c r="K737">
        <v>5197</v>
      </c>
      <c r="N737" s="11"/>
    </row>
    <row r="738" spans="2:14">
      <c r="B738" s="2">
        <f t="shared" si="12"/>
        <v>0.6643634259259259</v>
      </c>
      <c r="C738">
        <v>21960</v>
      </c>
      <c r="D738">
        <v>648.12</v>
      </c>
      <c r="E738">
        <v>657.29</v>
      </c>
      <c r="F738">
        <v>656.78</v>
      </c>
      <c r="G738">
        <v>724.91</v>
      </c>
      <c r="H738">
        <v>769.27</v>
      </c>
      <c r="I738">
        <v>824.13</v>
      </c>
      <c r="J738">
        <v>2859</v>
      </c>
      <c r="K738">
        <v>5474</v>
      </c>
      <c r="N738" s="11"/>
    </row>
    <row r="739" spans="2:14">
      <c r="B739" s="2">
        <f t="shared" si="12"/>
        <v>0.66471064814814818</v>
      </c>
      <c r="C739">
        <v>21990</v>
      </c>
      <c r="D739">
        <v>645.87</v>
      </c>
      <c r="E739">
        <v>656.29</v>
      </c>
      <c r="F739">
        <v>656.27</v>
      </c>
      <c r="G739">
        <v>726.34</v>
      </c>
      <c r="H739">
        <v>763.53</v>
      </c>
      <c r="I739">
        <v>839.71</v>
      </c>
      <c r="J739">
        <v>2794</v>
      </c>
      <c r="K739">
        <v>5656</v>
      </c>
      <c r="N739" s="11"/>
    </row>
    <row r="740" spans="2:14">
      <c r="B740" s="2">
        <f t="shared" ref="B740:B803" si="13">C740/24/60/60+$B$3</f>
        <v>0.66505787037037034</v>
      </c>
      <c r="C740">
        <v>22020</v>
      </c>
      <c r="D740">
        <v>644.87</v>
      </c>
      <c r="E740">
        <v>654.78</v>
      </c>
      <c r="F740">
        <v>655.24</v>
      </c>
      <c r="G740">
        <v>727.22</v>
      </c>
      <c r="H740">
        <v>759.09</v>
      </c>
      <c r="I740">
        <v>844.33</v>
      </c>
      <c r="J740">
        <v>2745</v>
      </c>
      <c r="K740">
        <v>5758</v>
      </c>
      <c r="N740" s="11"/>
    </row>
    <row r="741" spans="2:14">
      <c r="B741" s="2">
        <f t="shared" si="13"/>
        <v>0.66540509259259251</v>
      </c>
      <c r="C741">
        <v>22050</v>
      </c>
      <c r="D741">
        <v>642.35</v>
      </c>
      <c r="E741">
        <v>653.91</v>
      </c>
      <c r="F741">
        <v>654.51</v>
      </c>
      <c r="G741">
        <v>727.51</v>
      </c>
      <c r="H741">
        <v>755.79</v>
      </c>
      <c r="I741">
        <v>841.37</v>
      </c>
      <c r="J741">
        <v>2732</v>
      </c>
      <c r="K741">
        <v>5777</v>
      </c>
      <c r="N741" s="11"/>
    </row>
    <row r="742" spans="2:14">
      <c r="B742" s="2">
        <f t="shared" si="13"/>
        <v>0.66575231481481478</v>
      </c>
      <c r="C742">
        <v>22080</v>
      </c>
      <c r="D742">
        <v>640.20000000000005</v>
      </c>
      <c r="E742">
        <v>652.09</v>
      </c>
      <c r="F742">
        <v>653.30999999999995</v>
      </c>
      <c r="G742">
        <v>728.02</v>
      </c>
      <c r="H742">
        <v>752.42</v>
      </c>
      <c r="I742">
        <v>840.78</v>
      </c>
      <c r="J742">
        <v>2707</v>
      </c>
      <c r="K742">
        <v>5786</v>
      </c>
      <c r="N742" s="11"/>
    </row>
    <row r="743" spans="2:14">
      <c r="B743" s="2">
        <f t="shared" si="13"/>
        <v>0.66609953703703706</v>
      </c>
      <c r="C743">
        <v>22110</v>
      </c>
      <c r="D743">
        <v>643.04999999999995</v>
      </c>
      <c r="E743">
        <v>653.34</v>
      </c>
      <c r="F743">
        <v>654.13</v>
      </c>
      <c r="G743">
        <v>732</v>
      </c>
      <c r="H743">
        <v>755.38</v>
      </c>
      <c r="I743">
        <v>839.03</v>
      </c>
      <c r="J743">
        <v>2646</v>
      </c>
      <c r="K743">
        <v>5817</v>
      </c>
      <c r="N743" s="11"/>
    </row>
    <row r="744" spans="2:14">
      <c r="B744" s="2">
        <f t="shared" si="13"/>
        <v>0.66644675925925922</v>
      </c>
      <c r="C744">
        <v>22140</v>
      </c>
      <c r="D744">
        <v>642.35</v>
      </c>
      <c r="E744">
        <v>653.61</v>
      </c>
      <c r="F744">
        <v>654.44000000000005</v>
      </c>
      <c r="G744">
        <v>734.29</v>
      </c>
      <c r="H744">
        <v>750.67</v>
      </c>
      <c r="I744">
        <v>846.67</v>
      </c>
      <c r="J744">
        <v>2638</v>
      </c>
      <c r="K744">
        <v>5797</v>
      </c>
      <c r="N744" s="11"/>
    </row>
    <row r="745" spans="2:14">
      <c r="B745" s="2">
        <f t="shared" si="13"/>
        <v>0.6667939814814815</v>
      </c>
      <c r="C745">
        <v>22170</v>
      </c>
      <c r="D745">
        <v>637.86</v>
      </c>
      <c r="E745">
        <v>651.5</v>
      </c>
      <c r="F745">
        <v>653.01</v>
      </c>
      <c r="G745">
        <v>733.7</v>
      </c>
      <c r="H745">
        <v>746.31</v>
      </c>
      <c r="I745">
        <v>846.12</v>
      </c>
      <c r="J745">
        <v>2671</v>
      </c>
      <c r="K745">
        <v>5750</v>
      </c>
      <c r="N745" s="11"/>
    </row>
    <row r="746" spans="2:14">
      <c r="B746" s="2">
        <f t="shared" si="13"/>
        <v>0.66714120370370367</v>
      </c>
      <c r="C746">
        <v>22200</v>
      </c>
      <c r="D746">
        <v>637.94000000000005</v>
      </c>
      <c r="E746">
        <v>649.88</v>
      </c>
      <c r="F746">
        <v>651.67999999999995</v>
      </c>
      <c r="G746">
        <v>734.05</v>
      </c>
      <c r="H746">
        <v>749.38</v>
      </c>
      <c r="I746">
        <v>844.71</v>
      </c>
      <c r="J746">
        <v>2686</v>
      </c>
      <c r="K746">
        <v>5637</v>
      </c>
      <c r="N746" s="11"/>
    </row>
    <row r="747" spans="2:14">
      <c r="B747" s="2">
        <f t="shared" si="13"/>
        <v>0.66748842592592594</v>
      </c>
      <c r="C747">
        <v>22230</v>
      </c>
      <c r="D747">
        <v>638.37</v>
      </c>
      <c r="E747">
        <v>650.92999999999995</v>
      </c>
      <c r="F747">
        <v>652.44000000000005</v>
      </c>
      <c r="G747">
        <v>734.54</v>
      </c>
      <c r="H747">
        <v>751.74</v>
      </c>
      <c r="I747">
        <v>845.52</v>
      </c>
      <c r="J747">
        <v>2692</v>
      </c>
      <c r="K747">
        <v>5613</v>
      </c>
      <c r="N747" s="11"/>
    </row>
    <row r="748" spans="2:14">
      <c r="B748" s="2">
        <f t="shared" si="13"/>
        <v>0.66783564814814822</v>
      </c>
      <c r="C748">
        <v>22260</v>
      </c>
      <c r="D748">
        <v>636.07000000000005</v>
      </c>
      <c r="E748">
        <v>650.04</v>
      </c>
      <c r="F748">
        <v>651.88</v>
      </c>
      <c r="G748">
        <v>734.27</v>
      </c>
      <c r="H748">
        <v>750.83</v>
      </c>
      <c r="I748">
        <v>846.94</v>
      </c>
      <c r="J748">
        <v>2714</v>
      </c>
      <c r="K748">
        <v>5578</v>
      </c>
      <c r="N748" s="11"/>
    </row>
    <row r="749" spans="2:14">
      <c r="B749" s="2">
        <f t="shared" si="13"/>
        <v>0.66818287037037027</v>
      </c>
      <c r="C749">
        <v>22290</v>
      </c>
      <c r="D749">
        <v>633.76</v>
      </c>
      <c r="E749">
        <v>648.6</v>
      </c>
      <c r="F749">
        <v>650.70000000000005</v>
      </c>
      <c r="G749">
        <v>733.87</v>
      </c>
      <c r="H749">
        <v>750.98</v>
      </c>
      <c r="I749">
        <v>849.57</v>
      </c>
      <c r="J749">
        <v>2759</v>
      </c>
      <c r="K749">
        <v>5532</v>
      </c>
      <c r="N749" s="11"/>
    </row>
    <row r="750" spans="2:14">
      <c r="B750" s="2">
        <f t="shared" si="13"/>
        <v>0.66853009259259255</v>
      </c>
      <c r="C750">
        <v>22320</v>
      </c>
      <c r="D750">
        <v>636.82000000000005</v>
      </c>
      <c r="E750">
        <v>649.71</v>
      </c>
      <c r="F750">
        <v>651.4</v>
      </c>
      <c r="G750">
        <v>734.42</v>
      </c>
      <c r="H750">
        <v>760.95</v>
      </c>
      <c r="I750">
        <v>846.5</v>
      </c>
      <c r="J750">
        <v>2755</v>
      </c>
      <c r="K750">
        <v>5442</v>
      </c>
      <c r="N750" s="11"/>
    </row>
    <row r="751" spans="2:14">
      <c r="B751" s="2">
        <f t="shared" si="13"/>
        <v>0.66887731481481483</v>
      </c>
      <c r="C751">
        <v>22350</v>
      </c>
      <c r="D751">
        <v>640.64</v>
      </c>
      <c r="E751">
        <v>652.04</v>
      </c>
      <c r="F751">
        <v>653.03</v>
      </c>
      <c r="G751">
        <v>735.97</v>
      </c>
      <c r="H751">
        <v>766.7</v>
      </c>
      <c r="I751">
        <v>842.8</v>
      </c>
      <c r="J751">
        <v>2735</v>
      </c>
      <c r="K751">
        <v>5443</v>
      </c>
      <c r="N751" s="11"/>
    </row>
    <row r="752" spans="2:14">
      <c r="B752" s="2">
        <f t="shared" si="13"/>
        <v>0.66922453703703699</v>
      </c>
      <c r="C752">
        <v>22380</v>
      </c>
      <c r="D752">
        <v>637.6</v>
      </c>
      <c r="E752">
        <v>650.49</v>
      </c>
      <c r="F752">
        <v>651.89</v>
      </c>
      <c r="G752">
        <v>736.29</v>
      </c>
      <c r="H752">
        <v>763.09</v>
      </c>
      <c r="I752">
        <v>842.44</v>
      </c>
      <c r="J752">
        <v>2765</v>
      </c>
      <c r="K752">
        <v>5461</v>
      </c>
      <c r="N752" s="11"/>
    </row>
    <row r="753" spans="2:14">
      <c r="B753" s="2">
        <f t="shared" si="13"/>
        <v>0.66957175925925927</v>
      </c>
      <c r="C753">
        <v>22410</v>
      </c>
      <c r="D753">
        <v>637.92999999999995</v>
      </c>
      <c r="E753">
        <v>650.69000000000005</v>
      </c>
      <c r="F753">
        <v>652</v>
      </c>
      <c r="G753">
        <v>736.54</v>
      </c>
      <c r="H753">
        <v>767.94</v>
      </c>
      <c r="I753">
        <v>847.14</v>
      </c>
      <c r="J753">
        <v>2773</v>
      </c>
      <c r="K753">
        <v>5429</v>
      </c>
      <c r="N753" s="11"/>
    </row>
    <row r="754" spans="2:14">
      <c r="B754" s="2">
        <f t="shared" si="13"/>
        <v>0.66991898148148143</v>
      </c>
      <c r="C754">
        <v>22440</v>
      </c>
      <c r="D754">
        <v>636.41999999999996</v>
      </c>
      <c r="E754">
        <v>649.97</v>
      </c>
      <c r="F754">
        <v>651.5</v>
      </c>
      <c r="G754">
        <v>736.83</v>
      </c>
      <c r="H754">
        <v>765.91</v>
      </c>
      <c r="I754">
        <v>843.62</v>
      </c>
      <c r="J754">
        <v>2704</v>
      </c>
      <c r="K754">
        <v>5313</v>
      </c>
      <c r="N754" s="11"/>
    </row>
    <row r="755" spans="2:14">
      <c r="B755" s="2">
        <f t="shared" si="13"/>
        <v>0.67026620370370371</v>
      </c>
      <c r="C755">
        <v>22470</v>
      </c>
      <c r="D755">
        <v>631.76</v>
      </c>
      <c r="E755">
        <v>647.85</v>
      </c>
      <c r="F755">
        <v>649.69000000000005</v>
      </c>
      <c r="G755">
        <v>735.44</v>
      </c>
      <c r="H755">
        <v>765.85</v>
      </c>
      <c r="I755">
        <v>845.18</v>
      </c>
      <c r="J755">
        <v>2714</v>
      </c>
      <c r="K755">
        <v>5218</v>
      </c>
      <c r="N755" s="11"/>
    </row>
    <row r="756" spans="2:14">
      <c r="B756" s="2">
        <f t="shared" si="13"/>
        <v>0.67061342592592599</v>
      </c>
      <c r="C756">
        <v>22500</v>
      </c>
      <c r="D756">
        <v>633.67999999999995</v>
      </c>
      <c r="E756">
        <v>648.70000000000005</v>
      </c>
      <c r="F756">
        <v>650.37</v>
      </c>
      <c r="G756">
        <v>735.72</v>
      </c>
      <c r="H756">
        <v>769.2</v>
      </c>
      <c r="I756">
        <v>842.21</v>
      </c>
      <c r="J756">
        <v>2731</v>
      </c>
      <c r="K756">
        <v>5094</v>
      </c>
      <c r="N756" s="11"/>
    </row>
    <row r="757" spans="2:14">
      <c r="B757" s="2">
        <f t="shared" si="13"/>
        <v>0.67096064814814815</v>
      </c>
      <c r="C757">
        <v>22530</v>
      </c>
      <c r="D757">
        <v>634.99</v>
      </c>
      <c r="E757">
        <v>648.51</v>
      </c>
      <c r="F757">
        <v>650.14</v>
      </c>
      <c r="G757">
        <v>735.21</v>
      </c>
      <c r="H757">
        <v>771.75</v>
      </c>
      <c r="I757">
        <v>835</v>
      </c>
      <c r="J757">
        <v>2810</v>
      </c>
      <c r="K757">
        <v>5047</v>
      </c>
      <c r="N757" s="11"/>
    </row>
    <row r="758" spans="2:14">
      <c r="B758" s="2">
        <f t="shared" si="13"/>
        <v>0.67130787037037032</v>
      </c>
      <c r="C758">
        <v>22560</v>
      </c>
      <c r="D758">
        <v>641.47</v>
      </c>
      <c r="E758">
        <v>652.72</v>
      </c>
      <c r="F758">
        <v>653.24</v>
      </c>
      <c r="G758">
        <v>735.39</v>
      </c>
      <c r="H758">
        <v>780.47</v>
      </c>
      <c r="I758">
        <v>825.51</v>
      </c>
      <c r="J758">
        <v>2829</v>
      </c>
      <c r="K758">
        <v>5076</v>
      </c>
      <c r="N758" s="11"/>
    </row>
    <row r="759" spans="2:14">
      <c r="B759" s="2">
        <f t="shared" si="13"/>
        <v>0.6716550925925926</v>
      </c>
      <c r="C759">
        <v>22590</v>
      </c>
      <c r="D759">
        <v>644.11</v>
      </c>
      <c r="E759">
        <v>654.21</v>
      </c>
      <c r="F759">
        <v>654.35</v>
      </c>
      <c r="G759">
        <v>736.53</v>
      </c>
      <c r="H759">
        <v>779.85</v>
      </c>
      <c r="I759">
        <v>815.92</v>
      </c>
      <c r="J759">
        <v>3085</v>
      </c>
      <c r="K759">
        <v>5010</v>
      </c>
      <c r="N759" s="11"/>
    </row>
    <row r="760" spans="2:14">
      <c r="B760" s="2">
        <f t="shared" si="13"/>
        <v>0.67200231481481487</v>
      </c>
      <c r="C760">
        <v>22620</v>
      </c>
      <c r="D760">
        <v>647.48</v>
      </c>
      <c r="E760">
        <v>655.9</v>
      </c>
      <c r="F760">
        <v>655.53</v>
      </c>
      <c r="G760">
        <v>735.08</v>
      </c>
      <c r="H760">
        <v>768.52</v>
      </c>
      <c r="I760">
        <v>824.93</v>
      </c>
      <c r="J760">
        <v>3016</v>
      </c>
      <c r="K760">
        <v>5419</v>
      </c>
      <c r="N760" s="11"/>
    </row>
    <row r="761" spans="2:14">
      <c r="B761" s="2">
        <f t="shared" si="13"/>
        <v>0.67234953703703704</v>
      </c>
      <c r="C761">
        <v>22650</v>
      </c>
      <c r="D761">
        <v>650.79999999999995</v>
      </c>
      <c r="E761">
        <v>658.13</v>
      </c>
      <c r="F761">
        <v>657.14</v>
      </c>
      <c r="G761">
        <v>735.71</v>
      </c>
      <c r="H761">
        <v>769.83</v>
      </c>
      <c r="I761">
        <v>832.25</v>
      </c>
      <c r="J761">
        <v>2876</v>
      </c>
      <c r="K761">
        <v>5767</v>
      </c>
      <c r="N761" s="11"/>
    </row>
    <row r="762" spans="2:14">
      <c r="B762" s="2">
        <f t="shared" si="13"/>
        <v>0.6726967592592592</v>
      </c>
      <c r="C762">
        <v>22680</v>
      </c>
      <c r="D762">
        <v>650.24</v>
      </c>
      <c r="E762">
        <v>657.49</v>
      </c>
      <c r="F762">
        <v>656.75</v>
      </c>
      <c r="G762">
        <v>744.33</v>
      </c>
      <c r="H762">
        <v>763.18</v>
      </c>
      <c r="I762">
        <v>830.1</v>
      </c>
      <c r="J762">
        <v>2804</v>
      </c>
      <c r="K762">
        <v>5972</v>
      </c>
      <c r="N762" s="11"/>
    </row>
    <row r="763" spans="2:14">
      <c r="B763" s="2">
        <f t="shared" si="13"/>
        <v>0.67304398148148148</v>
      </c>
      <c r="C763">
        <v>22710</v>
      </c>
      <c r="D763">
        <v>649.97</v>
      </c>
      <c r="E763">
        <v>656.39</v>
      </c>
      <c r="F763">
        <v>656</v>
      </c>
      <c r="G763">
        <v>750.29</v>
      </c>
      <c r="H763">
        <v>756.14</v>
      </c>
      <c r="I763">
        <v>833.5</v>
      </c>
      <c r="J763">
        <v>2770</v>
      </c>
      <c r="K763">
        <v>6053</v>
      </c>
      <c r="N763" s="11"/>
    </row>
    <row r="764" spans="2:14">
      <c r="B764" s="2">
        <f t="shared" si="13"/>
        <v>0.67339120370370376</v>
      </c>
      <c r="C764">
        <v>22740</v>
      </c>
      <c r="D764">
        <v>647.17999999999995</v>
      </c>
      <c r="E764">
        <v>655.22</v>
      </c>
      <c r="F764">
        <v>655.24</v>
      </c>
      <c r="G764">
        <v>756.49</v>
      </c>
      <c r="H764">
        <v>751.45</v>
      </c>
      <c r="I764">
        <v>833.21</v>
      </c>
      <c r="J764">
        <v>2740</v>
      </c>
      <c r="K764">
        <v>6122</v>
      </c>
      <c r="N764" s="11"/>
    </row>
    <row r="765" spans="2:14">
      <c r="B765" s="2">
        <f t="shared" si="13"/>
        <v>0.67373842592592592</v>
      </c>
      <c r="C765">
        <v>22770</v>
      </c>
      <c r="D765">
        <v>645.99</v>
      </c>
      <c r="E765">
        <v>654.24</v>
      </c>
      <c r="F765">
        <v>654.44000000000005</v>
      </c>
      <c r="G765">
        <v>764.22</v>
      </c>
      <c r="H765">
        <v>749.57</v>
      </c>
      <c r="I765">
        <v>846.55</v>
      </c>
      <c r="J765">
        <v>2723</v>
      </c>
      <c r="K765">
        <v>6192</v>
      </c>
      <c r="N765" s="11"/>
    </row>
    <row r="766" spans="2:14">
      <c r="B766" s="2">
        <f t="shared" si="13"/>
        <v>0.67408564814814809</v>
      </c>
      <c r="C766">
        <v>22800</v>
      </c>
      <c r="D766">
        <v>647.5</v>
      </c>
      <c r="E766">
        <v>654.89</v>
      </c>
      <c r="F766">
        <v>654.87</v>
      </c>
      <c r="G766">
        <v>769.94</v>
      </c>
      <c r="H766">
        <v>748.98</v>
      </c>
      <c r="I766">
        <v>841.83</v>
      </c>
      <c r="J766">
        <v>2686</v>
      </c>
      <c r="K766">
        <v>6176</v>
      </c>
      <c r="N766" s="11"/>
    </row>
    <row r="767" spans="2:14">
      <c r="B767" s="2">
        <f t="shared" si="13"/>
        <v>0.67443287037037036</v>
      </c>
      <c r="C767">
        <v>22830</v>
      </c>
      <c r="D767">
        <v>648.32000000000005</v>
      </c>
      <c r="E767">
        <v>654.97</v>
      </c>
      <c r="F767">
        <v>654.94000000000005</v>
      </c>
      <c r="G767">
        <v>775.03</v>
      </c>
      <c r="H767">
        <v>747.26</v>
      </c>
      <c r="I767">
        <v>848.57</v>
      </c>
      <c r="J767">
        <v>2669</v>
      </c>
      <c r="K767">
        <v>6176</v>
      </c>
      <c r="N767" s="11"/>
    </row>
    <row r="768" spans="2:14">
      <c r="B768" s="2">
        <f t="shared" si="13"/>
        <v>0.67478009259259264</v>
      </c>
      <c r="C768">
        <v>22860</v>
      </c>
      <c r="D768">
        <v>648.79999999999995</v>
      </c>
      <c r="E768">
        <v>654.76</v>
      </c>
      <c r="F768">
        <v>654.87</v>
      </c>
      <c r="G768">
        <v>780.66</v>
      </c>
      <c r="H768">
        <v>745.05</v>
      </c>
      <c r="I768">
        <v>852.12</v>
      </c>
      <c r="J768">
        <v>2658</v>
      </c>
      <c r="K768">
        <v>6211</v>
      </c>
      <c r="N768" s="11"/>
    </row>
    <row r="769" spans="2:14">
      <c r="B769" s="2">
        <f t="shared" si="13"/>
        <v>0.67512731481481481</v>
      </c>
      <c r="C769">
        <v>22890</v>
      </c>
      <c r="D769">
        <v>649.54999999999995</v>
      </c>
      <c r="E769">
        <v>655.20000000000005</v>
      </c>
      <c r="F769">
        <v>655.21</v>
      </c>
      <c r="G769">
        <v>783.15</v>
      </c>
      <c r="H769">
        <v>745.7</v>
      </c>
      <c r="I769">
        <v>849.01</v>
      </c>
      <c r="J769">
        <v>2641</v>
      </c>
      <c r="K769">
        <v>6199</v>
      </c>
      <c r="N769" s="11"/>
    </row>
    <row r="770" spans="2:14">
      <c r="B770" s="2">
        <f t="shared" si="13"/>
        <v>0.67547453703703697</v>
      </c>
      <c r="C770">
        <v>22920</v>
      </c>
      <c r="D770">
        <v>646.86</v>
      </c>
      <c r="E770">
        <v>654.69000000000005</v>
      </c>
      <c r="F770">
        <v>654.92999999999995</v>
      </c>
      <c r="G770">
        <v>777.58</v>
      </c>
      <c r="H770">
        <v>742.9</v>
      </c>
      <c r="I770">
        <v>850.37</v>
      </c>
      <c r="J770">
        <v>2654</v>
      </c>
      <c r="K770">
        <v>6159</v>
      </c>
      <c r="N770" s="11"/>
    </row>
    <row r="771" spans="2:14">
      <c r="B771" s="2">
        <f t="shared" si="13"/>
        <v>0.67582175925925925</v>
      </c>
      <c r="C771">
        <v>22950</v>
      </c>
      <c r="D771">
        <v>647.37</v>
      </c>
      <c r="E771">
        <v>654.04</v>
      </c>
      <c r="F771">
        <v>654.54999999999995</v>
      </c>
      <c r="G771">
        <v>778.18</v>
      </c>
      <c r="H771">
        <v>742.34</v>
      </c>
      <c r="I771">
        <v>849.89</v>
      </c>
      <c r="J771">
        <v>2662</v>
      </c>
      <c r="K771">
        <v>6100</v>
      </c>
      <c r="N771" s="11"/>
    </row>
    <row r="772" spans="2:14">
      <c r="B772" s="2">
        <f t="shared" si="13"/>
        <v>0.67616898148148152</v>
      </c>
      <c r="C772">
        <v>22980</v>
      </c>
      <c r="D772">
        <v>647.42999999999995</v>
      </c>
      <c r="E772">
        <v>654.73</v>
      </c>
      <c r="F772">
        <v>655.12</v>
      </c>
      <c r="G772">
        <v>772.86</v>
      </c>
      <c r="H772">
        <v>745.94</v>
      </c>
      <c r="I772">
        <v>856.79</v>
      </c>
      <c r="J772">
        <v>2679</v>
      </c>
      <c r="K772">
        <v>6060</v>
      </c>
      <c r="N772" s="11"/>
    </row>
    <row r="773" spans="2:14">
      <c r="B773" s="2">
        <f t="shared" si="13"/>
        <v>0.67651620370370369</v>
      </c>
      <c r="C773">
        <v>23010</v>
      </c>
      <c r="D773">
        <v>647.86</v>
      </c>
      <c r="E773">
        <v>654.55999999999995</v>
      </c>
      <c r="F773">
        <v>654.97</v>
      </c>
      <c r="G773">
        <v>774.28</v>
      </c>
      <c r="H773">
        <v>746.83</v>
      </c>
      <c r="I773">
        <v>850.82</v>
      </c>
      <c r="J773">
        <v>2684</v>
      </c>
      <c r="K773">
        <v>6036</v>
      </c>
      <c r="N773" s="11"/>
    </row>
    <row r="774" spans="2:14">
      <c r="B774" s="2">
        <f t="shared" si="13"/>
        <v>0.67686342592592585</v>
      </c>
      <c r="C774">
        <v>23040</v>
      </c>
      <c r="D774">
        <v>645.14</v>
      </c>
      <c r="E774">
        <v>654.36</v>
      </c>
      <c r="F774">
        <v>654.72</v>
      </c>
      <c r="G774">
        <v>772.18</v>
      </c>
      <c r="H774">
        <v>748.18</v>
      </c>
      <c r="I774">
        <v>849.5</v>
      </c>
      <c r="J774">
        <v>2703</v>
      </c>
      <c r="K774">
        <v>5957</v>
      </c>
      <c r="N774" s="11"/>
    </row>
    <row r="775" spans="2:14">
      <c r="B775" s="2">
        <f t="shared" si="13"/>
        <v>0.67721064814814813</v>
      </c>
      <c r="C775">
        <v>23070</v>
      </c>
      <c r="D775">
        <v>647.03</v>
      </c>
      <c r="E775">
        <v>653.89</v>
      </c>
      <c r="F775">
        <v>654.47</v>
      </c>
      <c r="G775">
        <v>771.3</v>
      </c>
      <c r="H775">
        <v>751.31</v>
      </c>
      <c r="I775">
        <v>846.92</v>
      </c>
      <c r="J775">
        <v>2706</v>
      </c>
      <c r="K775">
        <v>5901</v>
      </c>
      <c r="N775" s="11"/>
    </row>
    <row r="776" spans="2:14">
      <c r="B776" s="2">
        <f t="shared" si="13"/>
        <v>0.67755787037037041</v>
      </c>
      <c r="C776">
        <v>23100</v>
      </c>
      <c r="D776">
        <v>644.26</v>
      </c>
      <c r="E776">
        <v>653.39</v>
      </c>
      <c r="F776">
        <v>654.13</v>
      </c>
      <c r="G776">
        <v>770.89</v>
      </c>
      <c r="H776">
        <v>753.28</v>
      </c>
      <c r="I776">
        <v>853.41</v>
      </c>
      <c r="J776">
        <v>2715</v>
      </c>
      <c r="K776">
        <v>5973</v>
      </c>
      <c r="N776" s="11"/>
    </row>
    <row r="777" spans="2:14">
      <c r="B777" s="2">
        <f t="shared" si="13"/>
        <v>0.67790509259259257</v>
      </c>
      <c r="C777">
        <v>23130</v>
      </c>
      <c r="D777">
        <v>646.91999999999996</v>
      </c>
      <c r="E777">
        <v>654.94000000000005</v>
      </c>
      <c r="F777">
        <v>655.07000000000005</v>
      </c>
      <c r="G777">
        <v>777.45</v>
      </c>
      <c r="H777">
        <v>759.88</v>
      </c>
      <c r="I777">
        <v>847.61</v>
      </c>
      <c r="J777">
        <v>2698</v>
      </c>
      <c r="K777">
        <v>5963</v>
      </c>
      <c r="N777" s="11"/>
    </row>
    <row r="778" spans="2:14">
      <c r="B778" s="2">
        <f t="shared" si="13"/>
        <v>0.67825231481481474</v>
      </c>
      <c r="C778">
        <v>23160</v>
      </c>
      <c r="D778">
        <v>646.67999999999995</v>
      </c>
      <c r="E778">
        <v>655.03</v>
      </c>
      <c r="F778">
        <v>655.25</v>
      </c>
      <c r="G778">
        <v>774.34</v>
      </c>
      <c r="H778">
        <v>762.07</v>
      </c>
      <c r="I778">
        <v>849.89</v>
      </c>
      <c r="J778">
        <v>2712</v>
      </c>
      <c r="K778">
        <v>5949</v>
      </c>
      <c r="N778" s="11"/>
    </row>
    <row r="779" spans="2:14">
      <c r="B779" s="2">
        <f t="shared" si="13"/>
        <v>0.67859953703703701</v>
      </c>
      <c r="C779">
        <v>23190</v>
      </c>
      <c r="D779">
        <v>649.22</v>
      </c>
      <c r="E779">
        <v>656.87</v>
      </c>
      <c r="F779">
        <v>656.47</v>
      </c>
      <c r="G779">
        <v>778.05</v>
      </c>
      <c r="H779">
        <v>768.21</v>
      </c>
      <c r="I779">
        <v>852.31</v>
      </c>
      <c r="J779">
        <v>2695</v>
      </c>
      <c r="K779">
        <v>5976</v>
      </c>
      <c r="N779" s="11"/>
    </row>
    <row r="780" spans="2:14">
      <c r="B780" s="2">
        <f t="shared" si="13"/>
        <v>0.67894675925925929</v>
      </c>
      <c r="C780">
        <v>23220</v>
      </c>
      <c r="D780">
        <v>648.04</v>
      </c>
      <c r="E780">
        <v>656.76</v>
      </c>
      <c r="F780">
        <v>656.54</v>
      </c>
      <c r="G780">
        <v>773.87</v>
      </c>
      <c r="H780">
        <v>765.88</v>
      </c>
      <c r="I780">
        <v>852.79</v>
      </c>
      <c r="J780">
        <v>2730</v>
      </c>
      <c r="K780">
        <v>5926</v>
      </c>
      <c r="N780" s="11"/>
    </row>
    <row r="781" spans="2:14">
      <c r="B781" s="2">
        <f t="shared" si="13"/>
        <v>0.67929398148148146</v>
      </c>
      <c r="C781">
        <v>23250</v>
      </c>
      <c r="D781">
        <v>649.88</v>
      </c>
      <c r="E781">
        <v>657.27</v>
      </c>
      <c r="F781">
        <v>657.08</v>
      </c>
      <c r="G781">
        <v>773.12</v>
      </c>
      <c r="H781">
        <v>771.25</v>
      </c>
      <c r="I781">
        <v>854.23</v>
      </c>
      <c r="J781">
        <v>2735</v>
      </c>
      <c r="K781">
        <v>5903</v>
      </c>
      <c r="N781" s="11"/>
    </row>
    <row r="782" spans="2:14">
      <c r="B782" s="2">
        <f t="shared" si="13"/>
        <v>0.67964120370370373</v>
      </c>
      <c r="C782">
        <v>23280</v>
      </c>
      <c r="D782">
        <v>650.52</v>
      </c>
      <c r="E782">
        <v>658.14</v>
      </c>
      <c r="F782">
        <v>657.69</v>
      </c>
      <c r="G782">
        <v>771.83</v>
      </c>
      <c r="H782">
        <v>772.81</v>
      </c>
      <c r="I782">
        <v>856.12</v>
      </c>
      <c r="J782">
        <v>2740</v>
      </c>
      <c r="K782">
        <v>5860</v>
      </c>
      <c r="N782" s="11"/>
    </row>
    <row r="783" spans="2:14">
      <c r="B783" s="2">
        <f t="shared" si="13"/>
        <v>0.6799884259259259</v>
      </c>
      <c r="C783">
        <v>23310</v>
      </c>
      <c r="D783">
        <v>651.88</v>
      </c>
      <c r="E783">
        <v>658.38</v>
      </c>
      <c r="F783">
        <v>657.84</v>
      </c>
      <c r="G783">
        <v>770.82</v>
      </c>
      <c r="H783">
        <v>772.6</v>
      </c>
      <c r="I783">
        <v>850.65</v>
      </c>
      <c r="J783">
        <v>2755</v>
      </c>
      <c r="K783">
        <v>5827</v>
      </c>
      <c r="N783" s="11"/>
    </row>
    <row r="784" spans="2:14">
      <c r="B784" s="2">
        <f t="shared" si="13"/>
        <v>0.68033564814814818</v>
      </c>
      <c r="C784">
        <v>23340</v>
      </c>
      <c r="D784">
        <v>651.80999999999995</v>
      </c>
      <c r="E784">
        <v>658.44</v>
      </c>
      <c r="F784">
        <v>658.09</v>
      </c>
      <c r="G784">
        <v>770.43</v>
      </c>
      <c r="H784">
        <v>774.24</v>
      </c>
      <c r="I784">
        <v>849.29</v>
      </c>
      <c r="J784">
        <v>2771</v>
      </c>
      <c r="K784">
        <v>5791</v>
      </c>
      <c r="N784" s="11"/>
    </row>
    <row r="785" spans="2:14">
      <c r="B785" s="2">
        <f t="shared" si="13"/>
        <v>0.68068287037037045</v>
      </c>
      <c r="C785">
        <v>23370</v>
      </c>
      <c r="D785">
        <v>651.82000000000005</v>
      </c>
      <c r="E785">
        <v>659.15</v>
      </c>
      <c r="F785">
        <v>658.69</v>
      </c>
      <c r="G785">
        <v>770.16</v>
      </c>
      <c r="H785">
        <v>775.31</v>
      </c>
      <c r="I785">
        <v>856.5</v>
      </c>
      <c r="J785">
        <v>2785</v>
      </c>
      <c r="K785">
        <v>5797</v>
      </c>
      <c r="N785" s="11"/>
    </row>
    <row r="786" spans="2:14">
      <c r="B786" s="2">
        <f t="shared" si="13"/>
        <v>0.68103009259259251</v>
      </c>
      <c r="C786">
        <v>23400</v>
      </c>
      <c r="D786">
        <v>652.35</v>
      </c>
      <c r="E786">
        <v>660.11</v>
      </c>
      <c r="F786">
        <v>659.53</v>
      </c>
      <c r="G786">
        <v>772.13</v>
      </c>
      <c r="H786">
        <v>781.53</v>
      </c>
      <c r="I786">
        <v>853.96</v>
      </c>
      <c r="J786">
        <v>2774</v>
      </c>
      <c r="K786">
        <v>5763</v>
      </c>
      <c r="N786" s="11"/>
    </row>
    <row r="787" spans="2:14">
      <c r="B787" s="2">
        <f t="shared" si="13"/>
        <v>0.68137731481481478</v>
      </c>
      <c r="C787">
        <v>23430</v>
      </c>
      <c r="D787">
        <v>653.77</v>
      </c>
      <c r="E787">
        <v>660.14</v>
      </c>
      <c r="F787">
        <v>659.49</v>
      </c>
      <c r="G787">
        <v>770.08</v>
      </c>
      <c r="H787">
        <v>781.01</v>
      </c>
      <c r="I787">
        <v>852.18</v>
      </c>
      <c r="J787">
        <v>2789</v>
      </c>
      <c r="K787">
        <v>5706</v>
      </c>
      <c r="N787" s="11"/>
    </row>
    <row r="788" spans="2:14">
      <c r="B788" s="2">
        <f t="shared" si="13"/>
        <v>0.68172453703703706</v>
      </c>
      <c r="C788">
        <v>23460</v>
      </c>
      <c r="D788">
        <v>654.01</v>
      </c>
      <c r="E788">
        <v>660.72</v>
      </c>
      <c r="F788">
        <v>660.09</v>
      </c>
      <c r="G788">
        <v>772.62</v>
      </c>
      <c r="H788">
        <v>781.18</v>
      </c>
      <c r="I788">
        <v>858.89</v>
      </c>
      <c r="J788">
        <v>2793</v>
      </c>
      <c r="K788">
        <v>5690</v>
      </c>
      <c r="N788" s="11"/>
    </row>
    <row r="789" spans="2:14">
      <c r="B789" s="2">
        <f t="shared" si="13"/>
        <v>0.68207175925925922</v>
      </c>
      <c r="C789">
        <v>23490</v>
      </c>
      <c r="D789">
        <v>653.73</v>
      </c>
      <c r="E789">
        <v>660.89</v>
      </c>
      <c r="F789">
        <v>660.44</v>
      </c>
      <c r="G789">
        <v>770.57</v>
      </c>
      <c r="H789">
        <v>784.51</v>
      </c>
      <c r="I789">
        <v>855.05</v>
      </c>
      <c r="J789">
        <v>2799</v>
      </c>
      <c r="K789">
        <v>5663</v>
      </c>
      <c r="N789" s="11"/>
    </row>
    <row r="790" spans="2:14">
      <c r="B790" s="2">
        <f t="shared" si="13"/>
        <v>0.68241898148148139</v>
      </c>
      <c r="C790">
        <v>23520</v>
      </c>
      <c r="D790">
        <v>657.32</v>
      </c>
      <c r="E790">
        <v>662.44</v>
      </c>
      <c r="F790">
        <v>661.57</v>
      </c>
      <c r="G790">
        <v>770.17</v>
      </c>
      <c r="H790">
        <v>787.97</v>
      </c>
      <c r="I790">
        <v>854.61</v>
      </c>
      <c r="J790">
        <v>2786</v>
      </c>
      <c r="K790">
        <v>5788</v>
      </c>
      <c r="N790" s="11"/>
    </row>
    <row r="791" spans="2:14">
      <c r="B791" s="2">
        <f t="shared" si="13"/>
        <v>0.68276620370370367</v>
      </c>
      <c r="C791">
        <v>23550</v>
      </c>
      <c r="D791">
        <v>659.7</v>
      </c>
      <c r="E791">
        <v>664.46</v>
      </c>
      <c r="F791">
        <v>663.26</v>
      </c>
      <c r="G791">
        <v>772.08</v>
      </c>
      <c r="H791">
        <v>793.92</v>
      </c>
      <c r="I791">
        <v>857.75</v>
      </c>
      <c r="J791">
        <v>2754</v>
      </c>
      <c r="K791">
        <v>5722</v>
      </c>
      <c r="N791" s="11"/>
    </row>
    <row r="792" spans="2:14">
      <c r="B792" s="2">
        <f t="shared" si="13"/>
        <v>0.68311342592592594</v>
      </c>
      <c r="C792">
        <v>23580</v>
      </c>
      <c r="D792">
        <v>658.1</v>
      </c>
      <c r="E792">
        <v>663.97</v>
      </c>
      <c r="F792">
        <v>663.1</v>
      </c>
      <c r="G792">
        <v>773.44</v>
      </c>
      <c r="H792">
        <v>787.81</v>
      </c>
      <c r="I792">
        <v>856.66</v>
      </c>
      <c r="J792">
        <v>2763</v>
      </c>
      <c r="K792">
        <v>5725</v>
      </c>
      <c r="N792" s="11"/>
    </row>
    <row r="793" spans="2:14">
      <c r="B793" s="2">
        <f t="shared" si="13"/>
        <v>0.68346064814814811</v>
      </c>
      <c r="C793">
        <v>23610</v>
      </c>
      <c r="D793">
        <v>657.9</v>
      </c>
      <c r="E793">
        <v>664.4</v>
      </c>
      <c r="F793">
        <v>663.44</v>
      </c>
      <c r="G793">
        <v>772.16</v>
      </c>
      <c r="H793">
        <v>791.48</v>
      </c>
      <c r="I793">
        <v>856.71</v>
      </c>
      <c r="J793">
        <v>2762</v>
      </c>
      <c r="K793">
        <v>5713</v>
      </c>
      <c r="N793" s="11"/>
    </row>
    <row r="794" spans="2:14">
      <c r="B794" s="2">
        <f t="shared" si="13"/>
        <v>0.68380787037037039</v>
      </c>
      <c r="C794">
        <v>23640</v>
      </c>
      <c r="D794">
        <v>659.16</v>
      </c>
      <c r="E794">
        <v>664.22</v>
      </c>
      <c r="F794">
        <v>663.44</v>
      </c>
      <c r="G794">
        <v>773.43</v>
      </c>
      <c r="H794">
        <v>791.74</v>
      </c>
      <c r="I794">
        <v>861.85</v>
      </c>
      <c r="J794">
        <v>2787</v>
      </c>
      <c r="K794">
        <v>5677</v>
      </c>
      <c r="N794" s="11"/>
    </row>
    <row r="795" spans="2:14">
      <c r="B795" s="2">
        <f t="shared" si="13"/>
        <v>0.68415509259259255</v>
      </c>
      <c r="C795">
        <v>23670</v>
      </c>
      <c r="D795">
        <v>657.37</v>
      </c>
      <c r="E795">
        <v>664.12</v>
      </c>
      <c r="F795">
        <v>663.32</v>
      </c>
      <c r="G795">
        <v>771.47</v>
      </c>
      <c r="H795">
        <v>788.59</v>
      </c>
      <c r="I795">
        <v>861.24</v>
      </c>
      <c r="J795">
        <v>2815</v>
      </c>
      <c r="K795">
        <v>5618</v>
      </c>
      <c r="N795" s="11"/>
    </row>
    <row r="796" spans="2:14">
      <c r="B796" s="2">
        <f t="shared" si="13"/>
        <v>0.68450231481481483</v>
      </c>
      <c r="C796">
        <v>23700</v>
      </c>
      <c r="D796">
        <v>660.15</v>
      </c>
      <c r="E796">
        <v>665.38</v>
      </c>
      <c r="F796">
        <v>664.46</v>
      </c>
      <c r="G796">
        <v>770.72</v>
      </c>
      <c r="H796">
        <v>796.38</v>
      </c>
      <c r="I796">
        <v>859.44</v>
      </c>
      <c r="J796">
        <v>2800</v>
      </c>
      <c r="K796">
        <v>5645</v>
      </c>
      <c r="N796" s="11"/>
    </row>
    <row r="797" spans="2:14">
      <c r="B797" s="2">
        <f t="shared" si="13"/>
        <v>0.6848495370370371</v>
      </c>
      <c r="C797">
        <v>23730</v>
      </c>
      <c r="D797">
        <v>659.32</v>
      </c>
      <c r="E797">
        <v>665.5</v>
      </c>
      <c r="F797">
        <v>664.71</v>
      </c>
      <c r="G797">
        <v>771.61</v>
      </c>
      <c r="H797">
        <v>792.35</v>
      </c>
      <c r="I797">
        <v>858.1</v>
      </c>
      <c r="J797">
        <v>2816</v>
      </c>
      <c r="K797">
        <v>5586</v>
      </c>
      <c r="N797" s="11"/>
    </row>
    <row r="798" spans="2:14">
      <c r="B798" s="2">
        <f t="shared" si="13"/>
        <v>0.68519675925925927</v>
      </c>
      <c r="C798">
        <v>23760</v>
      </c>
      <c r="D798">
        <v>661.15</v>
      </c>
      <c r="E798">
        <v>666.5</v>
      </c>
      <c r="F798">
        <v>665.07</v>
      </c>
      <c r="G798">
        <v>771.32</v>
      </c>
      <c r="H798">
        <v>796.2</v>
      </c>
      <c r="I798">
        <v>860.16</v>
      </c>
      <c r="J798">
        <v>2803</v>
      </c>
      <c r="K798">
        <v>5569</v>
      </c>
      <c r="N798" s="11"/>
    </row>
    <row r="799" spans="2:14">
      <c r="B799" s="2">
        <f t="shared" si="13"/>
        <v>0.68554398148148143</v>
      </c>
      <c r="C799">
        <v>23790</v>
      </c>
      <c r="D799">
        <v>661.99</v>
      </c>
      <c r="E799">
        <v>667.66</v>
      </c>
      <c r="F799">
        <v>666.48</v>
      </c>
      <c r="G799">
        <v>771.23</v>
      </c>
      <c r="H799">
        <v>797.07</v>
      </c>
      <c r="I799">
        <v>862.44</v>
      </c>
      <c r="J799">
        <v>2806</v>
      </c>
      <c r="K799">
        <v>5582</v>
      </c>
      <c r="N799" s="11"/>
    </row>
    <row r="800" spans="2:14">
      <c r="B800" s="2">
        <f t="shared" si="13"/>
        <v>0.68589120370370371</v>
      </c>
      <c r="C800">
        <v>23820</v>
      </c>
      <c r="D800">
        <v>662.6</v>
      </c>
      <c r="E800">
        <v>667.33</v>
      </c>
      <c r="F800">
        <v>666.19</v>
      </c>
      <c r="G800">
        <v>770.25</v>
      </c>
      <c r="H800">
        <v>797.15</v>
      </c>
      <c r="I800">
        <v>863.15</v>
      </c>
      <c r="J800">
        <v>2821</v>
      </c>
      <c r="K800">
        <v>5565</v>
      </c>
      <c r="N800" s="11"/>
    </row>
    <row r="801" spans="2:14">
      <c r="B801" s="2">
        <f t="shared" si="13"/>
        <v>0.68623842592592599</v>
      </c>
      <c r="C801">
        <v>23850</v>
      </c>
      <c r="D801">
        <v>662.44</v>
      </c>
      <c r="E801">
        <v>667.73</v>
      </c>
      <c r="F801">
        <v>666.53</v>
      </c>
      <c r="G801">
        <v>770.6</v>
      </c>
      <c r="H801">
        <v>800.29</v>
      </c>
      <c r="I801">
        <v>862.92</v>
      </c>
      <c r="J801">
        <v>2797</v>
      </c>
      <c r="K801">
        <v>5553</v>
      </c>
      <c r="N801" s="11"/>
    </row>
    <row r="802" spans="2:14">
      <c r="B802" s="2">
        <f t="shared" si="13"/>
        <v>0.68658564814814804</v>
      </c>
      <c r="C802">
        <v>23880</v>
      </c>
      <c r="D802">
        <v>661.37</v>
      </c>
      <c r="E802">
        <v>667.72</v>
      </c>
      <c r="F802">
        <v>666.66</v>
      </c>
      <c r="G802">
        <v>770.3</v>
      </c>
      <c r="H802">
        <v>794.98</v>
      </c>
      <c r="I802">
        <v>858.58</v>
      </c>
      <c r="J802">
        <v>2833</v>
      </c>
      <c r="K802">
        <v>5508</v>
      </c>
      <c r="N802" s="11"/>
    </row>
    <row r="803" spans="2:14">
      <c r="B803" s="2">
        <f t="shared" si="13"/>
        <v>0.68693287037037032</v>
      </c>
      <c r="C803">
        <v>23910</v>
      </c>
      <c r="D803">
        <v>661.95</v>
      </c>
      <c r="E803">
        <v>668.75</v>
      </c>
      <c r="F803">
        <v>667.88</v>
      </c>
      <c r="G803">
        <v>769.45</v>
      </c>
      <c r="H803">
        <v>801.06</v>
      </c>
      <c r="I803">
        <v>856.93</v>
      </c>
      <c r="J803">
        <v>2828</v>
      </c>
      <c r="K803">
        <v>5531</v>
      </c>
      <c r="N803" s="11"/>
    </row>
    <row r="804" spans="2:14">
      <c r="B804" s="2">
        <f t="shared" ref="B804:B867" si="14">C804/24/60/60+$B$3</f>
        <v>0.6872800925925926</v>
      </c>
      <c r="C804">
        <v>23940</v>
      </c>
      <c r="D804">
        <v>664.66</v>
      </c>
      <c r="E804">
        <v>669.93</v>
      </c>
      <c r="F804">
        <v>668.79</v>
      </c>
      <c r="G804">
        <v>769.59</v>
      </c>
      <c r="H804">
        <v>802.69</v>
      </c>
      <c r="I804">
        <v>862.09</v>
      </c>
      <c r="J804">
        <v>2821</v>
      </c>
      <c r="K804">
        <v>5510</v>
      </c>
      <c r="N804" s="11"/>
    </row>
    <row r="805" spans="2:14">
      <c r="B805" s="2">
        <f t="shared" si="14"/>
        <v>0.68762731481481476</v>
      </c>
      <c r="C805">
        <v>23970</v>
      </c>
      <c r="D805">
        <v>663.46</v>
      </c>
      <c r="E805">
        <v>670.52</v>
      </c>
      <c r="F805">
        <v>669.23</v>
      </c>
      <c r="G805">
        <v>769.02</v>
      </c>
      <c r="H805">
        <v>804.23</v>
      </c>
      <c r="I805">
        <v>856.92</v>
      </c>
      <c r="J805">
        <v>2820</v>
      </c>
      <c r="K805">
        <v>5528</v>
      </c>
      <c r="N805" s="11"/>
    </row>
    <row r="806" spans="2:14">
      <c r="B806" s="2">
        <f t="shared" si="14"/>
        <v>0.68797453703703704</v>
      </c>
      <c r="C806">
        <v>24000</v>
      </c>
      <c r="D806">
        <v>667.12</v>
      </c>
      <c r="E806">
        <v>671.53</v>
      </c>
      <c r="F806">
        <v>669.93</v>
      </c>
      <c r="G806">
        <v>769.43</v>
      </c>
      <c r="H806">
        <v>807.17</v>
      </c>
      <c r="I806">
        <v>860.37</v>
      </c>
      <c r="J806">
        <v>2796</v>
      </c>
      <c r="K806">
        <v>5534</v>
      </c>
      <c r="N806" s="11"/>
    </row>
    <row r="807" spans="2:14">
      <c r="B807" s="2">
        <f t="shared" si="14"/>
        <v>0.6883217592592592</v>
      </c>
      <c r="C807">
        <v>24030</v>
      </c>
      <c r="D807">
        <v>667.33</v>
      </c>
      <c r="E807">
        <v>671.53</v>
      </c>
      <c r="F807">
        <v>669.99</v>
      </c>
      <c r="G807">
        <v>770.37</v>
      </c>
      <c r="H807">
        <v>802.79</v>
      </c>
      <c r="I807">
        <v>865.33</v>
      </c>
      <c r="J807">
        <v>2794</v>
      </c>
      <c r="K807">
        <v>5561</v>
      </c>
      <c r="N807" s="11"/>
    </row>
    <row r="808" spans="2:14">
      <c r="B808" s="2">
        <f t="shared" si="14"/>
        <v>0.68866898148148148</v>
      </c>
      <c r="C808">
        <v>24060</v>
      </c>
      <c r="D808">
        <v>666.77</v>
      </c>
      <c r="E808">
        <v>670.86</v>
      </c>
      <c r="F808">
        <v>669.63</v>
      </c>
      <c r="G808">
        <v>770.84</v>
      </c>
      <c r="H808">
        <v>802.49</v>
      </c>
      <c r="I808">
        <v>859.06</v>
      </c>
      <c r="J808">
        <v>2812</v>
      </c>
      <c r="K808">
        <v>5532</v>
      </c>
      <c r="N808" s="11"/>
    </row>
    <row r="809" spans="2:14">
      <c r="B809" s="2">
        <f t="shared" si="14"/>
        <v>0.68901620370370376</v>
      </c>
      <c r="C809">
        <v>24090</v>
      </c>
      <c r="D809">
        <v>664.84</v>
      </c>
      <c r="E809">
        <v>671.49</v>
      </c>
      <c r="F809">
        <v>670.55</v>
      </c>
      <c r="G809">
        <v>770.43</v>
      </c>
      <c r="H809">
        <v>803.85</v>
      </c>
      <c r="I809">
        <v>859.58</v>
      </c>
      <c r="J809">
        <v>2838</v>
      </c>
      <c r="K809">
        <v>5521</v>
      </c>
      <c r="N809" s="11"/>
    </row>
    <row r="810" spans="2:14">
      <c r="B810" s="2">
        <f t="shared" si="14"/>
        <v>0.68936342592592592</v>
      </c>
      <c r="C810">
        <v>24120</v>
      </c>
      <c r="D810">
        <v>668.42</v>
      </c>
      <c r="E810">
        <v>673.29</v>
      </c>
      <c r="F810">
        <v>671.86</v>
      </c>
      <c r="G810">
        <v>769.98</v>
      </c>
      <c r="H810">
        <v>810.07</v>
      </c>
      <c r="I810">
        <v>862.03</v>
      </c>
      <c r="J810">
        <v>2811</v>
      </c>
      <c r="K810">
        <v>5506</v>
      </c>
      <c r="N810" s="11"/>
    </row>
    <row r="811" spans="2:14">
      <c r="B811" s="2">
        <f t="shared" si="14"/>
        <v>0.68971064814814809</v>
      </c>
      <c r="C811">
        <v>24150</v>
      </c>
      <c r="D811">
        <v>667.38</v>
      </c>
      <c r="E811">
        <v>672.71</v>
      </c>
      <c r="F811">
        <v>671.56</v>
      </c>
      <c r="G811">
        <v>769.83</v>
      </c>
      <c r="H811">
        <v>803.9</v>
      </c>
      <c r="I811">
        <v>862.15</v>
      </c>
      <c r="J811">
        <v>2827</v>
      </c>
      <c r="K811">
        <v>5483</v>
      </c>
      <c r="N811" s="11"/>
    </row>
    <row r="812" spans="2:14">
      <c r="B812" s="2">
        <f t="shared" si="14"/>
        <v>0.69005787037037036</v>
      </c>
      <c r="C812">
        <v>24180</v>
      </c>
      <c r="D812">
        <v>666.53</v>
      </c>
      <c r="E812">
        <v>672.76</v>
      </c>
      <c r="F812">
        <v>671.68</v>
      </c>
      <c r="G812">
        <v>769.72</v>
      </c>
      <c r="H812">
        <v>806.42</v>
      </c>
      <c r="I812">
        <v>862.12</v>
      </c>
      <c r="J812">
        <v>2823</v>
      </c>
      <c r="K812">
        <v>5497</v>
      </c>
      <c r="N812" s="11"/>
    </row>
    <row r="813" spans="2:14">
      <c r="B813" s="2">
        <f t="shared" si="14"/>
        <v>0.69040509259259264</v>
      </c>
      <c r="C813">
        <v>24210</v>
      </c>
      <c r="D813">
        <v>666.91</v>
      </c>
      <c r="E813">
        <v>673.36</v>
      </c>
      <c r="F813">
        <v>672.23</v>
      </c>
      <c r="G813">
        <v>769.75</v>
      </c>
      <c r="H813">
        <v>806.46</v>
      </c>
      <c r="I813">
        <v>867.14</v>
      </c>
      <c r="J813">
        <v>2824</v>
      </c>
      <c r="K813">
        <v>5479</v>
      </c>
      <c r="N813" s="11"/>
    </row>
    <row r="814" spans="2:14">
      <c r="B814" s="2">
        <f t="shared" si="14"/>
        <v>0.69075231481481481</v>
      </c>
      <c r="C814">
        <v>24240</v>
      </c>
      <c r="D814">
        <v>669.51</v>
      </c>
      <c r="E814">
        <v>674.19</v>
      </c>
      <c r="F814">
        <v>672.6</v>
      </c>
      <c r="G814">
        <v>770.09</v>
      </c>
      <c r="H814">
        <v>810.15</v>
      </c>
      <c r="I814">
        <v>864.28</v>
      </c>
      <c r="J814">
        <v>2808</v>
      </c>
      <c r="K814">
        <v>5519</v>
      </c>
      <c r="N814" s="11"/>
    </row>
    <row r="815" spans="2:14">
      <c r="B815" s="2">
        <f t="shared" si="14"/>
        <v>0.69109953703703697</v>
      </c>
      <c r="C815">
        <v>24270</v>
      </c>
      <c r="D815">
        <v>668.54</v>
      </c>
      <c r="E815">
        <v>673.64</v>
      </c>
      <c r="F815">
        <v>672.59</v>
      </c>
      <c r="G815">
        <v>770.51</v>
      </c>
      <c r="H815">
        <v>805.08</v>
      </c>
      <c r="I815">
        <v>871.49</v>
      </c>
      <c r="J815">
        <v>2823</v>
      </c>
      <c r="K815">
        <v>5492</v>
      </c>
      <c r="N815" s="11"/>
    </row>
    <row r="816" spans="2:14">
      <c r="B816" s="2">
        <f t="shared" si="14"/>
        <v>0.69144675925925925</v>
      </c>
      <c r="C816">
        <v>24300</v>
      </c>
      <c r="D816">
        <v>668.76</v>
      </c>
      <c r="E816">
        <v>673.67</v>
      </c>
      <c r="F816">
        <v>672.7</v>
      </c>
      <c r="G816">
        <v>769.5</v>
      </c>
      <c r="H816">
        <v>806.93</v>
      </c>
      <c r="I816">
        <v>862.05</v>
      </c>
      <c r="J816">
        <v>2852</v>
      </c>
      <c r="K816">
        <v>5459</v>
      </c>
      <c r="N816" s="11"/>
    </row>
    <row r="817" spans="2:14">
      <c r="B817" s="2">
        <f t="shared" si="14"/>
        <v>0.69179398148148152</v>
      </c>
      <c r="C817">
        <v>24330</v>
      </c>
      <c r="D817">
        <v>669.37</v>
      </c>
      <c r="E817">
        <v>675.14</v>
      </c>
      <c r="F817">
        <v>673.75</v>
      </c>
      <c r="G817">
        <v>770.12</v>
      </c>
      <c r="H817">
        <v>810.9</v>
      </c>
      <c r="I817">
        <v>861.28</v>
      </c>
      <c r="J817">
        <v>2823</v>
      </c>
      <c r="K817">
        <v>5473</v>
      </c>
      <c r="N817" s="11"/>
    </row>
    <row r="818" spans="2:14">
      <c r="B818" s="2">
        <f t="shared" si="14"/>
        <v>0.69214120370370369</v>
      </c>
      <c r="C818">
        <v>24360</v>
      </c>
      <c r="D818">
        <v>669.55</v>
      </c>
      <c r="E818">
        <v>675.37</v>
      </c>
      <c r="F818">
        <v>673.93</v>
      </c>
      <c r="G818">
        <v>770.07</v>
      </c>
      <c r="H818">
        <v>808.33</v>
      </c>
      <c r="I818">
        <v>865.06</v>
      </c>
      <c r="J818">
        <v>2843</v>
      </c>
      <c r="K818">
        <v>5444</v>
      </c>
      <c r="N818" s="11"/>
    </row>
    <row r="819" spans="2:14">
      <c r="B819" s="2">
        <f t="shared" si="14"/>
        <v>0.69248842592592585</v>
      </c>
      <c r="C819">
        <v>24390</v>
      </c>
      <c r="D819">
        <v>669.28</v>
      </c>
      <c r="E819">
        <v>675.69</v>
      </c>
      <c r="F819">
        <v>674.53</v>
      </c>
      <c r="G819">
        <v>769.07</v>
      </c>
      <c r="H819">
        <v>811.84</v>
      </c>
      <c r="I819">
        <v>868.21</v>
      </c>
      <c r="J819">
        <v>2842</v>
      </c>
      <c r="K819">
        <v>5465</v>
      </c>
      <c r="N819" s="11"/>
    </row>
    <row r="820" spans="2:14">
      <c r="B820" s="2">
        <f t="shared" si="14"/>
        <v>0.69283564814814813</v>
      </c>
      <c r="C820">
        <v>24420</v>
      </c>
      <c r="D820">
        <v>670.54</v>
      </c>
      <c r="E820">
        <v>676.54</v>
      </c>
      <c r="F820">
        <v>675.04</v>
      </c>
      <c r="G820">
        <v>768.95</v>
      </c>
      <c r="H820">
        <v>810.14</v>
      </c>
      <c r="I820">
        <v>867.63</v>
      </c>
      <c r="J820">
        <v>2841</v>
      </c>
      <c r="K820">
        <v>5414</v>
      </c>
      <c r="N820" s="11"/>
    </row>
    <row r="821" spans="2:14">
      <c r="B821" s="2">
        <f t="shared" si="14"/>
        <v>0.69318287037037041</v>
      </c>
      <c r="C821">
        <v>24450</v>
      </c>
      <c r="D821">
        <v>669.82</v>
      </c>
      <c r="E821">
        <v>676.41</v>
      </c>
      <c r="F821">
        <v>675.44</v>
      </c>
      <c r="G821">
        <v>768.91</v>
      </c>
      <c r="H821">
        <v>810.67</v>
      </c>
      <c r="I821">
        <v>865.28</v>
      </c>
      <c r="J821">
        <v>2850</v>
      </c>
      <c r="K821">
        <v>5407</v>
      </c>
      <c r="N821" s="11"/>
    </row>
    <row r="822" spans="2:14">
      <c r="B822" s="2">
        <f t="shared" si="14"/>
        <v>0.69353009259259257</v>
      </c>
      <c r="C822">
        <v>24480</v>
      </c>
      <c r="D822">
        <v>671.6</v>
      </c>
      <c r="E822">
        <v>676.61</v>
      </c>
      <c r="F822">
        <v>675.62</v>
      </c>
      <c r="G822">
        <v>768.81</v>
      </c>
      <c r="H822">
        <v>812.19</v>
      </c>
      <c r="I822">
        <v>861.21</v>
      </c>
      <c r="J822">
        <v>2844</v>
      </c>
      <c r="K822">
        <v>5420</v>
      </c>
      <c r="N822" s="11"/>
    </row>
    <row r="823" spans="2:14">
      <c r="B823" s="2">
        <f t="shared" si="14"/>
        <v>0.69387731481481474</v>
      </c>
      <c r="C823">
        <v>24510</v>
      </c>
      <c r="D823">
        <v>674.4</v>
      </c>
      <c r="E823">
        <v>677.09</v>
      </c>
      <c r="F823">
        <v>675.79</v>
      </c>
      <c r="G823">
        <v>769.59</v>
      </c>
      <c r="H823">
        <v>812.4</v>
      </c>
      <c r="I823">
        <v>864.99</v>
      </c>
      <c r="J823">
        <v>2834</v>
      </c>
      <c r="K823">
        <v>5436</v>
      </c>
      <c r="N823" s="11"/>
    </row>
    <row r="824" spans="2:14">
      <c r="B824" s="2">
        <f t="shared" si="14"/>
        <v>0.69422453703703701</v>
      </c>
      <c r="C824">
        <v>24540</v>
      </c>
      <c r="D824">
        <v>672.51</v>
      </c>
      <c r="E824">
        <v>678.21</v>
      </c>
      <c r="F824">
        <v>677.1</v>
      </c>
      <c r="G824">
        <v>769.55</v>
      </c>
      <c r="H824">
        <v>815.4</v>
      </c>
      <c r="I824">
        <v>865.06</v>
      </c>
      <c r="J824">
        <v>2814</v>
      </c>
      <c r="K824">
        <v>5463</v>
      </c>
      <c r="N824" s="11"/>
    </row>
    <row r="825" spans="2:14">
      <c r="B825" s="2">
        <f t="shared" si="14"/>
        <v>0.69457175925925929</v>
      </c>
      <c r="C825">
        <v>24570</v>
      </c>
      <c r="D825">
        <v>671.11</v>
      </c>
      <c r="E825">
        <v>677.9</v>
      </c>
      <c r="F825">
        <v>676.77</v>
      </c>
      <c r="G825">
        <v>769.99</v>
      </c>
      <c r="H825">
        <v>810.62</v>
      </c>
      <c r="I825">
        <v>867.01</v>
      </c>
      <c r="J825">
        <v>2839</v>
      </c>
      <c r="K825">
        <v>5401</v>
      </c>
      <c r="N825" s="11"/>
    </row>
    <row r="826" spans="2:14">
      <c r="B826" s="2">
        <f t="shared" si="14"/>
        <v>0.69491898148148146</v>
      </c>
      <c r="C826">
        <v>24600</v>
      </c>
      <c r="D826">
        <v>670.01</v>
      </c>
      <c r="E826">
        <v>677.7</v>
      </c>
      <c r="F826">
        <v>676.77</v>
      </c>
      <c r="G826">
        <v>769.38</v>
      </c>
      <c r="H826">
        <v>811.21</v>
      </c>
      <c r="I826">
        <v>866.58</v>
      </c>
      <c r="J826">
        <v>2854</v>
      </c>
      <c r="K826">
        <v>5371</v>
      </c>
      <c r="N826" s="11"/>
    </row>
    <row r="827" spans="2:14">
      <c r="B827" s="2">
        <f t="shared" si="14"/>
        <v>0.69526620370370373</v>
      </c>
      <c r="C827">
        <v>24630</v>
      </c>
      <c r="D827">
        <v>671.04</v>
      </c>
      <c r="E827">
        <v>678.17</v>
      </c>
      <c r="F827">
        <v>676.98</v>
      </c>
      <c r="G827">
        <v>768.55</v>
      </c>
      <c r="H827">
        <v>811.33</v>
      </c>
      <c r="I827">
        <v>864.56</v>
      </c>
      <c r="J827">
        <v>2869</v>
      </c>
      <c r="K827">
        <v>5345</v>
      </c>
      <c r="N827" s="11"/>
    </row>
    <row r="828" spans="2:14">
      <c r="B828" s="2">
        <f t="shared" si="14"/>
        <v>0.6956134259259259</v>
      </c>
      <c r="C828">
        <v>24660</v>
      </c>
      <c r="D828">
        <v>671.32</v>
      </c>
      <c r="E828">
        <v>677.99</v>
      </c>
      <c r="F828">
        <v>677.15</v>
      </c>
      <c r="G828">
        <v>768.23</v>
      </c>
      <c r="H828">
        <v>812.05</v>
      </c>
      <c r="I828">
        <v>872.14</v>
      </c>
      <c r="J828">
        <v>2873</v>
      </c>
      <c r="K828">
        <v>5338</v>
      </c>
      <c r="N828" s="11"/>
    </row>
    <row r="829" spans="2:14">
      <c r="B829" s="2">
        <f t="shared" si="14"/>
        <v>0.69596064814814818</v>
      </c>
      <c r="C829">
        <v>24690</v>
      </c>
      <c r="D829">
        <v>671.29</v>
      </c>
      <c r="E829">
        <v>678.44</v>
      </c>
      <c r="F829">
        <v>677.55</v>
      </c>
      <c r="G829">
        <v>767.99</v>
      </c>
      <c r="H829">
        <v>814.75</v>
      </c>
      <c r="I829">
        <v>868.58</v>
      </c>
      <c r="J829">
        <v>2858</v>
      </c>
      <c r="K829">
        <v>5336</v>
      </c>
      <c r="N829" s="11"/>
    </row>
    <row r="830" spans="2:14">
      <c r="B830" s="2">
        <f t="shared" si="14"/>
        <v>0.69630787037037045</v>
      </c>
      <c r="C830">
        <v>24720</v>
      </c>
      <c r="D830">
        <v>671.77</v>
      </c>
      <c r="E830">
        <v>678.87</v>
      </c>
      <c r="F830">
        <v>677.83</v>
      </c>
      <c r="G830">
        <v>768.32</v>
      </c>
      <c r="H830">
        <v>814.14</v>
      </c>
      <c r="I830">
        <v>870.38</v>
      </c>
      <c r="J830">
        <v>2856</v>
      </c>
      <c r="K830">
        <v>5375</v>
      </c>
      <c r="N830" s="11"/>
    </row>
    <row r="831" spans="2:14">
      <c r="B831" s="2">
        <f t="shared" si="14"/>
        <v>0.69665509259259251</v>
      </c>
      <c r="C831">
        <v>24750</v>
      </c>
      <c r="D831">
        <v>672.85</v>
      </c>
      <c r="E831">
        <v>679.57</v>
      </c>
      <c r="F831">
        <v>678.66</v>
      </c>
      <c r="G831">
        <v>768.11</v>
      </c>
      <c r="H831">
        <v>818.36</v>
      </c>
      <c r="I831">
        <v>864.86</v>
      </c>
      <c r="J831">
        <v>2839</v>
      </c>
      <c r="K831">
        <v>5360</v>
      </c>
      <c r="N831" s="11"/>
    </row>
    <row r="832" spans="2:14">
      <c r="B832" s="2">
        <f t="shared" si="14"/>
        <v>0.69700231481481478</v>
      </c>
      <c r="C832">
        <v>24780</v>
      </c>
      <c r="D832">
        <v>676.72</v>
      </c>
      <c r="E832">
        <v>681.98</v>
      </c>
      <c r="F832">
        <v>680.37</v>
      </c>
      <c r="G832">
        <v>768.6</v>
      </c>
      <c r="H832">
        <v>822.49</v>
      </c>
      <c r="I832">
        <v>866.53</v>
      </c>
      <c r="J832">
        <v>2796</v>
      </c>
      <c r="K832">
        <v>5456</v>
      </c>
      <c r="N832" s="11"/>
    </row>
    <row r="833" spans="2:14">
      <c r="B833" s="2">
        <f t="shared" si="14"/>
        <v>0.69734953703703706</v>
      </c>
      <c r="C833">
        <v>24810</v>
      </c>
      <c r="D833">
        <v>672.46</v>
      </c>
      <c r="E833">
        <v>679.85</v>
      </c>
      <c r="F833">
        <v>678.96</v>
      </c>
      <c r="G833">
        <v>770.13</v>
      </c>
      <c r="H833">
        <v>809.9</v>
      </c>
      <c r="I833">
        <v>861.93</v>
      </c>
      <c r="J833">
        <v>2861</v>
      </c>
      <c r="K833">
        <v>5315</v>
      </c>
      <c r="N833" s="11"/>
    </row>
    <row r="834" spans="2:14">
      <c r="B834" s="2">
        <f t="shared" si="14"/>
        <v>0.69769675925925922</v>
      </c>
      <c r="C834">
        <v>24840</v>
      </c>
      <c r="D834">
        <v>673.75</v>
      </c>
      <c r="E834">
        <v>680.49</v>
      </c>
      <c r="F834">
        <v>679.41</v>
      </c>
      <c r="G834">
        <v>769.34</v>
      </c>
      <c r="H834">
        <v>820.18</v>
      </c>
      <c r="I834">
        <v>867.56</v>
      </c>
      <c r="J834">
        <v>2834</v>
      </c>
      <c r="K834">
        <v>5408</v>
      </c>
      <c r="N834" s="11"/>
    </row>
    <row r="835" spans="2:14">
      <c r="B835" s="2">
        <f t="shared" si="14"/>
        <v>0.69804398148148139</v>
      </c>
      <c r="C835">
        <v>24870</v>
      </c>
      <c r="D835">
        <v>674.11</v>
      </c>
      <c r="E835">
        <v>680.87</v>
      </c>
      <c r="F835">
        <v>679.59</v>
      </c>
      <c r="G835">
        <v>769.87</v>
      </c>
      <c r="H835">
        <v>814.96</v>
      </c>
      <c r="I835">
        <v>871.84</v>
      </c>
      <c r="J835">
        <v>2853</v>
      </c>
      <c r="K835">
        <v>5374</v>
      </c>
      <c r="N835" s="11"/>
    </row>
    <row r="836" spans="2:14">
      <c r="B836" s="2">
        <f t="shared" si="14"/>
        <v>0.69839120370370367</v>
      </c>
      <c r="C836">
        <v>24900</v>
      </c>
      <c r="D836">
        <v>671.75</v>
      </c>
      <c r="E836">
        <v>679.57</v>
      </c>
      <c r="F836">
        <v>678.71</v>
      </c>
      <c r="G836">
        <v>769.49</v>
      </c>
      <c r="H836">
        <v>812.03</v>
      </c>
      <c r="I836">
        <v>862.42</v>
      </c>
      <c r="J836">
        <v>2890</v>
      </c>
      <c r="K836">
        <v>5309</v>
      </c>
      <c r="N836" s="11"/>
    </row>
    <row r="837" spans="2:14">
      <c r="B837" s="2">
        <f t="shared" si="14"/>
        <v>0.69873842592592594</v>
      </c>
      <c r="C837">
        <v>24930</v>
      </c>
      <c r="D837">
        <v>674.7</v>
      </c>
      <c r="E837">
        <v>681.43</v>
      </c>
      <c r="F837">
        <v>680.07</v>
      </c>
      <c r="G837">
        <v>769.11</v>
      </c>
      <c r="H837">
        <v>818.9</v>
      </c>
      <c r="I837">
        <v>862.02</v>
      </c>
      <c r="J837">
        <v>2854</v>
      </c>
      <c r="K837">
        <v>5336</v>
      </c>
      <c r="N837" s="11"/>
    </row>
    <row r="838" spans="2:14">
      <c r="B838" s="2">
        <f t="shared" si="14"/>
        <v>0.69908564814814811</v>
      </c>
      <c r="C838">
        <v>24960</v>
      </c>
      <c r="D838">
        <v>675.57</v>
      </c>
      <c r="E838">
        <v>682.01</v>
      </c>
      <c r="F838">
        <v>680.71</v>
      </c>
      <c r="G838">
        <v>769.47</v>
      </c>
      <c r="H838">
        <v>819.72</v>
      </c>
      <c r="I838">
        <v>868.81</v>
      </c>
      <c r="J838">
        <v>2844</v>
      </c>
      <c r="K838">
        <v>5358</v>
      </c>
      <c r="N838" s="11"/>
    </row>
    <row r="839" spans="2:14">
      <c r="B839" s="2">
        <f t="shared" si="14"/>
        <v>0.69943287037037039</v>
      </c>
      <c r="C839">
        <v>24990</v>
      </c>
      <c r="D839">
        <v>673.59</v>
      </c>
      <c r="E839">
        <v>681.69</v>
      </c>
      <c r="F839">
        <v>680.37</v>
      </c>
      <c r="G839">
        <v>770.11</v>
      </c>
      <c r="H839">
        <v>817.04</v>
      </c>
      <c r="I839">
        <v>869.39</v>
      </c>
      <c r="J839">
        <v>2865</v>
      </c>
      <c r="K839">
        <v>5318</v>
      </c>
      <c r="N839" s="11"/>
    </row>
    <row r="840" spans="2:14">
      <c r="B840" s="2">
        <f t="shared" si="14"/>
        <v>0.69978009259259255</v>
      </c>
      <c r="C840">
        <v>25020</v>
      </c>
      <c r="D840">
        <v>674.61</v>
      </c>
      <c r="E840">
        <v>681.61</v>
      </c>
      <c r="F840">
        <v>680.18</v>
      </c>
      <c r="G840">
        <v>769.55</v>
      </c>
      <c r="H840">
        <v>816.74</v>
      </c>
      <c r="I840">
        <v>866.82</v>
      </c>
      <c r="J840">
        <v>2881</v>
      </c>
      <c r="K840">
        <v>5304</v>
      </c>
      <c r="N840" s="11"/>
    </row>
    <row r="841" spans="2:14">
      <c r="B841" s="2">
        <f t="shared" si="14"/>
        <v>0.70012731481481483</v>
      </c>
      <c r="C841">
        <v>25050</v>
      </c>
      <c r="D841">
        <v>674.99</v>
      </c>
      <c r="E841">
        <v>681.81</v>
      </c>
      <c r="F841">
        <v>680.46</v>
      </c>
      <c r="G841">
        <v>769.19</v>
      </c>
      <c r="H841">
        <v>819.12</v>
      </c>
      <c r="I841">
        <v>864.79</v>
      </c>
      <c r="J841">
        <v>2876</v>
      </c>
      <c r="K841">
        <v>5295</v>
      </c>
      <c r="N841" s="11"/>
    </row>
    <row r="842" spans="2:14">
      <c r="B842" s="2">
        <f t="shared" si="14"/>
        <v>0.7004745370370371</v>
      </c>
      <c r="C842">
        <v>25080</v>
      </c>
      <c r="D842">
        <v>675.41</v>
      </c>
      <c r="E842">
        <v>682.79</v>
      </c>
      <c r="F842">
        <v>681.19</v>
      </c>
      <c r="G842">
        <v>769.19</v>
      </c>
      <c r="H842">
        <v>819.72</v>
      </c>
      <c r="I842">
        <v>863.88</v>
      </c>
      <c r="J842">
        <v>2866</v>
      </c>
      <c r="K842">
        <v>5305</v>
      </c>
      <c r="N842" s="11"/>
    </row>
    <row r="843" spans="2:14">
      <c r="B843" s="2">
        <f t="shared" si="14"/>
        <v>0.70082175925925927</v>
      </c>
      <c r="C843">
        <v>25110</v>
      </c>
      <c r="D843">
        <v>676.92</v>
      </c>
      <c r="E843">
        <v>683.64</v>
      </c>
      <c r="F843">
        <v>682.17</v>
      </c>
      <c r="G843">
        <v>769.38</v>
      </c>
      <c r="H843">
        <v>822.97</v>
      </c>
      <c r="I843">
        <v>868.04</v>
      </c>
      <c r="J843">
        <v>2837</v>
      </c>
      <c r="K843">
        <v>5352</v>
      </c>
      <c r="N843" s="11"/>
    </row>
    <row r="844" spans="2:14">
      <c r="B844" s="2">
        <f t="shared" si="14"/>
        <v>0.70116898148148143</v>
      </c>
      <c r="C844">
        <v>25140</v>
      </c>
      <c r="D844">
        <v>675.78</v>
      </c>
      <c r="E844">
        <v>683.49</v>
      </c>
      <c r="F844">
        <v>682.24</v>
      </c>
      <c r="G844">
        <v>769.91</v>
      </c>
      <c r="H844">
        <v>819.94</v>
      </c>
      <c r="I844">
        <v>865.06</v>
      </c>
      <c r="J844">
        <v>2845</v>
      </c>
      <c r="K844">
        <v>5330</v>
      </c>
      <c r="N844" s="11"/>
    </row>
    <row r="845" spans="2:14">
      <c r="B845" s="2">
        <f t="shared" si="14"/>
        <v>0.70151620370370371</v>
      </c>
      <c r="C845">
        <v>25170</v>
      </c>
      <c r="D845">
        <v>676.58</v>
      </c>
      <c r="E845">
        <v>683.68</v>
      </c>
      <c r="F845">
        <v>681.92</v>
      </c>
      <c r="G845">
        <v>770.23</v>
      </c>
      <c r="H845">
        <v>819.56</v>
      </c>
      <c r="I845">
        <v>864.95</v>
      </c>
      <c r="J845">
        <v>2844</v>
      </c>
      <c r="K845">
        <v>5329</v>
      </c>
      <c r="N845" s="11"/>
    </row>
    <row r="846" spans="2:14">
      <c r="B846" s="2">
        <f t="shared" si="14"/>
        <v>0.70186342592592599</v>
      </c>
      <c r="C846">
        <v>25200</v>
      </c>
      <c r="D846">
        <v>674.87</v>
      </c>
      <c r="E846">
        <v>683.04</v>
      </c>
      <c r="F846">
        <v>681.58</v>
      </c>
      <c r="G846">
        <v>770.7</v>
      </c>
      <c r="H846">
        <v>817.94</v>
      </c>
      <c r="I846">
        <v>867.33</v>
      </c>
      <c r="J846">
        <v>2863</v>
      </c>
      <c r="K846">
        <v>5307</v>
      </c>
      <c r="N846" s="11"/>
    </row>
    <row r="847" spans="2:14">
      <c r="B847" s="2">
        <f t="shared" si="14"/>
        <v>0.70221064814814804</v>
      </c>
      <c r="C847">
        <v>25230</v>
      </c>
      <c r="D847">
        <v>676.6</v>
      </c>
      <c r="E847">
        <v>683.74</v>
      </c>
      <c r="F847">
        <v>682.21</v>
      </c>
      <c r="G847">
        <v>770.24</v>
      </c>
      <c r="H847">
        <v>821.84</v>
      </c>
      <c r="I847">
        <v>865.91</v>
      </c>
      <c r="J847">
        <v>2860</v>
      </c>
      <c r="K847">
        <v>5347</v>
      </c>
      <c r="N847" s="11"/>
    </row>
    <row r="848" spans="2:14">
      <c r="B848" s="2">
        <f t="shared" si="14"/>
        <v>0.70255787037037032</v>
      </c>
      <c r="C848">
        <v>25260</v>
      </c>
      <c r="D848">
        <v>675.29</v>
      </c>
      <c r="E848">
        <v>683.27</v>
      </c>
      <c r="F848">
        <v>681.73</v>
      </c>
      <c r="G848">
        <v>770.54</v>
      </c>
      <c r="H848">
        <v>818.43</v>
      </c>
      <c r="I848">
        <v>863.37</v>
      </c>
      <c r="J848">
        <v>2884</v>
      </c>
      <c r="K848">
        <v>5275</v>
      </c>
      <c r="N848" s="11"/>
    </row>
    <row r="849" spans="2:14">
      <c r="B849" s="2">
        <f t="shared" si="14"/>
        <v>0.7029050925925926</v>
      </c>
      <c r="C849">
        <v>25290</v>
      </c>
      <c r="D849">
        <v>676.08</v>
      </c>
      <c r="E849">
        <v>683.56</v>
      </c>
      <c r="F849">
        <v>682.05</v>
      </c>
      <c r="G849">
        <v>770.34</v>
      </c>
      <c r="H849">
        <v>819.91</v>
      </c>
      <c r="I849">
        <v>861.14</v>
      </c>
      <c r="J849">
        <v>2885</v>
      </c>
      <c r="K849">
        <v>5237</v>
      </c>
      <c r="N849" s="11"/>
    </row>
    <row r="850" spans="2:14">
      <c r="B850" s="2">
        <f t="shared" si="14"/>
        <v>0.70325231481481476</v>
      </c>
      <c r="C850">
        <v>25320</v>
      </c>
      <c r="D850">
        <v>675.03</v>
      </c>
      <c r="E850">
        <v>683.32</v>
      </c>
      <c r="F850">
        <v>681.61</v>
      </c>
      <c r="G850">
        <v>770.54</v>
      </c>
      <c r="H850">
        <v>820.48</v>
      </c>
      <c r="I850">
        <v>868.44</v>
      </c>
      <c r="J850">
        <v>2885</v>
      </c>
      <c r="K850">
        <v>5240</v>
      </c>
      <c r="N850" s="11"/>
    </row>
    <row r="851" spans="2:14">
      <c r="B851" s="2">
        <f t="shared" si="14"/>
        <v>0.70359953703703704</v>
      </c>
      <c r="C851">
        <v>25350</v>
      </c>
      <c r="D851">
        <v>674.4</v>
      </c>
      <c r="E851">
        <v>683.5</v>
      </c>
      <c r="F851">
        <v>681.78</v>
      </c>
      <c r="G851">
        <v>769.97</v>
      </c>
      <c r="H851">
        <v>819.88</v>
      </c>
      <c r="I851">
        <v>867.68</v>
      </c>
      <c r="J851">
        <v>2897</v>
      </c>
      <c r="K851">
        <v>5243</v>
      </c>
      <c r="N851" s="11"/>
    </row>
    <row r="852" spans="2:14">
      <c r="B852" s="2">
        <f t="shared" si="14"/>
        <v>0.7039467592592592</v>
      </c>
      <c r="C852">
        <v>25380</v>
      </c>
      <c r="D852">
        <v>676.53</v>
      </c>
      <c r="E852">
        <v>684.02</v>
      </c>
      <c r="F852">
        <v>682.42</v>
      </c>
      <c r="G852">
        <v>769.45</v>
      </c>
      <c r="H852">
        <v>824.73</v>
      </c>
      <c r="I852">
        <v>869.93</v>
      </c>
      <c r="J852">
        <v>2874</v>
      </c>
      <c r="K852">
        <v>5247</v>
      </c>
      <c r="N852" s="11"/>
    </row>
    <row r="853" spans="2:14">
      <c r="B853" s="2">
        <f t="shared" si="14"/>
        <v>0.70429398148148148</v>
      </c>
      <c r="C853">
        <v>25410</v>
      </c>
      <c r="D853">
        <v>677.45</v>
      </c>
      <c r="E853">
        <v>685.04</v>
      </c>
      <c r="F853">
        <v>683.39</v>
      </c>
      <c r="G853">
        <v>769.7</v>
      </c>
      <c r="H853">
        <v>823.65</v>
      </c>
      <c r="I853">
        <v>870.23</v>
      </c>
      <c r="J853">
        <v>2867</v>
      </c>
      <c r="K853">
        <v>5257</v>
      </c>
      <c r="N853" s="11"/>
    </row>
    <row r="854" spans="2:14">
      <c r="B854" s="2">
        <f t="shared" si="14"/>
        <v>0.70464120370370376</v>
      </c>
      <c r="C854">
        <v>25440</v>
      </c>
      <c r="D854">
        <v>675.23</v>
      </c>
      <c r="E854">
        <v>683.95</v>
      </c>
      <c r="F854">
        <v>682.35</v>
      </c>
      <c r="G854">
        <v>770.01</v>
      </c>
      <c r="H854">
        <v>821.57</v>
      </c>
      <c r="I854">
        <v>868.43</v>
      </c>
      <c r="J854">
        <v>2868</v>
      </c>
      <c r="K854">
        <v>5215</v>
      </c>
      <c r="N854" s="11"/>
    </row>
    <row r="855" spans="2:14">
      <c r="B855" s="2">
        <f t="shared" si="14"/>
        <v>0.70498842592592592</v>
      </c>
      <c r="C855">
        <v>25470</v>
      </c>
      <c r="D855">
        <v>672.22</v>
      </c>
      <c r="E855">
        <v>683.06</v>
      </c>
      <c r="F855">
        <v>681.28</v>
      </c>
      <c r="G855">
        <v>770.26</v>
      </c>
      <c r="H855">
        <v>817.64</v>
      </c>
      <c r="I855">
        <v>864.11</v>
      </c>
      <c r="J855">
        <v>2893</v>
      </c>
      <c r="K855">
        <v>5175</v>
      </c>
      <c r="N855" s="11"/>
    </row>
    <row r="856" spans="2:14">
      <c r="B856" s="2">
        <f t="shared" si="14"/>
        <v>0.70533564814814809</v>
      </c>
      <c r="C856">
        <v>25500</v>
      </c>
      <c r="D856">
        <v>670.8</v>
      </c>
      <c r="E856">
        <v>682.08</v>
      </c>
      <c r="F856">
        <v>680.69</v>
      </c>
      <c r="G856">
        <v>770.12</v>
      </c>
      <c r="H856">
        <v>815.35</v>
      </c>
      <c r="I856">
        <v>863.76</v>
      </c>
      <c r="J856">
        <v>2923</v>
      </c>
      <c r="K856">
        <v>5135</v>
      </c>
      <c r="N856" s="11"/>
    </row>
    <row r="857" spans="2:14">
      <c r="B857" s="2">
        <f t="shared" si="14"/>
        <v>0.70568287037037036</v>
      </c>
      <c r="C857">
        <v>25530</v>
      </c>
      <c r="D857">
        <v>675.07</v>
      </c>
      <c r="E857">
        <v>684.31</v>
      </c>
      <c r="F857">
        <v>682.72</v>
      </c>
      <c r="G857">
        <v>768.85</v>
      </c>
      <c r="H857">
        <v>826.1</v>
      </c>
      <c r="I857">
        <v>870.09</v>
      </c>
      <c r="J857">
        <v>2891</v>
      </c>
      <c r="K857">
        <v>5197</v>
      </c>
      <c r="N857" s="11"/>
    </row>
    <row r="858" spans="2:14">
      <c r="B858" s="2">
        <f t="shared" si="14"/>
        <v>0.70603009259259264</v>
      </c>
      <c r="C858">
        <v>25560</v>
      </c>
      <c r="D858">
        <v>673.14</v>
      </c>
      <c r="E858">
        <v>683.91</v>
      </c>
      <c r="F858">
        <v>681.92</v>
      </c>
      <c r="G858">
        <v>770.01</v>
      </c>
      <c r="H858">
        <v>820.8</v>
      </c>
      <c r="I858">
        <v>867.98</v>
      </c>
      <c r="J858">
        <v>2893</v>
      </c>
      <c r="K858">
        <v>5127</v>
      </c>
      <c r="N858" s="11"/>
    </row>
    <row r="859" spans="2:14">
      <c r="B859" s="2">
        <f t="shared" si="14"/>
        <v>0.70637731481481481</v>
      </c>
      <c r="C859">
        <v>25590</v>
      </c>
      <c r="D859">
        <v>672.45</v>
      </c>
      <c r="E859">
        <v>684.26</v>
      </c>
      <c r="F859">
        <v>682.11</v>
      </c>
      <c r="G859">
        <v>770.36</v>
      </c>
      <c r="H859">
        <v>823.62</v>
      </c>
      <c r="I859">
        <v>867.71</v>
      </c>
      <c r="J859">
        <v>2870</v>
      </c>
      <c r="K859">
        <v>5186</v>
      </c>
      <c r="N859" s="11"/>
    </row>
    <row r="860" spans="2:14">
      <c r="B860" s="2">
        <f t="shared" si="14"/>
        <v>0.70672453703703697</v>
      </c>
      <c r="C860">
        <v>25620</v>
      </c>
      <c r="D860">
        <v>671.63</v>
      </c>
      <c r="E860">
        <v>683</v>
      </c>
      <c r="F860">
        <v>681.09</v>
      </c>
      <c r="G860">
        <v>770.82</v>
      </c>
      <c r="H860">
        <v>820.77</v>
      </c>
      <c r="I860">
        <v>863.62</v>
      </c>
      <c r="J860">
        <v>2879</v>
      </c>
      <c r="K860">
        <v>5176</v>
      </c>
      <c r="N860" s="11"/>
    </row>
    <row r="861" spans="2:14">
      <c r="B861" s="2">
        <f t="shared" si="14"/>
        <v>0.70707175925925925</v>
      </c>
      <c r="C861">
        <v>25650</v>
      </c>
      <c r="D861">
        <v>670.78</v>
      </c>
      <c r="E861">
        <v>683.17</v>
      </c>
      <c r="F861">
        <v>681.29</v>
      </c>
      <c r="G861">
        <v>770.25</v>
      </c>
      <c r="H861">
        <v>823.08</v>
      </c>
      <c r="I861">
        <v>871.5</v>
      </c>
      <c r="J861">
        <v>2883</v>
      </c>
      <c r="K861">
        <v>5159</v>
      </c>
      <c r="N861" s="11"/>
    </row>
    <row r="862" spans="2:14">
      <c r="B862" s="2">
        <f t="shared" si="14"/>
        <v>0.70741898148148152</v>
      </c>
      <c r="C862">
        <v>25680</v>
      </c>
      <c r="D862">
        <v>669.74</v>
      </c>
      <c r="E862">
        <v>683.02</v>
      </c>
      <c r="F862">
        <v>681.43</v>
      </c>
      <c r="G862">
        <v>770.44</v>
      </c>
      <c r="H862">
        <v>820.89</v>
      </c>
      <c r="I862">
        <v>872.92</v>
      </c>
      <c r="J862">
        <v>2898</v>
      </c>
      <c r="K862">
        <v>5135</v>
      </c>
      <c r="N862" s="11"/>
    </row>
    <row r="863" spans="2:14">
      <c r="B863" s="2">
        <f t="shared" si="14"/>
        <v>0.70776620370370369</v>
      </c>
      <c r="C863">
        <v>25710</v>
      </c>
      <c r="D863">
        <v>670.88</v>
      </c>
      <c r="E863">
        <v>683.06</v>
      </c>
      <c r="F863">
        <v>681.06</v>
      </c>
      <c r="G863">
        <v>769.99</v>
      </c>
      <c r="H863">
        <v>825</v>
      </c>
      <c r="I863">
        <v>866.85</v>
      </c>
      <c r="J863">
        <v>2880</v>
      </c>
      <c r="K863">
        <v>5169</v>
      </c>
      <c r="N863" s="11"/>
    </row>
    <row r="864" spans="2:14">
      <c r="B864" s="2">
        <f t="shared" si="14"/>
        <v>0.70811342592592585</v>
      </c>
      <c r="C864">
        <v>25740</v>
      </c>
      <c r="D864">
        <v>669.97</v>
      </c>
      <c r="E864">
        <v>683.21</v>
      </c>
      <c r="F864">
        <v>681.01</v>
      </c>
      <c r="G864">
        <v>770.79</v>
      </c>
      <c r="H864">
        <v>822.25</v>
      </c>
      <c r="I864">
        <v>870.45</v>
      </c>
      <c r="J864">
        <v>2863</v>
      </c>
      <c r="K864">
        <v>5191</v>
      </c>
      <c r="N864" s="11"/>
    </row>
    <row r="865" spans="2:14">
      <c r="B865" s="2">
        <f t="shared" si="14"/>
        <v>0.70846064814814813</v>
      </c>
      <c r="C865">
        <v>25770</v>
      </c>
      <c r="D865">
        <v>669.76</v>
      </c>
      <c r="E865">
        <v>682.21</v>
      </c>
      <c r="F865">
        <v>680.31</v>
      </c>
      <c r="G865">
        <v>771.53</v>
      </c>
      <c r="H865">
        <v>819.15</v>
      </c>
      <c r="I865">
        <v>863.44</v>
      </c>
      <c r="J865">
        <v>2892</v>
      </c>
      <c r="K865">
        <v>5144</v>
      </c>
      <c r="N865" s="11"/>
    </row>
    <row r="866" spans="2:14">
      <c r="B866" s="2">
        <f t="shared" si="14"/>
        <v>0.70880787037037041</v>
      </c>
      <c r="C866">
        <v>25800</v>
      </c>
      <c r="D866">
        <v>668.99</v>
      </c>
      <c r="E866">
        <v>682.59</v>
      </c>
      <c r="F866">
        <v>680.67</v>
      </c>
      <c r="G866">
        <v>771.12</v>
      </c>
      <c r="H866">
        <v>823.39</v>
      </c>
      <c r="I866">
        <v>864.8</v>
      </c>
      <c r="J866">
        <v>2891</v>
      </c>
      <c r="K866">
        <v>5159</v>
      </c>
      <c r="N866" s="11"/>
    </row>
    <row r="867" spans="2:14">
      <c r="B867" s="2">
        <f t="shared" si="14"/>
        <v>0.70915509259259257</v>
      </c>
      <c r="C867">
        <v>25830</v>
      </c>
      <c r="D867">
        <v>670.83</v>
      </c>
      <c r="E867">
        <v>683.09</v>
      </c>
      <c r="F867">
        <v>680.64</v>
      </c>
      <c r="G867">
        <v>771.05</v>
      </c>
      <c r="H867">
        <v>822.35</v>
      </c>
      <c r="I867">
        <v>868.54</v>
      </c>
      <c r="J867">
        <v>2900</v>
      </c>
      <c r="K867">
        <v>5134</v>
      </c>
      <c r="N867" s="11"/>
    </row>
    <row r="868" spans="2:14">
      <c r="B868" s="2">
        <f t="shared" ref="B868:B931" si="15">C868/24/60/60+$B$3</f>
        <v>0.70950231481481474</v>
      </c>
      <c r="C868">
        <v>25860</v>
      </c>
      <c r="D868">
        <v>669.89</v>
      </c>
      <c r="E868">
        <v>682.41</v>
      </c>
      <c r="F868">
        <v>680.32</v>
      </c>
      <c r="G868">
        <v>770.59</v>
      </c>
      <c r="H868">
        <v>821.78</v>
      </c>
      <c r="I868">
        <v>866.91</v>
      </c>
      <c r="J868">
        <v>2912</v>
      </c>
      <c r="K868">
        <v>5121</v>
      </c>
      <c r="N868" s="11"/>
    </row>
    <row r="869" spans="2:14">
      <c r="B869" s="2">
        <f t="shared" si="15"/>
        <v>0.70984953703703701</v>
      </c>
      <c r="C869">
        <v>25890</v>
      </c>
      <c r="D869">
        <v>670.06</v>
      </c>
      <c r="E869">
        <v>683.55</v>
      </c>
      <c r="F869">
        <v>681.37</v>
      </c>
      <c r="G869">
        <v>770.79</v>
      </c>
      <c r="H869">
        <v>824.71</v>
      </c>
      <c r="I869">
        <v>867.04</v>
      </c>
      <c r="J869">
        <v>2894</v>
      </c>
      <c r="K869">
        <v>5154</v>
      </c>
      <c r="N869" s="11"/>
    </row>
    <row r="870" spans="2:14">
      <c r="B870" s="2">
        <f t="shared" si="15"/>
        <v>0.71019675925925929</v>
      </c>
      <c r="C870">
        <v>25920</v>
      </c>
      <c r="D870">
        <v>670.12</v>
      </c>
      <c r="E870">
        <v>683.28</v>
      </c>
      <c r="F870">
        <v>681.44</v>
      </c>
      <c r="G870">
        <v>771.32</v>
      </c>
      <c r="H870">
        <v>824.96</v>
      </c>
      <c r="I870">
        <v>865.34</v>
      </c>
      <c r="J870">
        <v>2877</v>
      </c>
      <c r="K870">
        <v>5166</v>
      </c>
      <c r="N870" s="11"/>
    </row>
    <row r="871" spans="2:14">
      <c r="B871" s="2">
        <f t="shared" si="15"/>
        <v>0.71054398148148146</v>
      </c>
      <c r="C871">
        <v>25950</v>
      </c>
      <c r="D871">
        <v>672.89</v>
      </c>
      <c r="E871">
        <v>683.76</v>
      </c>
      <c r="F871">
        <v>681.88</v>
      </c>
      <c r="G871">
        <v>771.32</v>
      </c>
      <c r="H871">
        <v>825.29</v>
      </c>
      <c r="I871">
        <v>868.95</v>
      </c>
      <c r="J871">
        <v>2873</v>
      </c>
      <c r="K871">
        <v>5160</v>
      </c>
      <c r="N871" s="11"/>
    </row>
    <row r="872" spans="2:14">
      <c r="B872" s="2">
        <f t="shared" si="15"/>
        <v>0.71089120370370373</v>
      </c>
      <c r="C872">
        <v>25980</v>
      </c>
      <c r="D872">
        <v>673.22</v>
      </c>
      <c r="E872">
        <v>683.98</v>
      </c>
      <c r="F872">
        <v>681.87</v>
      </c>
      <c r="G872">
        <v>770.99</v>
      </c>
      <c r="H872">
        <v>827.06</v>
      </c>
      <c r="I872">
        <v>865.24</v>
      </c>
      <c r="J872">
        <v>2864</v>
      </c>
      <c r="K872">
        <v>5184</v>
      </c>
      <c r="N872" s="11"/>
    </row>
    <row r="873" spans="2:14">
      <c r="B873" s="2">
        <f t="shared" si="15"/>
        <v>0.7112384259259259</v>
      </c>
      <c r="C873">
        <v>26010</v>
      </c>
      <c r="D873">
        <v>671.35</v>
      </c>
      <c r="E873">
        <v>683.74</v>
      </c>
      <c r="F873">
        <v>681.53</v>
      </c>
      <c r="G873">
        <v>771.58</v>
      </c>
      <c r="H873">
        <v>825.03</v>
      </c>
      <c r="I873">
        <v>866.13</v>
      </c>
      <c r="J873">
        <v>2865</v>
      </c>
      <c r="K873">
        <v>5175</v>
      </c>
      <c r="N873" s="11"/>
    </row>
    <row r="874" spans="2:14">
      <c r="B874" s="2">
        <f t="shared" si="15"/>
        <v>0.71158564814814818</v>
      </c>
      <c r="C874">
        <v>26040</v>
      </c>
      <c r="D874">
        <v>667.82</v>
      </c>
      <c r="E874">
        <v>682.57</v>
      </c>
      <c r="F874">
        <v>680.6</v>
      </c>
      <c r="G874">
        <v>771.73</v>
      </c>
      <c r="H874">
        <v>821.24</v>
      </c>
      <c r="I874">
        <v>867.71</v>
      </c>
      <c r="J874">
        <v>2890</v>
      </c>
      <c r="K874">
        <v>5128</v>
      </c>
      <c r="N874" s="11"/>
    </row>
    <row r="875" spans="2:14">
      <c r="B875" s="2">
        <f t="shared" si="15"/>
        <v>0.71193287037037045</v>
      </c>
      <c r="C875">
        <v>26070</v>
      </c>
      <c r="D875">
        <v>671.21</v>
      </c>
      <c r="E875">
        <v>682.85</v>
      </c>
      <c r="F875">
        <v>681.12</v>
      </c>
      <c r="G875">
        <v>771.75</v>
      </c>
      <c r="H875">
        <v>826.01</v>
      </c>
      <c r="I875">
        <v>866.15</v>
      </c>
      <c r="J875">
        <v>2886</v>
      </c>
      <c r="K875">
        <v>5157</v>
      </c>
      <c r="N875" s="11"/>
    </row>
    <row r="876" spans="2:14">
      <c r="B876" s="2">
        <f t="shared" si="15"/>
        <v>0.71228009259259251</v>
      </c>
      <c r="C876">
        <v>26100</v>
      </c>
      <c r="D876">
        <v>673.49</v>
      </c>
      <c r="E876">
        <v>684.36</v>
      </c>
      <c r="F876">
        <v>682.29</v>
      </c>
      <c r="G876">
        <v>771.44</v>
      </c>
      <c r="H876">
        <v>828.04</v>
      </c>
      <c r="I876">
        <v>868.9</v>
      </c>
      <c r="J876">
        <v>2856</v>
      </c>
      <c r="K876">
        <v>5197</v>
      </c>
      <c r="N876" s="11"/>
    </row>
    <row r="877" spans="2:14">
      <c r="B877" s="2">
        <f t="shared" si="15"/>
        <v>0.71262731481481478</v>
      </c>
      <c r="C877">
        <v>26130</v>
      </c>
      <c r="D877">
        <v>672.42</v>
      </c>
      <c r="E877">
        <v>683.27</v>
      </c>
      <c r="F877">
        <v>681.37</v>
      </c>
      <c r="G877">
        <v>772.03</v>
      </c>
      <c r="H877">
        <v>825.51</v>
      </c>
      <c r="I877">
        <v>863.71</v>
      </c>
      <c r="J877">
        <v>2870</v>
      </c>
      <c r="K877">
        <v>5174</v>
      </c>
      <c r="N877" s="11"/>
    </row>
    <row r="878" spans="2:14">
      <c r="B878" s="2">
        <f t="shared" si="15"/>
        <v>0.71297453703703706</v>
      </c>
      <c r="C878">
        <v>26160</v>
      </c>
      <c r="D878">
        <v>673.19</v>
      </c>
      <c r="E878">
        <v>683.86</v>
      </c>
      <c r="F878">
        <v>681.71</v>
      </c>
      <c r="G878">
        <v>772.29</v>
      </c>
      <c r="H878">
        <v>822.46</v>
      </c>
      <c r="I878">
        <v>866.77</v>
      </c>
      <c r="J878">
        <v>2905</v>
      </c>
      <c r="K878">
        <v>5140</v>
      </c>
      <c r="N878" s="11"/>
    </row>
    <row r="879" spans="2:14">
      <c r="B879" s="2">
        <f t="shared" si="15"/>
        <v>0.71332175925925922</v>
      </c>
      <c r="C879">
        <v>26190</v>
      </c>
      <c r="D879">
        <v>673.16</v>
      </c>
      <c r="E879">
        <v>683.41</v>
      </c>
      <c r="F879">
        <v>681.27</v>
      </c>
      <c r="G879">
        <v>771.34</v>
      </c>
      <c r="H879">
        <v>826.03</v>
      </c>
      <c r="I879">
        <v>858.85</v>
      </c>
      <c r="J879">
        <v>2912</v>
      </c>
      <c r="K879">
        <v>5124</v>
      </c>
      <c r="N879" s="11"/>
    </row>
    <row r="880" spans="2:14">
      <c r="B880" s="2">
        <f t="shared" si="15"/>
        <v>0.71366898148148139</v>
      </c>
      <c r="C880">
        <v>26220</v>
      </c>
      <c r="D880">
        <v>673.5</v>
      </c>
      <c r="E880">
        <v>684.61</v>
      </c>
      <c r="F880">
        <v>682.41</v>
      </c>
      <c r="G880">
        <v>770.8</v>
      </c>
      <c r="H880">
        <v>828.39</v>
      </c>
      <c r="I880">
        <v>862.06</v>
      </c>
      <c r="J880">
        <v>2893</v>
      </c>
      <c r="K880">
        <v>5158</v>
      </c>
      <c r="N880" s="11"/>
    </row>
    <row r="881" spans="2:14">
      <c r="B881" s="2">
        <f t="shared" si="15"/>
        <v>0.71401620370370367</v>
      </c>
      <c r="C881">
        <v>26250</v>
      </c>
      <c r="D881">
        <v>671.25</v>
      </c>
      <c r="E881">
        <v>683.51</v>
      </c>
      <c r="F881">
        <v>681.43</v>
      </c>
      <c r="G881">
        <v>771.57</v>
      </c>
      <c r="H881">
        <v>822.99</v>
      </c>
      <c r="I881">
        <v>861.26</v>
      </c>
      <c r="J881">
        <v>2915</v>
      </c>
      <c r="K881">
        <v>5115</v>
      </c>
      <c r="N881" s="11"/>
    </row>
    <row r="882" spans="2:14">
      <c r="B882" s="2">
        <f t="shared" si="15"/>
        <v>0.71436342592592594</v>
      </c>
      <c r="C882">
        <v>26280</v>
      </c>
      <c r="D882">
        <v>670.97</v>
      </c>
      <c r="E882">
        <v>683.35</v>
      </c>
      <c r="F882">
        <v>681.4</v>
      </c>
      <c r="G882">
        <v>771.86</v>
      </c>
      <c r="H882">
        <v>824.36</v>
      </c>
      <c r="I882">
        <v>868.72</v>
      </c>
      <c r="J882">
        <v>2929</v>
      </c>
      <c r="K882">
        <v>5133</v>
      </c>
      <c r="N882" s="11"/>
    </row>
    <row r="883" spans="2:14">
      <c r="B883" s="2">
        <f t="shared" si="15"/>
        <v>0.71471064814814811</v>
      </c>
      <c r="C883">
        <v>26310</v>
      </c>
      <c r="D883">
        <v>672.79</v>
      </c>
      <c r="E883">
        <v>684.08</v>
      </c>
      <c r="F883">
        <v>681.72</v>
      </c>
      <c r="G883">
        <v>771.36</v>
      </c>
      <c r="H883">
        <v>830.24</v>
      </c>
      <c r="I883">
        <v>862.7</v>
      </c>
      <c r="J883">
        <v>2901</v>
      </c>
      <c r="K883">
        <v>5143</v>
      </c>
      <c r="N883" s="11"/>
    </row>
    <row r="884" spans="2:14">
      <c r="B884" s="2">
        <f t="shared" si="15"/>
        <v>0.71505787037037039</v>
      </c>
      <c r="C884">
        <v>26340</v>
      </c>
      <c r="D884">
        <v>672.99</v>
      </c>
      <c r="E884">
        <v>684.34</v>
      </c>
      <c r="F884">
        <v>682.18</v>
      </c>
      <c r="G884">
        <v>771.62</v>
      </c>
      <c r="H884">
        <v>826.33</v>
      </c>
      <c r="I884">
        <v>868.95</v>
      </c>
      <c r="J884">
        <v>2891</v>
      </c>
      <c r="K884">
        <v>5157</v>
      </c>
      <c r="N884" s="11"/>
    </row>
    <row r="885" spans="2:14">
      <c r="B885" s="2">
        <f t="shared" si="15"/>
        <v>0.71540509259259255</v>
      </c>
      <c r="C885">
        <v>26370</v>
      </c>
      <c r="D885">
        <v>670.68</v>
      </c>
      <c r="E885">
        <v>683.23</v>
      </c>
      <c r="F885">
        <v>681.38</v>
      </c>
      <c r="G885">
        <v>772.64</v>
      </c>
      <c r="H885">
        <v>823.87</v>
      </c>
      <c r="I885">
        <v>868.67</v>
      </c>
      <c r="J885">
        <v>2933</v>
      </c>
      <c r="K885">
        <v>5122</v>
      </c>
      <c r="N885" s="11"/>
    </row>
    <row r="886" spans="2:14">
      <c r="B886" s="2">
        <f t="shared" si="15"/>
        <v>0.71575231481481483</v>
      </c>
      <c r="C886">
        <v>26400</v>
      </c>
      <c r="D886">
        <v>670.28</v>
      </c>
      <c r="E886">
        <v>683.04</v>
      </c>
      <c r="F886">
        <v>681.3</v>
      </c>
      <c r="G886">
        <v>771.93</v>
      </c>
      <c r="H886">
        <v>827.48</v>
      </c>
      <c r="I886">
        <v>867.75</v>
      </c>
      <c r="J886">
        <v>2922</v>
      </c>
      <c r="K886">
        <v>5115</v>
      </c>
      <c r="N886" s="11"/>
    </row>
    <row r="887" spans="2:14">
      <c r="B887" s="2">
        <f t="shared" si="15"/>
        <v>0.7160995370370371</v>
      </c>
      <c r="C887">
        <v>26430</v>
      </c>
      <c r="D887">
        <v>672.96</v>
      </c>
      <c r="E887">
        <v>684.23</v>
      </c>
      <c r="F887">
        <v>682.25</v>
      </c>
      <c r="G887">
        <v>772.19</v>
      </c>
      <c r="H887">
        <v>829.34</v>
      </c>
      <c r="I887">
        <v>869.58</v>
      </c>
      <c r="J887">
        <v>2904</v>
      </c>
      <c r="K887">
        <v>5134</v>
      </c>
      <c r="N887" s="11"/>
    </row>
    <row r="888" spans="2:14">
      <c r="B888" s="2">
        <f t="shared" si="15"/>
        <v>0.71644675925925927</v>
      </c>
      <c r="C888">
        <v>26460</v>
      </c>
      <c r="D888">
        <v>674.4</v>
      </c>
      <c r="E888">
        <v>685.13</v>
      </c>
      <c r="F888">
        <v>682.78</v>
      </c>
      <c r="G888">
        <v>772.02</v>
      </c>
      <c r="H888">
        <v>832.14</v>
      </c>
      <c r="I888">
        <v>871.69</v>
      </c>
      <c r="J888">
        <v>2888</v>
      </c>
      <c r="K888">
        <v>5165</v>
      </c>
      <c r="N888" s="11"/>
    </row>
    <row r="889" spans="2:14">
      <c r="B889" s="2">
        <f t="shared" si="15"/>
        <v>0.71679398148148143</v>
      </c>
      <c r="C889">
        <v>26490</v>
      </c>
      <c r="D889">
        <v>671.63</v>
      </c>
      <c r="E889">
        <v>684.54</v>
      </c>
      <c r="F889">
        <v>682.42</v>
      </c>
      <c r="G889">
        <v>773.34</v>
      </c>
      <c r="H889">
        <v>828.45</v>
      </c>
      <c r="I889">
        <v>868.17</v>
      </c>
      <c r="J889">
        <v>2906</v>
      </c>
      <c r="K889">
        <v>5106</v>
      </c>
      <c r="N889" s="11"/>
    </row>
    <row r="890" spans="2:14">
      <c r="B890" s="2">
        <f t="shared" si="15"/>
        <v>0.71714120370370371</v>
      </c>
      <c r="C890">
        <v>26520</v>
      </c>
      <c r="D890">
        <v>670.95</v>
      </c>
      <c r="E890">
        <v>684.34</v>
      </c>
      <c r="F890">
        <v>682.28</v>
      </c>
      <c r="G890">
        <v>772.81</v>
      </c>
      <c r="H890">
        <v>830.47</v>
      </c>
      <c r="I890">
        <v>870.76</v>
      </c>
      <c r="J890">
        <v>2902</v>
      </c>
      <c r="K890">
        <v>5112</v>
      </c>
      <c r="N890" s="11"/>
    </row>
    <row r="891" spans="2:14">
      <c r="B891" s="2">
        <f t="shared" si="15"/>
        <v>0.71748842592592599</v>
      </c>
      <c r="C891">
        <v>26550</v>
      </c>
      <c r="D891">
        <v>670.51</v>
      </c>
      <c r="E891">
        <v>684.31</v>
      </c>
      <c r="F891">
        <v>682.28</v>
      </c>
      <c r="G891">
        <v>773.17</v>
      </c>
      <c r="H891">
        <v>827.56</v>
      </c>
      <c r="I891">
        <v>869.72</v>
      </c>
      <c r="J891">
        <v>2900</v>
      </c>
      <c r="K891">
        <v>5118</v>
      </c>
      <c r="N891" s="11"/>
    </row>
    <row r="892" spans="2:14">
      <c r="B892" s="2">
        <f t="shared" si="15"/>
        <v>0.71783564814814804</v>
      </c>
      <c r="C892">
        <v>26580</v>
      </c>
      <c r="D892">
        <v>669.08</v>
      </c>
      <c r="E892">
        <v>683.4</v>
      </c>
      <c r="F892">
        <v>681.55</v>
      </c>
      <c r="G892">
        <v>773.81</v>
      </c>
      <c r="H892">
        <v>826.95</v>
      </c>
      <c r="I892">
        <v>869.59</v>
      </c>
      <c r="J892">
        <v>2927</v>
      </c>
      <c r="K892">
        <v>5098</v>
      </c>
      <c r="N892" s="11"/>
    </row>
    <row r="893" spans="2:14">
      <c r="B893" s="2">
        <f t="shared" si="15"/>
        <v>0.71818287037037032</v>
      </c>
      <c r="C893">
        <v>26610</v>
      </c>
      <c r="D893">
        <v>670.07</v>
      </c>
      <c r="E893">
        <v>684.01</v>
      </c>
      <c r="F893">
        <v>681.87</v>
      </c>
      <c r="G893">
        <v>771.39</v>
      </c>
      <c r="H893">
        <v>819.6</v>
      </c>
      <c r="I893">
        <v>861.06</v>
      </c>
      <c r="J893">
        <v>3206</v>
      </c>
      <c r="K893">
        <v>5094</v>
      </c>
      <c r="N893" s="11"/>
    </row>
    <row r="894" spans="2:14">
      <c r="B894" s="2">
        <f t="shared" si="15"/>
        <v>0.7185300925925926</v>
      </c>
      <c r="C894">
        <v>26640</v>
      </c>
      <c r="D894">
        <v>670.77</v>
      </c>
      <c r="E894">
        <v>684.54</v>
      </c>
      <c r="F894">
        <v>682.16</v>
      </c>
      <c r="G894">
        <v>767.69</v>
      </c>
      <c r="H894">
        <v>805.64</v>
      </c>
      <c r="I894">
        <v>868.91</v>
      </c>
      <c r="J894">
        <v>3093</v>
      </c>
      <c r="K894">
        <v>5565</v>
      </c>
      <c r="N894" s="11"/>
    </row>
    <row r="895" spans="2:14">
      <c r="B895" s="2">
        <f t="shared" si="15"/>
        <v>0.71887731481481476</v>
      </c>
      <c r="C895">
        <v>26670</v>
      </c>
      <c r="D895">
        <v>671.11</v>
      </c>
      <c r="E895">
        <v>684.25</v>
      </c>
      <c r="F895">
        <v>681.39</v>
      </c>
      <c r="G895">
        <v>772.39</v>
      </c>
      <c r="H895">
        <v>804.25</v>
      </c>
      <c r="I895">
        <v>866.98</v>
      </c>
      <c r="J895">
        <v>2899</v>
      </c>
      <c r="K895">
        <v>5982</v>
      </c>
      <c r="N895" s="11"/>
    </row>
    <row r="896" spans="2:14">
      <c r="B896" s="2">
        <f t="shared" si="15"/>
        <v>0.71922453703703704</v>
      </c>
      <c r="C896">
        <v>26700</v>
      </c>
      <c r="D896">
        <v>668.33</v>
      </c>
      <c r="E896">
        <v>682.3</v>
      </c>
      <c r="F896">
        <v>679.72</v>
      </c>
      <c r="G896">
        <v>795.81</v>
      </c>
      <c r="H896">
        <v>797</v>
      </c>
      <c r="I896">
        <v>874.03</v>
      </c>
      <c r="J896">
        <v>2796</v>
      </c>
      <c r="K896">
        <v>6194</v>
      </c>
      <c r="N896" s="11"/>
    </row>
    <row r="897" spans="2:14">
      <c r="B897" s="2">
        <f t="shared" si="15"/>
        <v>0.7195717592592592</v>
      </c>
      <c r="C897">
        <v>26730</v>
      </c>
      <c r="D897">
        <v>665.75</v>
      </c>
      <c r="E897">
        <v>680.39</v>
      </c>
      <c r="F897">
        <v>678.22</v>
      </c>
      <c r="G897">
        <v>803.75</v>
      </c>
      <c r="H897">
        <v>789.06</v>
      </c>
      <c r="I897">
        <v>878.56</v>
      </c>
      <c r="J897">
        <v>2773</v>
      </c>
      <c r="K897">
        <v>6225</v>
      </c>
      <c r="N897" s="11"/>
    </row>
    <row r="898" spans="2:14">
      <c r="B898" s="2">
        <f t="shared" si="15"/>
        <v>0.71991898148148148</v>
      </c>
      <c r="C898">
        <v>26760</v>
      </c>
      <c r="D898">
        <v>661.71</v>
      </c>
      <c r="E898">
        <v>678.65</v>
      </c>
      <c r="F898">
        <v>676.8</v>
      </c>
      <c r="G898">
        <v>809.13</v>
      </c>
      <c r="H898">
        <v>785.6</v>
      </c>
      <c r="I898">
        <v>881.94</v>
      </c>
      <c r="J898">
        <v>2728</v>
      </c>
      <c r="K898">
        <v>6277</v>
      </c>
      <c r="N898" s="11"/>
    </row>
    <row r="899" spans="2:14">
      <c r="B899" s="2">
        <f t="shared" si="15"/>
        <v>0.72026620370370376</v>
      </c>
      <c r="C899">
        <v>26790</v>
      </c>
      <c r="D899">
        <v>658</v>
      </c>
      <c r="E899">
        <v>676.42</v>
      </c>
      <c r="F899">
        <v>675.16</v>
      </c>
      <c r="G899">
        <v>801.48</v>
      </c>
      <c r="H899">
        <v>776.36</v>
      </c>
      <c r="I899">
        <v>875.69</v>
      </c>
      <c r="J899">
        <v>2753</v>
      </c>
      <c r="K899">
        <v>6236</v>
      </c>
      <c r="N899" s="11"/>
    </row>
    <row r="900" spans="2:14">
      <c r="B900" s="2">
        <f t="shared" si="15"/>
        <v>0.72061342592592592</v>
      </c>
      <c r="C900">
        <v>26820</v>
      </c>
      <c r="D900">
        <v>654.07000000000005</v>
      </c>
      <c r="E900">
        <v>674.68</v>
      </c>
      <c r="F900">
        <v>673.9</v>
      </c>
      <c r="G900">
        <v>802.66</v>
      </c>
      <c r="H900">
        <v>776.47</v>
      </c>
      <c r="I900">
        <v>875.72</v>
      </c>
      <c r="J900">
        <v>2759</v>
      </c>
      <c r="K900">
        <v>6167</v>
      </c>
      <c r="N900" s="11"/>
    </row>
    <row r="901" spans="2:14">
      <c r="B901" s="2">
        <f t="shared" si="15"/>
        <v>0.72096064814814809</v>
      </c>
      <c r="C901">
        <v>26850</v>
      </c>
      <c r="D901">
        <v>653.78</v>
      </c>
      <c r="E901">
        <v>673.79</v>
      </c>
      <c r="F901">
        <v>673.19</v>
      </c>
      <c r="G901">
        <v>797.76</v>
      </c>
      <c r="H901">
        <v>774.51</v>
      </c>
      <c r="I901">
        <v>878.69</v>
      </c>
      <c r="J901">
        <v>2768</v>
      </c>
      <c r="K901">
        <v>6109</v>
      </c>
      <c r="N901" s="11"/>
    </row>
    <row r="902" spans="2:14">
      <c r="B902" s="2">
        <f t="shared" si="15"/>
        <v>0.72130787037037036</v>
      </c>
      <c r="C902">
        <v>26880</v>
      </c>
      <c r="D902">
        <v>654.37</v>
      </c>
      <c r="E902">
        <v>673.09</v>
      </c>
      <c r="F902">
        <v>672.52</v>
      </c>
      <c r="G902">
        <v>810.07</v>
      </c>
      <c r="H902">
        <v>779.12</v>
      </c>
      <c r="I902">
        <v>876.49</v>
      </c>
      <c r="J902">
        <v>2736</v>
      </c>
      <c r="K902">
        <v>6111</v>
      </c>
      <c r="N902" s="11"/>
    </row>
    <row r="903" spans="2:14">
      <c r="B903" s="2">
        <f t="shared" si="15"/>
        <v>0.72165509259259264</v>
      </c>
      <c r="C903">
        <v>26910</v>
      </c>
      <c r="D903">
        <v>652.71</v>
      </c>
      <c r="E903">
        <v>672.65</v>
      </c>
      <c r="F903">
        <v>671.96</v>
      </c>
      <c r="G903">
        <v>811.99</v>
      </c>
      <c r="H903">
        <v>777.59</v>
      </c>
      <c r="I903">
        <v>874.51</v>
      </c>
      <c r="J903">
        <v>2725</v>
      </c>
      <c r="K903">
        <v>6091</v>
      </c>
      <c r="N903" s="11"/>
    </row>
    <row r="904" spans="2:14">
      <c r="B904" s="2">
        <f t="shared" si="15"/>
        <v>0.72200231481481481</v>
      </c>
      <c r="C904">
        <v>26940</v>
      </c>
      <c r="D904">
        <v>652.35</v>
      </c>
      <c r="E904">
        <v>671.73</v>
      </c>
      <c r="F904">
        <v>671.11</v>
      </c>
      <c r="G904">
        <v>811.39</v>
      </c>
      <c r="H904">
        <v>774.12</v>
      </c>
      <c r="I904">
        <v>874.37</v>
      </c>
      <c r="J904">
        <v>2758</v>
      </c>
      <c r="K904">
        <v>6054</v>
      </c>
      <c r="N904" s="11"/>
    </row>
    <row r="905" spans="2:14">
      <c r="B905" s="2">
        <f t="shared" si="15"/>
        <v>0.72234953703703697</v>
      </c>
      <c r="C905">
        <v>26970</v>
      </c>
      <c r="D905">
        <v>647.91</v>
      </c>
      <c r="E905">
        <v>669.74</v>
      </c>
      <c r="F905">
        <v>669.66</v>
      </c>
      <c r="G905">
        <v>796.64</v>
      </c>
      <c r="H905">
        <v>775.23</v>
      </c>
      <c r="I905">
        <v>879.67</v>
      </c>
      <c r="J905">
        <v>2815</v>
      </c>
      <c r="K905">
        <v>5955</v>
      </c>
      <c r="N905" s="11"/>
    </row>
    <row r="906" spans="2:14">
      <c r="B906" s="2">
        <f t="shared" si="15"/>
        <v>0.72269675925925925</v>
      </c>
      <c r="C906">
        <v>27000</v>
      </c>
      <c r="D906">
        <v>650.29999999999995</v>
      </c>
      <c r="E906">
        <v>669.84</v>
      </c>
      <c r="F906">
        <v>669.52</v>
      </c>
      <c r="G906">
        <v>799.6</v>
      </c>
      <c r="H906">
        <v>781.54</v>
      </c>
      <c r="I906">
        <v>876</v>
      </c>
      <c r="J906">
        <v>2798</v>
      </c>
      <c r="K906">
        <v>5970</v>
      </c>
      <c r="N906" s="11"/>
    </row>
    <row r="907" spans="2:14">
      <c r="B907" s="2">
        <f t="shared" si="15"/>
        <v>0.72304398148148152</v>
      </c>
      <c r="C907">
        <v>27030</v>
      </c>
      <c r="D907">
        <v>652.41</v>
      </c>
      <c r="E907">
        <v>670.21</v>
      </c>
      <c r="F907">
        <v>669.53</v>
      </c>
      <c r="G907">
        <v>811.47</v>
      </c>
      <c r="H907">
        <v>782.4</v>
      </c>
      <c r="I907">
        <v>872.54</v>
      </c>
      <c r="J907">
        <v>2781</v>
      </c>
      <c r="K907">
        <v>5987</v>
      </c>
      <c r="N907" s="11"/>
    </row>
    <row r="908" spans="2:14">
      <c r="B908" s="2">
        <f t="shared" si="15"/>
        <v>0.72339120370370369</v>
      </c>
      <c r="C908">
        <v>27060</v>
      </c>
      <c r="D908">
        <v>650.66999999999996</v>
      </c>
      <c r="E908">
        <v>669.83</v>
      </c>
      <c r="F908">
        <v>669.27</v>
      </c>
      <c r="G908">
        <v>798.28</v>
      </c>
      <c r="H908">
        <v>782.95</v>
      </c>
      <c r="I908">
        <v>875.21</v>
      </c>
      <c r="J908">
        <v>2818</v>
      </c>
      <c r="K908">
        <v>5930</v>
      </c>
      <c r="N908" s="11"/>
    </row>
    <row r="909" spans="2:14">
      <c r="B909" s="2">
        <f t="shared" si="15"/>
        <v>0.72373842592592585</v>
      </c>
      <c r="C909">
        <v>27090</v>
      </c>
      <c r="D909">
        <v>647.75</v>
      </c>
      <c r="E909">
        <v>669.18</v>
      </c>
      <c r="F909">
        <v>668.76</v>
      </c>
      <c r="G909">
        <v>797.02</v>
      </c>
      <c r="H909">
        <v>787.63</v>
      </c>
      <c r="I909">
        <v>874.38</v>
      </c>
      <c r="J909">
        <v>2823</v>
      </c>
      <c r="K909">
        <v>5899</v>
      </c>
      <c r="N909" s="11"/>
    </row>
    <row r="910" spans="2:14">
      <c r="B910" s="2">
        <f t="shared" si="15"/>
        <v>0.72408564814814813</v>
      </c>
      <c r="C910">
        <v>27120</v>
      </c>
      <c r="D910">
        <v>650.09</v>
      </c>
      <c r="E910">
        <v>669.43</v>
      </c>
      <c r="F910">
        <v>668.9</v>
      </c>
      <c r="G910">
        <v>797.97</v>
      </c>
      <c r="H910">
        <v>788.82</v>
      </c>
      <c r="I910">
        <v>872.62</v>
      </c>
      <c r="J910">
        <v>2824</v>
      </c>
      <c r="K910">
        <v>5917</v>
      </c>
      <c r="N910" s="11"/>
    </row>
    <row r="911" spans="2:14">
      <c r="B911" s="2">
        <f t="shared" si="15"/>
        <v>0.72443287037037041</v>
      </c>
      <c r="C911">
        <v>27150</v>
      </c>
      <c r="D911">
        <v>649.95000000000005</v>
      </c>
      <c r="E911">
        <v>669.77</v>
      </c>
      <c r="F911">
        <v>669.11</v>
      </c>
      <c r="G911">
        <v>793.77</v>
      </c>
      <c r="H911">
        <v>796.39</v>
      </c>
      <c r="I911">
        <v>871.15</v>
      </c>
      <c r="J911">
        <v>2809</v>
      </c>
      <c r="K911">
        <v>5859</v>
      </c>
      <c r="N911" s="11"/>
    </row>
    <row r="912" spans="2:14">
      <c r="B912" s="2">
        <f t="shared" si="15"/>
        <v>0.72478009259259257</v>
      </c>
      <c r="C912">
        <v>27180</v>
      </c>
      <c r="D912">
        <v>652.64</v>
      </c>
      <c r="E912">
        <v>670.54</v>
      </c>
      <c r="F912">
        <v>669.5</v>
      </c>
      <c r="G912">
        <v>797.77</v>
      </c>
      <c r="H912">
        <v>797.98</v>
      </c>
      <c r="I912">
        <v>875.09</v>
      </c>
      <c r="J912">
        <v>2787</v>
      </c>
      <c r="K912">
        <v>5865</v>
      </c>
      <c r="N912" s="11"/>
    </row>
    <row r="913" spans="2:14">
      <c r="B913" s="2">
        <f t="shared" si="15"/>
        <v>0.72512731481481474</v>
      </c>
      <c r="C913">
        <v>27210</v>
      </c>
      <c r="D913">
        <v>653.42999999999995</v>
      </c>
      <c r="E913">
        <v>670.59</v>
      </c>
      <c r="F913">
        <v>669.65</v>
      </c>
      <c r="G913">
        <v>807.09</v>
      </c>
      <c r="H913">
        <v>793.8</v>
      </c>
      <c r="I913">
        <v>878.67</v>
      </c>
      <c r="J913">
        <v>2792</v>
      </c>
      <c r="K913">
        <v>5867</v>
      </c>
      <c r="N913" s="11"/>
    </row>
    <row r="914" spans="2:14">
      <c r="B914" s="2">
        <f t="shared" si="15"/>
        <v>0.72547453703703701</v>
      </c>
      <c r="C914">
        <v>27240</v>
      </c>
      <c r="D914">
        <v>651.27</v>
      </c>
      <c r="E914">
        <v>669.51</v>
      </c>
      <c r="F914">
        <v>668.94</v>
      </c>
      <c r="G914">
        <v>803.18</v>
      </c>
      <c r="H914">
        <v>798.64</v>
      </c>
      <c r="I914">
        <v>875.95</v>
      </c>
      <c r="J914">
        <v>2806</v>
      </c>
      <c r="K914">
        <v>5826</v>
      </c>
      <c r="N914" s="11"/>
    </row>
    <row r="915" spans="2:14">
      <c r="B915" s="2">
        <f t="shared" si="15"/>
        <v>0.72582175925925929</v>
      </c>
      <c r="C915">
        <v>27270</v>
      </c>
      <c r="D915">
        <v>648.41999999999996</v>
      </c>
      <c r="E915">
        <v>668.82</v>
      </c>
      <c r="F915">
        <v>668.28</v>
      </c>
      <c r="G915">
        <v>801.64</v>
      </c>
      <c r="H915">
        <v>795.91</v>
      </c>
      <c r="I915">
        <v>870.96</v>
      </c>
      <c r="J915">
        <v>2842</v>
      </c>
      <c r="K915">
        <v>5781</v>
      </c>
      <c r="N915" s="11"/>
    </row>
    <row r="916" spans="2:14">
      <c r="B916" s="2">
        <f t="shared" si="15"/>
        <v>0.72616898148148146</v>
      </c>
      <c r="C916">
        <v>27300</v>
      </c>
      <c r="D916">
        <v>651.34</v>
      </c>
      <c r="E916">
        <v>669.3</v>
      </c>
      <c r="F916">
        <v>668.74</v>
      </c>
      <c r="G916">
        <v>794.2</v>
      </c>
      <c r="H916">
        <v>802.14</v>
      </c>
      <c r="I916">
        <v>864.5</v>
      </c>
      <c r="J916">
        <v>3068</v>
      </c>
      <c r="K916">
        <v>5743</v>
      </c>
      <c r="N916" s="11"/>
    </row>
    <row r="917" spans="2:14">
      <c r="B917" s="2">
        <f t="shared" si="15"/>
        <v>0.72651620370370373</v>
      </c>
      <c r="C917">
        <v>27330</v>
      </c>
      <c r="D917">
        <v>654.49</v>
      </c>
      <c r="E917">
        <v>671.3</v>
      </c>
      <c r="F917">
        <v>670</v>
      </c>
      <c r="G917">
        <v>809.11</v>
      </c>
      <c r="H917">
        <v>793.17</v>
      </c>
      <c r="I917">
        <v>868.69</v>
      </c>
      <c r="J917">
        <v>3000</v>
      </c>
      <c r="K917">
        <v>6160</v>
      </c>
      <c r="N917" s="11"/>
    </row>
    <row r="918" spans="2:14">
      <c r="B918" s="2">
        <f t="shared" si="15"/>
        <v>0.7268634259259259</v>
      </c>
      <c r="C918">
        <v>27360</v>
      </c>
      <c r="D918">
        <v>657.95</v>
      </c>
      <c r="E918">
        <v>672.47</v>
      </c>
      <c r="F918">
        <v>670.83</v>
      </c>
      <c r="G918">
        <v>831.23</v>
      </c>
      <c r="H918">
        <v>791.47</v>
      </c>
      <c r="I918">
        <v>881.53</v>
      </c>
      <c r="J918">
        <v>2828</v>
      </c>
      <c r="K918">
        <v>6525</v>
      </c>
      <c r="N918" s="11"/>
    </row>
    <row r="919" spans="2:14">
      <c r="B919" s="2">
        <f t="shared" si="15"/>
        <v>0.72721064814814818</v>
      </c>
      <c r="C919">
        <v>27390</v>
      </c>
      <c r="D919">
        <v>654.41999999999996</v>
      </c>
      <c r="E919">
        <v>671.14</v>
      </c>
      <c r="F919">
        <v>669.55</v>
      </c>
      <c r="G919">
        <v>823.03</v>
      </c>
      <c r="H919">
        <v>781.48</v>
      </c>
      <c r="I919">
        <v>886.17</v>
      </c>
      <c r="J919">
        <v>2794</v>
      </c>
      <c r="K919">
        <v>6659</v>
      </c>
      <c r="N919" s="11"/>
    </row>
    <row r="920" spans="2:14">
      <c r="B920" s="2">
        <f t="shared" si="15"/>
        <v>0.72755787037037045</v>
      </c>
      <c r="C920">
        <v>27420</v>
      </c>
      <c r="D920">
        <v>652.28</v>
      </c>
      <c r="E920">
        <v>669.28</v>
      </c>
      <c r="F920">
        <v>668.44</v>
      </c>
      <c r="G920">
        <v>824.09</v>
      </c>
      <c r="H920">
        <v>776.32</v>
      </c>
      <c r="I920">
        <v>886.53</v>
      </c>
      <c r="J920">
        <v>2750</v>
      </c>
      <c r="K920">
        <v>6727</v>
      </c>
      <c r="N920" s="11"/>
    </row>
    <row r="921" spans="2:14">
      <c r="B921" s="2">
        <f t="shared" si="15"/>
        <v>0.72790509259259251</v>
      </c>
      <c r="C921">
        <v>27450</v>
      </c>
      <c r="D921">
        <v>651.54</v>
      </c>
      <c r="E921">
        <v>668.72</v>
      </c>
      <c r="F921">
        <v>668.06</v>
      </c>
      <c r="G921">
        <v>822.54</v>
      </c>
      <c r="H921">
        <v>774.52</v>
      </c>
      <c r="I921">
        <v>875.91</v>
      </c>
      <c r="J921">
        <v>2724</v>
      </c>
      <c r="K921">
        <v>6767</v>
      </c>
      <c r="N921" s="11"/>
    </row>
    <row r="922" spans="2:14">
      <c r="B922" s="2">
        <f t="shared" si="15"/>
        <v>0.72825231481481478</v>
      </c>
      <c r="C922">
        <v>27480</v>
      </c>
      <c r="D922">
        <v>647.89</v>
      </c>
      <c r="E922">
        <v>667.74</v>
      </c>
      <c r="F922">
        <v>667.42</v>
      </c>
      <c r="G922">
        <v>822.28</v>
      </c>
      <c r="H922">
        <v>770.57</v>
      </c>
      <c r="I922">
        <v>883.3</v>
      </c>
      <c r="J922">
        <v>2715</v>
      </c>
      <c r="K922">
        <v>6765</v>
      </c>
      <c r="N922" s="11"/>
    </row>
    <row r="923" spans="2:14">
      <c r="B923" s="2">
        <f t="shared" si="15"/>
        <v>0.72859953703703706</v>
      </c>
      <c r="C923">
        <v>27510</v>
      </c>
      <c r="D923">
        <v>648.94000000000005</v>
      </c>
      <c r="E923">
        <v>667.09</v>
      </c>
      <c r="F923">
        <v>666.84</v>
      </c>
      <c r="G923">
        <v>824.56</v>
      </c>
      <c r="H923">
        <v>769.01</v>
      </c>
      <c r="I923">
        <v>881.29</v>
      </c>
      <c r="J923">
        <v>2703</v>
      </c>
      <c r="K923">
        <v>6737</v>
      </c>
      <c r="N923" s="11"/>
    </row>
    <row r="924" spans="2:14">
      <c r="B924" s="2">
        <f t="shared" si="15"/>
        <v>0.72894675925925922</v>
      </c>
      <c r="C924">
        <v>27540</v>
      </c>
      <c r="D924">
        <v>645.1</v>
      </c>
      <c r="E924">
        <v>665.77</v>
      </c>
      <c r="F924">
        <v>665.93</v>
      </c>
      <c r="G924">
        <v>823.78</v>
      </c>
      <c r="H924">
        <v>762.93</v>
      </c>
      <c r="I924">
        <v>871.83</v>
      </c>
      <c r="J924">
        <v>2710</v>
      </c>
      <c r="K924">
        <v>6718</v>
      </c>
      <c r="N924" s="11"/>
    </row>
    <row r="925" spans="2:14">
      <c r="B925" s="2">
        <f t="shared" si="15"/>
        <v>0.72929398148148139</v>
      </c>
      <c r="C925">
        <v>27570</v>
      </c>
      <c r="D925">
        <v>645.34</v>
      </c>
      <c r="E925">
        <v>664.81</v>
      </c>
      <c r="F925">
        <v>665.26</v>
      </c>
      <c r="G925">
        <v>823.96</v>
      </c>
      <c r="H925">
        <v>762.07</v>
      </c>
      <c r="I925">
        <v>876.65</v>
      </c>
      <c r="J925">
        <v>2729</v>
      </c>
      <c r="K925">
        <v>6609</v>
      </c>
      <c r="N925" s="11"/>
    </row>
    <row r="926" spans="2:14">
      <c r="B926" s="2">
        <f t="shared" si="15"/>
        <v>0.72964120370370367</v>
      </c>
      <c r="C926">
        <v>27600</v>
      </c>
      <c r="D926">
        <v>645.54</v>
      </c>
      <c r="E926">
        <v>664.52</v>
      </c>
      <c r="F926">
        <v>665.05</v>
      </c>
      <c r="G926">
        <v>839.95</v>
      </c>
      <c r="H926">
        <v>764.42</v>
      </c>
      <c r="I926">
        <v>869.56</v>
      </c>
      <c r="J926">
        <v>2706</v>
      </c>
      <c r="K926">
        <v>6586</v>
      </c>
      <c r="N926" s="11"/>
    </row>
    <row r="927" spans="2:14">
      <c r="B927" s="2">
        <f t="shared" si="15"/>
        <v>0.72998842592592594</v>
      </c>
      <c r="C927">
        <v>27630</v>
      </c>
      <c r="D927">
        <v>646.48</v>
      </c>
      <c r="E927">
        <v>664.61</v>
      </c>
      <c r="F927">
        <v>665.15</v>
      </c>
      <c r="G927">
        <v>835.68</v>
      </c>
      <c r="H927">
        <v>764.81</v>
      </c>
      <c r="I927">
        <v>875.84</v>
      </c>
      <c r="J927">
        <v>2731</v>
      </c>
      <c r="K927">
        <v>6552</v>
      </c>
      <c r="N927" s="11"/>
    </row>
    <row r="928" spans="2:14">
      <c r="B928" s="2">
        <f t="shared" si="15"/>
        <v>0.73033564814814811</v>
      </c>
      <c r="C928">
        <v>27660</v>
      </c>
      <c r="D928">
        <v>645.66999999999996</v>
      </c>
      <c r="E928">
        <v>663.75</v>
      </c>
      <c r="F928">
        <v>664.48</v>
      </c>
      <c r="G928">
        <v>839.11</v>
      </c>
      <c r="H928">
        <v>766.05</v>
      </c>
      <c r="I928">
        <v>882.77</v>
      </c>
      <c r="J928">
        <v>2760</v>
      </c>
      <c r="K928">
        <v>6491</v>
      </c>
      <c r="N928" s="11"/>
    </row>
    <row r="929" spans="2:14">
      <c r="B929" s="2">
        <f t="shared" si="15"/>
        <v>0.73068287037037039</v>
      </c>
      <c r="C929">
        <v>27690</v>
      </c>
      <c r="D929">
        <v>646.30999999999995</v>
      </c>
      <c r="E929">
        <v>663.94</v>
      </c>
      <c r="F929">
        <v>664.47</v>
      </c>
      <c r="G929">
        <v>838.2</v>
      </c>
      <c r="H929">
        <v>769.97</v>
      </c>
      <c r="I929">
        <v>877.18</v>
      </c>
      <c r="J929">
        <v>2764</v>
      </c>
      <c r="K929">
        <v>6463</v>
      </c>
      <c r="N929" s="11"/>
    </row>
    <row r="930" spans="2:14">
      <c r="B930" s="2">
        <f t="shared" si="15"/>
        <v>0.73103009259259255</v>
      </c>
      <c r="C930">
        <v>27720</v>
      </c>
      <c r="D930">
        <v>648.21</v>
      </c>
      <c r="E930">
        <v>663.5</v>
      </c>
      <c r="F930">
        <v>664.1</v>
      </c>
      <c r="G930">
        <v>845.41</v>
      </c>
      <c r="H930">
        <v>770.62</v>
      </c>
      <c r="I930">
        <v>876.63</v>
      </c>
      <c r="J930">
        <v>2777</v>
      </c>
      <c r="K930">
        <v>6417</v>
      </c>
      <c r="N930" s="11"/>
    </row>
    <row r="931" spans="2:14">
      <c r="B931" s="2">
        <f t="shared" si="15"/>
        <v>0.73137731481481483</v>
      </c>
      <c r="C931">
        <v>27750</v>
      </c>
      <c r="D931">
        <v>646.21</v>
      </c>
      <c r="E931">
        <v>664.07</v>
      </c>
      <c r="F931">
        <v>664.49</v>
      </c>
      <c r="G931">
        <v>851.63</v>
      </c>
      <c r="H931">
        <v>773.95</v>
      </c>
      <c r="I931">
        <v>876.16</v>
      </c>
      <c r="J931">
        <v>2769</v>
      </c>
      <c r="K931">
        <v>6423</v>
      </c>
      <c r="N931" s="11"/>
    </row>
    <row r="932" spans="2:14">
      <c r="B932" s="2">
        <f t="shared" ref="B932:B995" si="16">C932/24/60/60+$B$3</f>
        <v>0.7317245370370371</v>
      </c>
      <c r="C932">
        <v>27780</v>
      </c>
      <c r="D932">
        <v>647.80999999999995</v>
      </c>
      <c r="E932">
        <v>663.56</v>
      </c>
      <c r="F932">
        <v>664.12</v>
      </c>
      <c r="G932">
        <v>850.03</v>
      </c>
      <c r="H932">
        <v>774.93</v>
      </c>
      <c r="I932">
        <v>876.47</v>
      </c>
      <c r="J932">
        <v>2780</v>
      </c>
      <c r="K932">
        <v>6328</v>
      </c>
      <c r="N932" s="11"/>
    </row>
    <row r="933" spans="2:14">
      <c r="B933" s="2">
        <f t="shared" si="16"/>
        <v>0.73207175925925927</v>
      </c>
      <c r="C933">
        <v>27810</v>
      </c>
      <c r="D933">
        <v>647.66999999999996</v>
      </c>
      <c r="E933">
        <v>663.87</v>
      </c>
      <c r="F933">
        <v>664.28</v>
      </c>
      <c r="G933">
        <v>851.43</v>
      </c>
      <c r="H933">
        <v>776</v>
      </c>
      <c r="I933">
        <v>876.17</v>
      </c>
      <c r="J933">
        <v>2780</v>
      </c>
      <c r="K933">
        <v>6396</v>
      </c>
      <c r="N933" s="11"/>
    </row>
    <row r="934" spans="2:14">
      <c r="B934" s="2">
        <f t="shared" si="16"/>
        <v>0.73241898148148143</v>
      </c>
      <c r="C934">
        <v>27840</v>
      </c>
      <c r="D934">
        <v>648.36</v>
      </c>
      <c r="E934">
        <v>664.27</v>
      </c>
      <c r="F934">
        <v>664.28</v>
      </c>
      <c r="G934">
        <v>856.93</v>
      </c>
      <c r="H934">
        <v>780.35</v>
      </c>
      <c r="I934">
        <v>875.71</v>
      </c>
      <c r="J934">
        <v>2788</v>
      </c>
      <c r="K934">
        <v>6345</v>
      </c>
      <c r="N934" s="11"/>
    </row>
    <row r="935" spans="2:14">
      <c r="B935" s="2">
        <f t="shared" si="16"/>
        <v>0.73276620370370371</v>
      </c>
      <c r="C935">
        <v>27870</v>
      </c>
      <c r="D935">
        <v>649.67999999999995</v>
      </c>
      <c r="E935">
        <v>664.8</v>
      </c>
      <c r="F935">
        <v>664.61</v>
      </c>
      <c r="G935">
        <v>855.44</v>
      </c>
      <c r="H935">
        <v>783.58</v>
      </c>
      <c r="I935">
        <v>877.11</v>
      </c>
      <c r="J935">
        <v>2792</v>
      </c>
      <c r="K935">
        <v>6390</v>
      </c>
      <c r="N935" s="11"/>
    </row>
    <row r="936" spans="2:14">
      <c r="B936" s="2">
        <f t="shared" si="16"/>
        <v>0.73311342592592599</v>
      </c>
      <c r="C936">
        <v>27900</v>
      </c>
      <c r="D936">
        <v>648.98</v>
      </c>
      <c r="E936">
        <v>664.76</v>
      </c>
      <c r="F936">
        <v>664.96</v>
      </c>
      <c r="G936">
        <v>853.08</v>
      </c>
      <c r="H936">
        <v>784.68</v>
      </c>
      <c r="I936">
        <v>881.03</v>
      </c>
      <c r="J936">
        <v>2812</v>
      </c>
      <c r="K936">
        <v>6347</v>
      </c>
      <c r="N936" s="11"/>
    </row>
    <row r="937" spans="2:14">
      <c r="B937" s="2">
        <f t="shared" si="16"/>
        <v>0.73346064814814804</v>
      </c>
      <c r="C937">
        <v>27930</v>
      </c>
      <c r="D937">
        <v>649.54</v>
      </c>
      <c r="E937">
        <v>665.66</v>
      </c>
      <c r="F937">
        <v>665.68</v>
      </c>
      <c r="G937">
        <v>856.8</v>
      </c>
      <c r="H937">
        <v>787.9</v>
      </c>
      <c r="I937">
        <v>874.65</v>
      </c>
      <c r="J937">
        <v>2806</v>
      </c>
      <c r="K937">
        <v>6673</v>
      </c>
      <c r="N937" s="11"/>
    </row>
    <row r="938" spans="2:14">
      <c r="B938" s="2">
        <f t="shared" si="16"/>
        <v>0.73380787037037032</v>
      </c>
      <c r="C938">
        <v>27960</v>
      </c>
      <c r="D938">
        <v>659.31</v>
      </c>
      <c r="E938">
        <v>672.73</v>
      </c>
      <c r="F938">
        <v>671.65</v>
      </c>
      <c r="G938">
        <v>870.48</v>
      </c>
      <c r="H938">
        <v>802.13</v>
      </c>
      <c r="I938">
        <v>878.8</v>
      </c>
      <c r="J938">
        <v>2788</v>
      </c>
      <c r="K938">
        <v>6757</v>
      </c>
      <c r="N938" s="11"/>
    </row>
    <row r="939" spans="2:14">
      <c r="B939" s="2">
        <f t="shared" si="16"/>
        <v>0.7341550925925926</v>
      </c>
      <c r="C939">
        <v>27990</v>
      </c>
      <c r="D939">
        <v>667.23</v>
      </c>
      <c r="E939">
        <v>678.19</v>
      </c>
      <c r="F939">
        <v>674.82</v>
      </c>
      <c r="G939">
        <v>857.49</v>
      </c>
      <c r="H939">
        <v>795.52</v>
      </c>
      <c r="I939">
        <v>874.06</v>
      </c>
      <c r="J939">
        <v>2735</v>
      </c>
      <c r="K939">
        <v>6415</v>
      </c>
      <c r="N939" s="11"/>
    </row>
    <row r="940" spans="2:14">
      <c r="B940" s="2">
        <f t="shared" si="16"/>
        <v>0.73450231481481476</v>
      </c>
      <c r="C940">
        <v>28020</v>
      </c>
      <c r="D940">
        <v>664.52</v>
      </c>
      <c r="E940">
        <v>675.09</v>
      </c>
      <c r="F940">
        <v>672.59</v>
      </c>
      <c r="G940">
        <v>850.67</v>
      </c>
      <c r="H940">
        <v>786.29</v>
      </c>
      <c r="I940">
        <v>876.71</v>
      </c>
      <c r="J940">
        <v>2758</v>
      </c>
      <c r="K940">
        <v>6583</v>
      </c>
      <c r="N940" s="11"/>
    </row>
    <row r="941" spans="2:14">
      <c r="B941" s="2">
        <f t="shared" si="16"/>
        <v>0.73484953703703704</v>
      </c>
      <c r="C941">
        <v>28050</v>
      </c>
      <c r="D941">
        <v>662.88</v>
      </c>
      <c r="E941">
        <v>673.53</v>
      </c>
      <c r="F941">
        <v>671.51</v>
      </c>
      <c r="G941">
        <v>854</v>
      </c>
      <c r="H941">
        <v>786.23</v>
      </c>
      <c r="I941">
        <v>878.46</v>
      </c>
      <c r="J941">
        <v>2774</v>
      </c>
      <c r="K941">
        <v>6611</v>
      </c>
      <c r="N941" s="11"/>
    </row>
    <row r="942" spans="2:14">
      <c r="B942" s="2">
        <f t="shared" si="16"/>
        <v>0.7351967592592592</v>
      </c>
      <c r="C942">
        <v>28080</v>
      </c>
      <c r="D942">
        <v>663.23</v>
      </c>
      <c r="E942">
        <v>673.61</v>
      </c>
      <c r="F942">
        <v>671.68</v>
      </c>
      <c r="G942">
        <v>852.42</v>
      </c>
      <c r="H942">
        <v>785.58</v>
      </c>
      <c r="I942">
        <v>876.51</v>
      </c>
      <c r="J942">
        <v>2787</v>
      </c>
      <c r="K942">
        <v>6607</v>
      </c>
      <c r="N942" s="11"/>
    </row>
    <row r="943" spans="2:14">
      <c r="B943" s="2">
        <f t="shared" si="16"/>
        <v>0.73554398148148148</v>
      </c>
      <c r="C943">
        <v>28110</v>
      </c>
      <c r="D943">
        <v>667.02</v>
      </c>
      <c r="E943">
        <v>676.05</v>
      </c>
      <c r="F943">
        <v>673.31</v>
      </c>
      <c r="G943">
        <v>863.77</v>
      </c>
      <c r="H943">
        <v>793.76</v>
      </c>
      <c r="I943">
        <v>872.69</v>
      </c>
      <c r="J943">
        <v>2737</v>
      </c>
      <c r="K943">
        <v>6554</v>
      </c>
      <c r="N943" s="11"/>
    </row>
    <row r="944" spans="2:14">
      <c r="B944" s="2">
        <f t="shared" si="16"/>
        <v>0.73589120370370376</v>
      </c>
      <c r="C944">
        <v>28140</v>
      </c>
      <c r="D944">
        <v>666.43</v>
      </c>
      <c r="E944">
        <v>676.11</v>
      </c>
      <c r="F944">
        <v>673.65</v>
      </c>
      <c r="G944">
        <v>848.4</v>
      </c>
      <c r="H944">
        <v>784.84</v>
      </c>
      <c r="I944">
        <v>871.67</v>
      </c>
      <c r="J944">
        <v>2763</v>
      </c>
      <c r="K944">
        <v>6666</v>
      </c>
      <c r="N944" s="11"/>
    </row>
    <row r="945" spans="2:14">
      <c r="B945" s="2">
        <f t="shared" si="16"/>
        <v>0.73623842592592592</v>
      </c>
      <c r="C945">
        <v>28170</v>
      </c>
      <c r="D945">
        <v>661.83</v>
      </c>
      <c r="E945">
        <v>674.92</v>
      </c>
      <c r="F945">
        <v>672.83</v>
      </c>
      <c r="G945">
        <v>857.55</v>
      </c>
      <c r="H945">
        <v>785.63</v>
      </c>
      <c r="I945">
        <v>874.51</v>
      </c>
      <c r="J945">
        <v>2812</v>
      </c>
      <c r="K945">
        <v>6674</v>
      </c>
      <c r="N945" s="11"/>
    </row>
    <row r="946" spans="2:14">
      <c r="B946" s="2">
        <f t="shared" si="16"/>
        <v>0.73658564814814809</v>
      </c>
      <c r="C946">
        <v>28200</v>
      </c>
      <c r="D946">
        <v>669.86</v>
      </c>
      <c r="E946">
        <v>678.33</v>
      </c>
      <c r="F946">
        <v>675.57</v>
      </c>
      <c r="G946">
        <v>871.99</v>
      </c>
      <c r="H946">
        <v>793.67</v>
      </c>
      <c r="I946">
        <v>853.08</v>
      </c>
      <c r="J946">
        <v>3128</v>
      </c>
      <c r="K946">
        <v>6850</v>
      </c>
      <c r="N946" s="11"/>
    </row>
    <row r="947" spans="2:14">
      <c r="B947" s="2">
        <f t="shared" si="16"/>
        <v>0.73693287037037036</v>
      </c>
      <c r="C947">
        <v>28230</v>
      </c>
      <c r="D947">
        <v>670.57</v>
      </c>
      <c r="E947">
        <v>681.2</v>
      </c>
      <c r="F947">
        <v>677.52</v>
      </c>
      <c r="G947">
        <v>867.42</v>
      </c>
      <c r="H947">
        <v>794.76</v>
      </c>
      <c r="I947">
        <v>852.58</v>
      </c>
      <c r="J947">
        <v>3084</v>
      </c>
      <c r="K947">
        <v>7146</v>
      </c>
      <c r="N947" s="11"/>
    </row>
    <row r="948" spans="2:14">
      <c r="B948" s="2">
        <f t="shared" si="16"/>
        <v>0.73728009259259264</v>
      </c>
      <c r="C948">
        <v>28260</v>
      </c>
      <c r="D948">
        <v>671.45</v>
      </c>
      <c r="E948">
        <v>680.95</v>
      </c>
      <c r="F948">
        <v>677.65</v>
      </c>
      <c r="G948">
        <v>871.78</v>
      </c>
      <c r="H948">
        <v>795.15</v>
      </c>
      <c r="I948">
        <v>854.13</v>
      </c>
      <c r="J948">
        <v>3048</v>
      </c>
      <c r="K948">
        <v>7063</v>
      </c>
      <c r="N948" s="11"/>
    </row>
    <row r="949" spans="2:14">
      <c r="B949" s="2">
        <f t="shared" si="16"/>
        <v>0.73762731481481481</v>
      </c>
      <c r="C949">
        <v>28290</v>
      </c>
      <c r="D949">
        <v>671.63</v>
      </c>
      <c r="E949">
        <v>681.42</v>
      </c>
      <c r="F949">
        <v>678.14</v>
      </c>
      <c r="G949">
        <v>864.74</v>
      </c>
      <c r="H949">
        <v>793.15</v>
      </c>
      <c r="I949">
        <v>863.25</v>
      </c>
      <c r="J949">
        <v>3051</v>
      </c>
      <c r="K949">
        <v>7126</v>
      </c>
      <c r="N949" s="11"/>
    </row>
    <row r="950" spans="2:14">
      <c r="B950" s="2">
        <f t="shared" si="16"/>
        <v>0.73797453703703697</v>
      </c>
      <c r="C950">
        <v>28320</v>
      </c>
      <c r="D950">
        <v>671.49</v>
      </c>
      <c r="E950">
        <v>681.67</v>
      </c>
      <c r="F950">
        <v>678.59</v>
      </c>
      <c r="G950">
        <v>864.56</v>
      </c>
      <c r="H950">
        <v>788.32</v>
      </c>
      <c r="I950">
        <v>874.52</v>
      </c>
      <c r="J950">
        <v>3044</v>
      </c>
      <c r="K950">
        <v>7239</v>
      </c>
      <c r="N950" s="11"/>
    </row>
    <row r="951" spans="2:14">
      <c r="B951" s="2">
        <f t="shared" si="16"/>
        <v>0.73832175925925925</v>
      </c>
      <c r="C951">
        <v>28350</v>
      </c>
      <c r="D951">
        <v>667.61</v>
      </c>
      <c r="E951">
        <v>679.55</v>
      </c>
      <c r="F951">
        <v>677.04</v>
      </c>
      <c r="G951">
        <v>868.12</v>
      </c>
      <c r="H951">
        <v>787.76</v>
      </c>
      <c r="I951">
        <v>868.27</v>
      </c>
      <c r="J951">
        <v>3068</v>
      </c>
      <c r="K951">
        <v>7681</v>
      </c>
      <c r="N951" s="11"/>
    </row>
    <row r="952" spans="2:14">
      <c r="B952" s="2">
        <f t="shared" si="16"/>
        <v>0.73866898148148152</v>
      </c>
      <c r="C952">
        <v>28380</v>
      </c>
      <c r="D952">
        <v>671.82</v>
      </c>
      <c r="E952">
        <v>681.35</v>
      </c>
      <c r="F952">
        <v>678.31</v>
      </c>
      <c r="G952">
        <v>876.93</v>
      </c>
      <c r="H952">
        <v>793.69</v>
      </c>
      <c r="I952">
        <v>880.86</v>
      </c>
      <c r="J952">
        <v>3042</v>
      </c>
      <c r="K952">
        <v>7227</v>
      </c>
      <c r="N952" s="11"/>
    </row>
    <row r="953" spans="2:14">
      <c r="B953" s="2">
        <f t="shared" si="16"/>
        <v>0.73901620370370369</v>
      </c>
      <c r="C953">
        <v>28410</v>
      </c>
      <c r="D953">
        <v>664.24</v>
      </c>
      <c r="E953">
        <v>680.58</v>
      </c>
      <c r="F953">
        <v>679.06</v>
      </c>
      <c r="G953">
        <v>868.66</v>
      </c>
      <c r="H953">
        <v>788.69</v>
      </c>
      <c r="I953">
        <v>870.17</v>
      </c>
      <c r="J953">
        <v>3087</v>
      </c>
      <c r="K953">
        <v>9090</v>
      </c>
      <c r="N953" s="11"/>
    </row>
    <row r="954" spans="2:14">
      <c r="B954" s="2">
        <f t="shared" si="16"/>
        <v>0.73936342592592585</v>
      </c>
      <c r="C954">
        <v>28440</v>
      </c>
      <c r="D954">
        <v>658.19</v>
      </c>
      <c r="E954">
        <v>681.83</v>
      </c>
      <c r="F954">
        <v>682.88</v>
      </c>
      <c r="G954">
        <v>847.58</v>
      </c>
      <c r="H954">
        <v>808.54</v>
      </c>
      <c r="I954">
        <v>856.47</v>
      </c>
      <c r="J954">
        <v>3306</v>
      </c>
      <c r="K954">
        <v>8745</v>
      </c>
      <c r="N954" s="11"/>
    </row>
    <row r="955" spans="2:14">
      <c r="B955" s="2">
        <f t="shared" si="16"/>
        <v>0.73971064814814813</v>
      </c>
      <c r="C955">
        <v>28470</v>
      </c>
      <c r="D955">
        <v>670.04</v>
      </c>
      <c r="E955">
        <v>690.43</v>
      </c>
      <c r="F955">
        <v>692.3</v>
      </c>
      <c r="G955">
        <v>836.9</v>
      </c>
      <c r="H955">
        <v>805.59</v>
      </c>
      <c r="I955">
        <v>853.1</v>
      </c>
      <c r="J955">
        <v>3366</v>
      </c>
      <c r="K955">
        <v>7830</v>
      </c>
      <c r="N955" s="11"/>
    </row>
    <row r="956" spans="2:14">
      <c r="B956" s="2">
        <f t="shared" si="16"/>
        <v>0.74005787037037041</v>
      </c>
      <c r="C956">
        <v>28500</v>
      </c>
      <c r="D956">
        <v>669.67</v>
      </c>
      <c r="E956">
        <v>686.1</v>
      </c>
      <c r="F956">
        <v>686.4</v>
      </c>
      <c r="G956">
        <v>833.9</v>
      </c>
      <c r="H956">
        <v>802.91</v>
      </c>
      <c r="I956">
        <v>863.57</v>
      </c>
      <c r="J956">
        <v>3367</v>
      </c>
      <c r="K956">
        <v>7201</v>
      </c>
      <c r="N956" s="11"/>
    </row>
    <row r="957" spans="2:14">
      <c r="B957" s="2">
        <f t="shared" si="16"/>
        <v>0.74040509259259257</v>
      </c>
      <c r="C957">
        <v>28530</v>
      </c>
      <c r="D957">
        <v>670.98</v>
      </c>
      <c r="E957">
        <v>687.82</v>
      </c>
      <c r="F957">
        <v>688.54</v>
      </c>
      <c r="G957">
        <v>833.33</v>
      </c>
      <c r="H957">
        <v>802.48</v>
      </c>
      <c r="I957">
        <v>858.24</v>
      </c>
      <c r="J957">
        <v>3331</v>
      </c>
      <c r="K957">
        <v>7584</v>
      </c>
      <c r="N957" s="11"/>
    </row>
    <row r="958" spans="2:14">
      <c r="B958" s="2">
        <f t="shared" si="16"/>
        <v>0.74075231481481474</v>
      </c>
      <c r="C958">
        <v>28560</v>
      </c>
      <c r="D958">
        <v>673.78</v>
      </c>
      <c r="E958">
        <v>688.03</v>
      </c>
      <c r="F958">
        <v>689.02</v>
      </c>
      <c r="G958">
        <v>834.13</v>
      </c>
      <c r="H958">
        <v>800.1</v>
      </c>
      <c r="I958">
        <v>847.65</v>
      </c>
      <c r="J958">
        <v>3396</v>
      </c>
      <c r="K958">
        <v>7585</v>
      </c>
      <c r="N958" s="11"/>
    </row>
    <row r="959" spans="2:14">
      <c r="B959" s="2">
        <f t="shared" si="16"/>
        <v>0.74109953703703701</v>
      </c>
      <c r="C959">
        <v>28590</v>
      </c>
      <c r="D959">
        <v>684.28</v>
      </c>
      <c r="E959">
        <v>687.52</v>
      </c>
      <c r="F959">
        <v>689.07</v>
      </c>
      <c r="G959">
        <v>829.45</v>
      </c>
      <c r="H959">
        <v>798.13</v>
      </c>
      <c r="I959">
        <v>874.06</v>
      </c>
      <c r="J959">
        <v>3220</v>
      </c>
      <c r="K959">
        <v>6896</v>
      </c>
      <c r="N959" s="11"/>
    </row>
    <row r="960" spans="2:14">
      <c r="B960" s="2">
        <f t="shared" si="16"/>
        <v>0.74144675925925929</v>
      </c>
      <c r="C960">
        <v>28620</v>
      </c>
      <c r="D960">
        <v>682.87</v>
      </c>
      <c r="E960">
        <v>687.46</v>
      </c>
      <c r="F960">
        <v>689.1</v>
      </c>
      <c r="G960">
        <v>834.12</v>
      </c>
      <c r="H960">
        <v>795.62</v>
      </c>
      <c r="I960">
        <v>874.55</v>
      </c>
      <c r="J960">
        <v>3210</v>
      </c>
      <c r="K960">
        <v>6686</v>
      </c>
      <c r="N960" s="11"/>
    </row>
    <row r="961" spans="2:14">
      <c r="B961" s="2">
        <f t="shared" si="16"/>
        <v>0.74179398148148146</v>
      </c>
      <c r="C961">
        <v>28650</v>
      </c>
      <c r="D961">
        <v>684.78</v>
      </c>
      <c r="E961">
        <v>687.9</v>
      </c>
      <c r="F961">
        <v>689.66</v>
      </c>
      <c r="G961">
        <v>834.06</v>
      </c>
      <c r="H961">
        <v>795.1</v>
      </c>
      <c r="I961">
        <v>877.43</v>
      </c>
      <c r="J961">
        <v>3209</v>
      </c>
      <c r="K961">
        <v>6523</v>
      </c>
      <c r="N961" s="11"/>
    </row>
    <row r="962" spans="2:14">
      <c r="B962" s="2">
        <f t="shared" si="16"/>
        <v>0.74214120370370373</v>
      </c>
      <c r="C962">
        <v>28680</v>
      </c>
      <c r="D962">
        <v>684.57</v>
      </c>
      <c r="E962">
        <v>687.84</v>
      </c>
      <c r="F962">
        <v>689.96</v>
      </c>
      <c r="G962">
        <v>832.48</v>
      </c>
      <c r="H962">
        <v>794.52</v>
      </c>
      <c r="I962">
        <v>867.38</v>
      </c>
      <c r="J962">
        <v>3158</v>
      </c>
      <c r="K962">
        <v>6452</v>
      </c>
      <c r="N962" s="11"/>
    </row>
    <row r="963" spans="2:14">
      <c r="B963" s="2">
        <f t="shared" si="16"/>
        <v>0.7424884259259259</v>
      </c>
      <c r="C963">
        <v>28710</v>
      </c>
      <c r="D963">
        <v>684.18</v>
      </c>
      <c r="E963">
        <v>686.27</v>
      </c>
      <c r="F963">
        <v>688.38</v>
      </c>
      <c r="G963">
        <v>832.53</v>
      </c>
      <c r="H963">
        <v>794.67</v>
      </c>
      <c r="I963">
        <v>868.94</v>
      </c>
      <c r="J963">
        <v>3158</v>
      </c>
      <c r="K963">
        <v>6125</v>
      </c>
      <c r="N963" s="11"/>
    </row>
    <row r="964" spans="2:14">
      <c r="B964" s="2">
        <f t="shared" si="16"/>
        <v>0.74283564814814818</v>
      </c>
      <c r="C964">
        <v>28740</v>
      </c>
      <c r="D964">
        <v>681.01</v>
      </c>
      <c r="E964">
        <v>671.65</v>
      </c>
      <c r="F964">
        <v>672.82</v>
      </c>
      <c r="G964">
        <v>834.68</v>
      </c>
      <c r="H964">
        <v>795.26</v>
      </c>
      <c r="I964">
        <v>880.36</v>
      </c>
      <c r="J964">
        <v>3087</v>
      </c>
      <c r="K964">
        <v>5626</v>
      </c>
      <c r="N964" s="11"/>
    </row>
    <row r="965" spans="2:14">
      <c r="B965" s="2">
        <f t="shared" si="16"/>
        <v>0.74318287037037045</v>
      </c>
      <c r="C965">
        <v>28770</v>
      </c>
      <c r="D965">
        <v>675.21</v>
      </c>
      <c r="E965">
        <v>669.21</v>
      </c>
      <c r="F965">
        <v>669.9</v>
      </c>
      <c r="G965">
        <v>839.95</v>
      </c>
      <c r="H965">
        <v>797.75</v>
      </c>
      <c r="I965">
        <v>886.39</v>
      </c>
      <c r="J965">
        <v>3058</v>
      </c>
      <c r="K965">
        <v>5584</v>
      </c>
      <c r="N965" s="11"/>
    </row>
    <row r="966" spans="2:14">
      <c r="B966" s="2">
        <f t="shared" si="16"/>
        <v>0.74353009259259251</v>
      </c>
      <c r="C966">
        <v>28800</v>
      </c>
      <c r="D966">
        <v>673.59</v>
      </c>
      <c r="E966">
        <v>668.52</v>
      </c>
      <c r="F966">
        <v>668.8</v>
      </c>
      <c r="G966">
        <v>847.94</v>
      </c>
      <c r="H966">
        <v>801.61</v>
      </c>
      <c r="I966">
        <v>884.58</v>
      </c>
      <c r="J966">
        <v>3035</v>
      </c>
      <c r="K966">
        <v>5576</v>
      </c>
      <c r="N966" s="11"/>
    </row>
    <row r="967" spans="2:14">
      <c r="B967" s="2">
        <f t="shared" si="16"/>
        <v>0.74387731481481478</v>
      </c>
      <c r="C967">
        <v>28830</v>
      </c>
      <c r="D967">
        <v>671.77</v>
      </c>
      <c r="E967">
        <v>667.44</v>
      </c>
      <c r="F967">
        <v>667.68</v>
      </c>
      <c r="G967">
        <v>852.89</v>
      </c>
      <c r="H967">
        <v>804.86</v>
      </c>
      <c r="I967">
        <v>882.84</v>
      </c>
      <c r="J967">
        <v>3053</v>
      </c>
      <c r="K967">
        <v>5524</v>
      </c>
      <c r="N967" s="11"/>
    </row>
    <row r="968" spans="2:14">
      <c r="B968" s="2">
        <f t="shared" si="16"/>
        <v>0.74422453703703706</v>
      </c>
      <c r="C968">
        <v>28860</v>
      </c>
      <c r="D968">
        <v>671.1</v>
      </c>
      <c r="E968">
        <v>666.67</v>
      </c>
      <c r="F968">
        <v>666.88</v>
      </c>
      <c r="G968">
        <v>860.4</v>
      </c>
      <c r="H968">
        <v>808.46</v>
      </c>
      <c r="I968">
        <v>863.73</v>
      </c>
      <c r="J968">
        <v>3095</v>
      </c>
      <c r="K968">
        <v>5389</v>
      </c>
      <c r="N968" s="11"/>
    </row>
    <row r="969" spans="2:14">
      <c r="B969" s="2">
        <f t="shared" si="16"/>
        <v>0.74457175925925922</v>
      </c>
      <c r="C969">
        <v>28890</v>
      </c>
      <c r="D969">
        <v>670.74</v>
      </c>
      <c r="E969">
        <v>666.2</v>
      </c>
      <c r="F969">
        <v>666.2</v>
      </c>
      <c r="G969">
        <v>868.71</v>
      </c>
      <c r="H969">
        <v>812.6</v>
      </c>
      <c r="I969">
        <v>846.55</v>
      </c>
      <c r="J969">
        <v>3157</v>
      </c>
      <c r="K969">
        <v>5315</v>
      </c>
      <c r="N969" s="11"/>
    </row>
    <row r="970" spans="2:14">
      <c r="B970" s="2">
        <f t="shared" si="16"/>
        <v>0.74491898148148139</v>
      </c>
      <c r="C970">
        <v>28920</v>
      </c>
      <c r="D970">
        <v>671.67</v>
      </c>
      <c r="E970">
        <v>665.74</v>
      </c>
      <c r="F970">
        <v>665.57</v>
      </c>
      <c r="G970">
        <v>870.18</v>
      </c>
      <c r="H970">
        <v>815.26</v>
      </c>
      <c r="I970">
        <v>847.2</v>
      </c>
      <c r="J970">
        <v>3186</v>
      </c>
      <c r="K970">
        <v>5273</v>
      </c>
      <c r="N970" s="11"/>
    </row>
    <row r="971" spans="2:14">
      <c r="B971" s="2">
        <f t="shared" si="16"/>
        <v>0.74526620370370367</v>
      </c>
      <c r="C971">
        <v>28950</v>
      </c>
      <c r="D971">
        <v>674.4</v>
      </c>
      <c r="E971">
        <v>665.72</v>
      </c>
      <c r="F971">
        <v>665.26</v>
      </c>
      <c r="G971">
        <v>890.56</v>
      </c>
      <c r="H971">
        <v>827.23</v>
      </c>
      <c r="I971">
        <v>818.12</v>
      </c>
      <c r="J971">
        <v>3076</v>
      </c>
      <c r="K971">
        <v>5010</v>
      </c>
      <c r="N971" s="11"/>
    </row>
    <row r="972" spans="2:14">
      <c r="B972" s="2">
        <f t="shared" si="16"/>
        <v>0.74561342592592594</v>
      </c>
      <c r="C972">
        <v>28980</v>
      </c>
      <c r="D972">
        <v>664</v>
      </c>
      <c r="E972">
        <v>662.83</v>
      </c>
      <c r="F972">
        <v>662.39</v>
      </c>
      <c r="G972">
        <v>800.74</v>
      </c>
      <c r="H972">
        <v>802.8</v>
      </c>
      <c r="I972">
        <v>780.97</v>
      </c>
      <c r="J972">
        <v>3236</v>
      </c>
      <c r="K972">
        <v>4388</v>
      </c>
      <c r="N972" s="11"/>
    </row>
    <row r="973" spans="2:14">
      <c r="B973" s="2">
        <f t="shared" si="16"/>
        <v>0.74596064814814811</v>
      </c>
      <c r="C973">
        <v>29010</v>
      </c>
      <c r="D973">
        <v>654.02</v>
      </c>
      <c r="E973">
        <v>657.71</v>
      </c>
      <c r="F973">
        <v>657.44</v>
      </c>
      <c r="G973">
        <v>787.68</v>
      </c>
      <c r="H973">
        <v>794.88</v>
      </c>
      <c r="I973">
        <v>772.94</v>
      </c>
      <c r="J973">
        <v>3264</v>
      </c>
      <c r="K973">
        <v>4273</v>
      </c>
      <c r="N973" s="11"/>
    </row>
    <row r="974" spans="2:14">
      <c r="B974" s="2">
        <f t="shared" si="16"/>
        <v>0.74630787037037039</v>
      </c>
      <c r="C974">
        <v>29040</v>
      </c>
      <c r="D974">
        <v>648.44000000000005</v>
      </c>
      <c r="E974">
        <v>654.74</v>
      </c>
      <c r="F974">
        <v>654.61</v>
      </c>
      <c r="G974">
        <v>779.78</v>
      </c>
      <c r="H974">
        <v>785.21</v>
      </c>
      <c r="I974">
        <v>765.48</v>
      </c>
      <c r="J974">
        <v>3291</v>
      </c>
      <c r="K974">
        <v>4177</v>
      </c>
      <c r="N974" s="11"/>
    </row>
    <row r="975" spans="2:14">
      <c r="B975" s="2">
        <f t="shared" si="16"/>
        <v>0.74665509259259255</v>
      </c>
      <c r="C975">
        <v>29070</v>
      </c>
      <c r="D975">
        <v>646.32000000000005</v>
      </c>
      <c r="E975">
        <v>652.4</v>
      </c>
      <c r="F975">
        <v>651.97</v>
      </c>
      <c r="G975">
        <v>772.42</v>
      </c>
      <c r="H975">
        <v>777.02</v>
      </c>
      <c r="I975">
        <v>758.58</v>
      </c>
      <c r="J975">
        <v>3308</v>
      </c>
      <c r="K975">
        <v>4282</v>
      </c>
      <c r="N975" s="11"/>
    </row>
    <row r="976" spans="2:14">
      <c r="B976" s="2">
        <f t="shared" si="16"/>
        <v>0.74700231481481483</v>
      </c>
      <c r="C976">
        <v>29100</v>
      </c>
      <c r="D976">
        <v>643.42999999999995</v>
      </c>
      <c r="E976">
        <v>650.41</v>
      </c>
      <c r="F976">
        <v>649.99</v>
      </c>
      <c r="G976">
        <v>773.54</v>
      </c>
      <c r="H976">
        <v>768.64</v>
      </c>
      <c r="I976">
        <v>753.74</v>
      </c>
      <c r="J976">
        <v>3516</v>
      </c>
      <c r="K976">
        <v>3718</v>
      </c>
      <c r="N976" s="11"/>
    </row>
    <row r="977" spans="2:14">
      <c r="B977" s="2">
        <f t="shared" si="16"/>
        <v>0.7473495370370371</v>
      </c>
      <c r="C977">
        <v>29130</v>
      </c>
      <c r="D977">
        <v>640.27</v>
      </c>
      <c r="E977">
        <v>652.82000000000005</v>
      </c>
      <c r="F977">
        <v>651.62</v>
      </c>
      <c r="G977">
        <v>772.55</v>
      </c>
      <c r="H977">
        <v>762.88</v>
      </c>
      <c r="I977">
        <v>751.36</v>
      </c>
      <c r="J977">
        <v>3522</v>
      </c>
      <c r="K977">
        <v>3521</v>
      </c>
      <c r="N977" s="11"/>
    </row>
    <row r="978" spans="2:14">
      <c r="B978" s="2">
        <f t="shared" si="16"/>
        <v>0.74769675925925927</v>
      </c>
      <c r="C978">
        <v>29160</v>
      </c>
      <c r="D978">
        <v>629.73</v>
      </c>
      <c r="E978">
        <v>649.66999999999996</v>
      </c>
      <c r="F978">
        <v>649.38</v>
      </c>
      <c r="G978">
        <v>756.34</v>
      </c>
      <c r="H978">
        <v>748.06</v>
      </c>
      <c r="I978">
        <v>747.32</v>
      </c>
      <c r="J978">
        <v>3442</v>
      </c>
      <c r="K978">
        <v>3962</v>
      </c>
      <c r="N978" s="11"/>
    </row>
    <row r="979" spans="2:14">
      <c r="B979" s="2">
        <f t="shared" si="16"/>
        <v>0.74804398148148143</v>
      </c>
      <c r="C979">
        <v>29190</v>
      </c>
      <c r="D979">
        <v>618.80999999999995</v>
      </c>
      <c r="E979">
        <v>643.84</v>
      </c>
      <c r="F979">
        <v>644.96</v>
      </c>
      <c r="G979">
        <v>749.4</v>
      </c>
      <c r="H979">
        <v>736.42</v>
      </c>
      <c r="I979">
        <v>742.73</v>
      </c>
      <c r="J979">
        <v>3416</v>
      </c>
      <c r="K979">
        <v>3998</v>
      </c>
      <c r="N979" s="11"/>
    </row>
    <row r="980" spans="2:14">
      <c r="B980" s="2">
        <f t="shared" si="16"/>
        <v>0.74839120370370371</v>
      </c>
      <c r="C980">
        <v>29220</v>
      </c>
      <c r="D980">
        <v>611.79999999999995</v>
      </c>
      <c r="E980">
        <v>639.92999999999995</v>
      </c>
      <c r="F980">
        <v>641.83000000000004</v>
      </c>
      <c r="G980">
        <v>743.09</v>
      </c>
      <c r="H980">
        <v>727.35</v>
      </c>
      <c r="I980">
        <v>738.56</v>
      </c>
      <c r="J980">
        <v>3425</v>
      </c>
      <c r="K980">
        <v>4018</v>
      </c>
      <c r="N980" s="11"/>
    </row>
    <row r="981" spans="2:14">
      <c r="B981" s="2">
        <f t="shared" si="16"/>
        <v>0.74873842592592599</v>
      </c>
      <c r="C981">
        <v>29250</v>
      </c>
      <c r="D981">
        <v>604.02</v>
      </c>
      <c r="E981">
        <v>636.79</v>
      </c>
      <c r="F981">
        <v>639.03</v>
      </c>
      <c r="G981">
        <v>737.37</v>
      </c>
      <c r="H981">
        <v>720.88</v>
      </c>
      <c r="I981">
        <v>733.73</v>
      </c>
      <c r="J981">
        <v>3405</v>
      </c>
      <c r="K981">
        <v>4016</v>
      </c>
      <c r="N981" s="11"/>
    </row>
    <row r="982" spans="2:14">
      <c r="B982" s="2">
        <f t="shared" si="16"/>
        <v>0.74908564814814804</v>
      </c>
      <c r="C982">
        <v>29280</v>
      </c>
      <c r="D982">
        <v>600.91999999999996</v>
      </c>
      <c r="E982">
        <v>634.04</v>
      </c>
      <c r="F982">
        <v>636.37</v>
      </c>
      <c r="G982">
        <v>731.98</v>
      </c>
      <c r="H982">
        <v>715.29</v>
      </c>
      <c r="I982">
        <v>728.26</v>
      </c>
      <c r="J982">
        <v>3397</v>
      </c>
      <c r="K982">
        <v>4009</v>
      </c>
      <c r="N982" s="11"/>
    </row>
    <row r="983" spans="2:14">
      <c r="B983" s="2">
        <f t="shared" si="16"/>
        <v>0.74943287037037032</v>
      </c>
      <c r="C983">
        <v>29310</v>
      </c>
      <c r="D983">
        <v>597.5</v>
      </c>
      <c r="E983">
        <v>631.59</v>
      </c>
      <c r="F983">
        <v>634.13</v>
      </c>
      <c r="G983">
        <v>726.63</v>
      </c>
      <c r="H983">
        <v>710.01</v>
      </c>
      <c r="I983">
        <v>723.91</v>
      </c>
      <c r="J983">
        <v>3368</v>
      </c>
      <c r="K983">
        <v>4041</v>
      </c>
      <c r="N983" s="11"/>
    </row>
    <row r="984" spans="2:14">
      <c r="B984" s="2">
        <f t="shared" si="16"/>
        <v>0.7497800925925926</v>
      </c>
      <c r="C984">
        <v>29340</v>
      </c>
      <c r="D984">
        <v>592.45000000000005</v>
      </c>
      <c r="E984">
        <v>628.97</v>
      </c>
      <c r="F984">
        <v>631.66</v>
      </c>
      <c r="G984">
        <v>721.25</v>
      </c>
      <c r="H984">
        <v>704.28</v>
      </c>
      <c r="I984">
        <v>719.83</v>
      </c>
      <c r="J984">
        <v>3359</v>
      </c>
      <c r="K984">
        <v>4052</v>
      </c>
      <c r="N984" s="11"/>
    </row>
    <row r="985" spans="2:14">
      <c r="B985" s="2">
        <f t="shared" si="16"/>
        <v>0.75012731481481476</v>
      </c>
      <c r="C985">
        <v>29370</v>
      </c>
      <c r="D985">
        <v>589.47</v>
      </c>
      <c r="E985">
        <v>626.30999999999995</v>
      </c>
      <c r="F985">
        <v>629.30999999999995</v>
      </c>
      <c r="G985">
        <v>716.12</v>
      </c>
      <c r="H985">
        <v>698.98</v>
      </c>
      <c r="I985">
        <v>716.08</v>
      </c>
      <c r="J985">
        <v>3360</v>
      </c>
      <c r="K985">
        <v>4039</v>
      </c>
      <c r="N985" s="11"/>
    </row>
    <row r="986" spans="2:14">
      <c r="B986" s="2">
        <f t="shared" si="16"/>
        <v>0.75047453703703704</v>
      </c>
      <c r="C986">
        <v>29400</v>
      </c>
      <c r="D986">
        <v>586.45000000000005</v>
      </c>
      <c r="E986">
        <v>624.13</v>
      </c>
      <c r="F986">
        <v>627.04</v>
      </c>
      <c r="G986">
        <v>711.26</v>
      </c>
      <c r="H986">
        <v>694.57</v>
      </c>
      <c r="I986">
        <v>711.66</v>
      </c>
      <c r="J986">
        <v>3344</v>
      </c>
      <c r="K986">
        <v>4053</v>
      </c>
      <c r="N986" s="11"/>
    </row>
    <row r="987" spans="2:14">
      <c r="B987" s="2">
        <f t="shared" si="16"/>
        <v>0.7508217592592592</v>
      </c>
      <c r="C987">
        <v>29430</v>
      </c>
      <c r="D987">
        <v>584.75</v>
      </c>
      <c r="E987">
        <v>623.91</v>
      </c>
      <c r="F987">
        <v>626.5</v>
      </c>
      <c r="G987">
        <v>706.32</v>
      </c>
      <c r="H987">
        <v>690.78</v>
      </c>
      <c r="I987">
        <v>706.1</v>
      </c>
      <c r="J987">
        <v>3013</v>
      </c>
      <c r="K987">
        <v>3120</v>
      </c>
      <c r="N987" s="11"/>
    </row>
    <row r="988" spans="2:14">
      <c r="B988" s="2">
        <f t="shared" si="16"/>
        <v>0.75116898148148148</v>
      </c>
      <c r="C988">
        <v>29460</v>
      </c>
      <c r="D988">
        <v>581.61</v>
      </c>
      <c r="E988">
        <v>628.44000000000005</v>
      </c>
      <c r="F988">
        <v>630.85</v>
      </c>
      <c r="G988">
        <v>700.83</v>
      </c>
      <c r="H988">
        <v>686.26</v>
      </c>
      <c r="I988">
        <v>685.16</v>
      </c>
      <c r="J988">
        <v>269</v>
      </c>
      <c r="K988">
        <v>1856</v>
      </c>
      <c r="N988" s="11"/>
    </row>
    <row r="989" spans="2:14">
      <c r="B989" s="2">
        <f t="shared" si="16"/>
        <v>0.75151620370370376</v>
      </c>
      <c r="C989">
        <v>29490</v>
      </c>
      <c r="D989">
        <v>578.35</v>
      </c>
      <c r="E989">
        <v>630.15</v>
      </c>
      <c r="F989">
        <v>630.36</v>
      </c>
      <c r="G989">
        <v>695.75</v>
      </c>
      <c r="H989">
        <v>681.33</v>
      </c>
      <c r="I989">
        <v>675.15</v>
      </c>
      <c r="J989">
        <v>22</v>
      </c>
      <c r="K989">
        <v>1850</v>
      </c>
      <c r="N989" s="11"/>
    </row>
    <row r="990" spans="2:14">
      <c r="B990" s="2">
        <f t="shared" si="16"/>
        <v>0.75186342592592592</v>
      </c>
      <c r="C990">
        <v>29520</v>
      </c>
      <c r="D990">
        <v>578.65</v>
      </c>
      <c r="E990">
        <v>629.24</v>
      </c>
      <c r="F990">
        <v>629.07000000000005</v>
      </c>
      <c r="G990">
        <v>690.88</v>
      </c>
      <c r="H990">
        <v>676.7</v>
      </c>
      <c r="I990">
        <v>674.81</v>
      </c>
      <c r="J990">
        <v>10</v>
      </c>
      <c r="K990">
        <v>1836</v>
      </c>
      <c r="N990" s="11"/>
    </row>
    <row r="991" spans="2:14">
      <c r="B991" s="2">
        <f t="shared" si="16"/>
        <v>0.75221064814814809</v>
      </c>
      <c r="C991">
        <v>29550</v>
      </c>
      <c r="D991">
        <v>581.63</v>
      </c>
      <c r="E991">
        <v>627.59</v>
      </c>
      <c r="F991">
        <v>627.66999999999996</v>
      </c>
      <c r="G991">
        <v>686.18</v>
      </c>
      <c r="H991">
        <v>672.19</v>
      </c>
      <c r="I991">
        <v>670.3</v>
      </c>
      <c r="J991">
        <v>9</v>
      </c>
      <c r="K991">
        <v>1827</v>
      </c>
      <c r="N991" s="11"/>
    </row>
    <row r="992" spans="2:14">
      <c r="B992" s="2">
        <f t="shared" si="16"/>
        <v>0.75255787037037036</v>
      </c>
      <c r="C992">
        <v>29580</v>
      </c>
      <c r="D992">
        <v>585.38</v>
      </c>
      <c r="E992">
        <v>626.13</v>
      </c>
      <c r="F992">
        <v>625.91</v>
      </c>
      <c r="G992">
        <v>681.43</v>
      </c>
      <c r="H992">
        <v>667.46</v>
      </c>
      <c r="I992">
        <v>673.86</v>
      </c>
      <c r="J992">
        <v>9</v>
      </c>
      <c r="K992">
        <v>2030</v>
      </c>
      <c r="N992" s="11"/>
    </row>
    <row r="993" spans="2:14">
      <c r="B993" s="2">
        <f t="shared" si="16"/>
        <v>0.75290509259259264</v>
      </c>
      <c r="C993">
        <v>29610</v>
      </c>
      <c r="D993">
        <v>591.04999999999995</v>
      </c>
      <c r="E993">
        <v>622.44000000000005</v>
      </c>
      <c r="F993">
        <v>620.37</v>
      </c>
      <c r="G993">
        <v>676.68</v>
      </c>
      <c r="H993">
        <v>660.92</v>
      </c>
      <c r="I993">
        <v>687.28</v>
      </c>
      <c r="J993">
        <v>12</v>
      </c>
      <c r="K993">
        <v>2517</v>
      </c>
      <c r="N993" s="11"/>
    </row>
    <row r="994" spans="2:14">
      <c r="B994" s="2">
        <f t="shared" si="16"/>
        <v>0.75325231481481481</v>
      </c>
      <c r="C994">
        <v>29640</v>
      </c>
      <c r="D994">
        <v>586.13</v>
      </c>
      <c r="E994">
        <v>619.73</v>
      </c>
      <c r="F994">
        <v>617.39</v>
      </c>
      <c r="G994">
        <v>671.81</v>
      </c>
      <c r="H994">
        <v>655.27</v>
      </c>
      <c r="I994">
        <v>684.32</v>
      </c>
      <c r="J994">
        <v>12</v>
      </c>
      <c r="K994">
        <v>2568</v>
      </c>
      <c r="N994" s="11"/>
    </row>
    <row r="995" spans="2:14">
      <c r="B995" s="2">
        <f t="shared" si="16"/>
        <v>0.75359953703703697</v>
      </c>
      <c r="C995">
        <v>29670</v>
      </c>
      <c r="D995">
        <v>581.66999999999996</v>
      </c>
      <c r="E995">
        <v>617.73</v>
      </c>
      <c r="F995">
        <v>615.45000000000005</v>
      </c>
      <c r="G995">
        <v>667.57</v>
      </c>
      <c r="H995">
        <v>651.17999999999995</v>
      </c>
      <c r="I995">
        <v>681.46</v>
      </c>
      <c r="J995">
        <v>11</v>
      </c>
      <c r="K995">
        <v>2526</v>
      </c>
      <c r="N995" s="11"/>
    </row>
    <row r="996" spans="2:14">
      <c r="B996" s="2">
        <f t="shared" ref="B996:B1059" si="17">C996/24/60/60+$B$3</f>
        <v>0.75394675925925925</v>
      </c>
      <c r="C996">
        <v>29700</v>
      </c>
      <c r="D996">
        <v>579.11</v>
      </c>
      <c r="E996">
        <v>616.11</v>
      </c>
      <c r="F996">
        <v>613.77</v>
      </c>
      <c r="G996">
        <v>662.89</v>
      </c>
      <c r="H996">
        <v>646.21</v>
      </c>
      <c r="I996">
        <v>677.9</v>
      </c>
      <c r="J996">
        <v>11</v>
      </c>
      <c r="K996">
        <v>2553</v>
      </c>
      <c r="N996" s="11"/>
    </row>
    <row r="997" spans="2:14">
      <c r="B997" s="2">
        <f t="shared" si="17"/>
        <v>0.75429398148148152</v>
      </c>
      <c r="C997">
        <v>29730</v>
      </c>
      <c r="D997">
        <v>575.09</v>
      </c>
      <c r="E997">
        <v>616.86</v>
      </c>
      <c r="F997">
        <v>616.07000000000005</v>
      </c>
      <c r="G997">
        <v>658.7</v>
      </c>
      <c r="H997">
        <v>643.34</v>
      </c>
      <c r="I997">
        <v>660.5</v>
      </c>
      <c r="J997">
        <v>21</v>
      </c>
      <c r="K997">
        <v>1877</v>
      </c>
      <c r="N997" s="11"/>
    </row>
    <row r="998" spans="2:14">
      <c r="B998" s="2">
        <f t="shared" si="17"/>
        <v>0.75464120370370369</v>
      </c>
      <c r="C998">
        <v>29760</v>
      </c>
      <c r="D998">
        <v>569.79</v>
      </c>
      <c r="E998">
        <v>619.87</v>
      </c>
      <c r="F998">
        <v>617.91</v>
      </c>
      <c r="G998">
        <v>654.53</v>
      </c>
      <c r="H998">
        <v>640.94000000000005</v>
      </c>
      <c r="I998">
        <v>651.6</v>
      </c>
      <c r="J998">
        <v>9</v>
      </c>
      <c r="K998">
        <v>1787</v>
      </c>
      <c r="N998" s="11"/>
    </row>
    <row r="999" spans="2:14">
      <c r="B999" s="2">
        <f t="shared" si="17"/>
        <v>0.75498842592592585</v>
      </c>
      <c r="C999">
        <v>29790</v>
      </c>
      <c r="D999">
        <v>567.13</v>
      </c>
      <c r="E999">
        <v>618.91</v>
      </c>
      <c r="F999">
        <v>617.08000000000004</v>
      </c>
      <c r="G999">
        <v>650.34</v>
      </c>
      <c r="H999">
        <v>637.48</v>
      </c>
      <c r="I999">
        <v>646.61</v>
      </c>
      <c r="J999">
        <v>8</v>
      </c>
      <c r="K999">
        <v>1784</v>
      </c>
      <c r="N999" s="11"/>
    </row>
    <row r="1000" spans="2:14">
      <c r="B1000" s="2">
        <f t="shared" si="17"/>
        <v>0.75533564814814813</v>
      </c>
      <c r="C1000">
        <v>29820</v>
      </c>
      <c r="D1000">
        <v>569.08000000000004</v>
      </c>
      <c r="E1000">
        <v>616.65</v>
      </c>
      <c r="F1000">
        <v>615.77</v>
      </c>
      <c r="G1000">
        <v>646.19000000000005</v>
      </c>
      <c r="H1000">
        <v>633.79</v>
      </c>
      <c r="I1000">
        <v>646</v>
      </c>
      <c r="J1000">
        <v>8</v>
      </c>
      <c r="K1000">
        <v>1770</v>
      </c>
      <c r="N1000" s="11"/>
    </row>
    <row r="1001" spans="2:14">
      <c r="B1001" s="2">
        <f t="shared" si="17"/>
        <v>0.75568287037037041</v>
      </c>
      <c r="C1001">
        <v>29850</v>
      </c>
      <c r="D1001">
        <v>573.87</v>
      </c>
      <c r="E1001">
        <v>614.58000000000004</v>
      </c>
      <c r="F1001">
        <v>614.45000000000005</v>
      </c>
      <c r="G1001">
        <v>642.09</v>
      </c>
      <c r="H1001">
        <v>630.13</v>
      </c>
      <c r="I1001">
        <v>640.23</v>
      </c>
      <c r="J1001">
        <v>8</v>
      </c>
      <c r="K1001">
        <v>1763</v>
      </c>
      <c r="N1001" s="11"/>
    </row>
    <row r="1002" spans="2:14">
      <c r="B1002" s="2">
        <f t="shared" si="17"/>
        <v>0.75603009259259257</v>
      </c>
      <c r="C1002">
        <v>29880</v>
      </c>
      <c r="D1002">
        <v>578.91</v>
      </c>
      <c r="E1002">
        <v>613.1</v>
      </c>
      <c r="F1002">
        <v>613.15</v>
      </c>
      <c r="G1002">
        <v>638.05999999999995</v>
      </c>
      <c r="H1002">
        <v>626.58000000000004</v>
      </c>
      <c r="I1002">
        <v>640.19000000000005</v>
      </c>
      <c r="J1002">
        <v>8</v>
      </c>
      <c r="K1002">
        <v>1764</v>
      </c>
      <c r="N1002" s="11"/>
    </row>
    <row r="1003" spans="2:14">
      <c r="B1003" s="2">
        <f t="shared" si="17"/>
        <v>0.75637731481481474</v>
      </c>
      <c r="C1003">
        <v>29910</v>
      </c>
      <c r="D1003">
        <v>583.14</v>
      </c>
      <c r="E1003">
        <v>611.78</v>
      </c>
      <c r="F1003">
        <v>611.84</v>
      </c>
      <c r="G1003">
        <v>633.97</v>
      </c>
      <c r="H1003">
        <v>623.02</v>
      </c>
      <c r="I1003">
        <v>636.70000000000005</v>
      </c>
      <c r="J1003">
        <v>8</v>
      </c>
      <c r="K1003">
        <v>1771</v>
      </c>
      <c r="N1003" s="11"/>
    </row>
    <row r="1004" spans="2:14">
      <c r="B1004" s="2">
        <f t="shared" si="17"/>
        <v>0.75672453703703701</v>
      </c>
      <c r="C1004">
        <v>29940</v>
      </c>
      <c r="D1004">
        <v>586.45000000000005</v>
      </c>
      <c r="E1004">
        <v>610.59</v>
      </c>
      <c r="F1004">
        <v>610.46</v>
      </c>
      <c r="G1004">
        <v>629.98</v>
      </c>
      <c r="H1004">
        <v>619.53</v>
      </c>
      <c r="I1004">
        <v>634.94000000000005</v>
      </c>
      <c r="J1004">
        <v>8</v>
      </c>
      <c r="K1004">
        <v>1776</v>
      </c>
      <c r="N1004" s="11"/>
    </row>
    <row r="1005" spans="2:14">
      <c r="B1005" s="2">
        <f t="shared" si="17"/>
        <v>0.75707175925925929</v>
      </c>
      <c r="C1005">
        <v>29970</v>
      </c>
      <c r="D1005">
        <v>588.94000000000005</v>
      </c>
      <c r="E1005">
        <v>609.63</v>
      </c>
      <c r="F1005">
        <v>609.19000000000005</v>
      </c>
      <c r="G1005">
        <v>626.1</v>
      </c>
      <c r="H1005">
        <v>616.16999999999996</v>
      </c>
      <c r="I1005">
        <v>630.33000000000004</v>
      </c>
      <c r="J1005">
        <v>8</v>
      </c>
      <c r="K1005">
        <v>1777</v>
      </c>
      <c r="N1005" s="11"/>
    </row>
    <row r="1006" spans="2:14">
      <c r="B1006" s="2">
        <f t="shared" si="17"/>
        <v>0.75741898148148146</v>
      </c>
      <c r="C1006">
        <v>30000</v>
      </c>
      <c r="D1006">
        <v>590.79</v>
      </c>
      <c r="E1006">
        <v>608.52</v>
      </c>
      <c r="F1006">
        <v>607.9</v>
      </c>
      <c r="G1006">
        <v>622.27</v>
      </c>
      <c r="H1006">
        <v>612.88</v>
      </c>
      <c r="I1006">
        <v>626</v>
      </c>
      <c r="J1006">
        <v>8</v>
      </c>
      <c r="K1006">
        <v>1779</v>
      </c>
      <c r="N1006" s="11"/>
    </row>
    <row r="1007" spans="2:14">
      <c r="B1007" s="2">
        <f t="shared" si="17"/>
        <v>0.75776620370370373</v>
      </c>
      <c r="C1007">
        <v>30030</v>
      </c>
      <c r="D1007">
        <v>592.04999999999995</v>
      </c>
      <c r="E1007">
        <v>607.36</v>
      </c>
      <c r="F1007">
        <v>606.57000000000005</v>
      </c>
      <c r="G1007">
        <v>618.32000000000005</v>
      </c>
      <c r="H1007">
        <v>609.6</v>
      </c>
      <c r="I1007">
        <v>627.71</v>
      </c>
      <c r="J1007">
        <v>8</v>
      </c>
      <c r="K1007">
        <v>1777</v>
      </c>
      <c r="N1007" s="11"/>
    </row>
    <row r="1008" spans="2:14">
      <c r="B1008" s="2">
        <f t="shared" si="17"/>
        <v>0.7581134259259259</v>
      </c>
      <c r="C1008">
        <v>30060</v>
      </c>
      <c r="D1008">
        <v>592.95000000000005</v>
      </c>
      <c r="E1008">
        <v>606.09</v>
      </c>
      <c r="F1008">
        <v>605.27</v>
      </c>
      <c r="G1008">
        <v>614.5</v>
      </c>
      <c r="H1008">
        <v>606.34</v>
      </c>
      <c r="I1008">
        <v>625.44000000000005</v>
      </c>
      <c r="J1008">
        <v>8</v>
      </c>
      <c r="K1008">
        <v>1778</v>
      </c>
      <c r="N1008" s="11"/>
    </row>
    <row r="1009" spans="2:14">
      <c r="B1009" s="2">
        <f t="shared" si="17"/>
        <v>0.75846064814814818</v>
      </c>
      <c r="C1009">
        <v>30090</v>
      </c>
      <c r="D1009">
        <v>594.13</v>
      </c>
      <c r="E1009">
        <v>605.07000000000005</v>
      </c>
      <c r="F1009">
        <v>604.04999999999995</v>
      </c>
      <c r="G1009">
        <v>610.86</v>
      </c>
      <c r="H1009">
        <v>603.16</v>
      </c>
      <c r="I1009">
        <v>622.98</v>
      </c>
      <c r="J1009">
        <v>9</v>
      </c>
      <c r="K1009">
        <v>1780</v>
      </c>
      <c r="N1009" s="11"/>
    </row>
    <row r="1010" spans="2:14">
      <c r="B1010" s="2">
        <f t="shared" si="17"/>
        <v>0.75880787037037045</v>
      </c>
      <c r="C1010">
        <v>30120</v>
      </c>
      <c r="D1010">
        <v>594.6</v>
      </c>
      <c r="E1010">
        <v>603.96</v>
      </c>
      <c r="F1010">
        <v>602.75</v>
      </c>
      <c r="G1010">
        <v>607.16</v>
      </c>
      <c r="H1010">
        <v>600.02</v>
      </c>
      <c r="I1010">
        <v>622.62</v>
      </c>
      <c r="J1010">
        <v>9</v>
      </c>
      <c r="K1010">
        <v>1781</v>
      </c>
      <c r="N1010" s="11"/>
    </row>
    <row r="1011" spans="2:14">
      <c r="B1011" s="2">
        <f t="shared" si="17"/>
        <v>0.75915509259259251</v>
      </c>
      <c r="C1011">
        <v>30150</v>
      </c>
      <c r="D1011">
        <v>594.46</v>
      </c>
      <c r="E1011">
        <v>602.94000000000005</v>
      </c>
      <c r="F1011">
        <v>601.41999999999996</v>
      </c>
      <c r="G1011">
        <v>603.54</v>
      </c>
      <c r="H1011">
        <v>596.98</v>
      </c>
      <c r="I1011">
        <v>620.4</v>
      </c>
      <c r="J1011">
        <v>9</v>
      </c>
      <c r="K1011">
        <v>1782</v>
      </c>
      <c r="N1011" s="11"/>
    </row>
    <row r="1012" spans="2:14">
      <c r="B1012" s="2">
        <f t="shared" si="17"/>
        <v>0.75950231481481478</v>
      </c>
      <c r="C1012">
        <v>30180</v>
      </c>
      <c r="D1012">
        <v>593.97</v>
      </c>
      <c r="E1012">
        <v>601.69000000000005</v>
      </c>
      <c r="F1012">
        <v>600.15</v>
      </c>
      <c r="G1012">
        <v>599.91999999999996</v>
      </c>
      <c r="H1012">
        <v>593.96</v>
      </c>
      <c r="I1012">
        <v>615.11</v>
      </c>
      <c r="J1012">
        <v>9</v>
      </c>
      <c r="K1012">
        <v>1780</v>
      </c>
      <c r="N1012" s="11"/>
    </row>
    <row r="1013" spans="2:14">
      <c r="B1013" s="2">
        <f t="shared" si="17"/>
        <v>0.75984953703703706</v>
      </c>
      <c r="C1013">
        <v>30210</v>
      </c>
      <c r="D1013">
        <v>593.05999999999995</v>
      </c>
      <c r="E1013">
        <v>600.54</v>
      </c>
      <c r="F1013">
        <v>598.79</v>
      </c>
      <c r="G1013">
        <v>596.28</v>
      </c>
      <c r="H1013">
        <v>590.99</v>
      </c>
      <c r="I1013">
        <v>609.92999999999995</v>
      </c>
      <c r="J1013">
        <v>9</v>
      </c>
      <c r="K1013">
        <v>1782</v>
      </c>
      <c r="N1013" s="11"/>
    </row>
    <row r="1014" spans="2:14">
      <c r="B1014" s="2">
        <f t="shared" si="17"/>
        <v>0.76019675925925922</v>
      </c>
      <c r="C1014">
        <v>30240</v>
      </c>
      <c r="D1014">
        <v>592.03</v>
      </c>
      <c r="E1014">
        <v>599.48</v>
      </c>
      <c r="F1014">
        <v>597.44000000000005</v>
      </c>
      <c r="G1014">
        <v>592.76</v>
      </c>
      <c r="H1014">
        <v>588.1</v>
      </c>
      <c r="I1014">
        <v>605.54</v>
      </c>
      <c r="J1014">
        <v>9</v>
      </c>
      <c r="K1014">
        <v>1784</v>
      </c>
      <c r="N1014" s="11"/>
    </row>
    <row r="1015" spans="2:14">
      <c r="B1015" s="2">
        <f t="shared" si="17"/>
        <v>0.76054398148148139</v>
      </c>
      <c r="C1015">
        <v>30270</v>
      </c>
      <c r="D1015">
        <v>590.74</v>
      </c>
      <c r="E1015">
        <v>598.37</v>
      </c>
      <c r="F1015">
        <v>596.04</v>
      </c>
      <c r="G1015">
        <v>589.24</v>
      </c>
      <c r="H1015">
        <v>585.22</v>
      </c>
      <c r="I1015">
        <v>608.80999999999995</v>
      </c>
      <c r="J1015">
        <v>9</v>
      </c>
      <c r="K1015">
        <v>1787</v>
      </c>
      <c r="N1015" s="11"/>
    </row>
    <row r="1016" spans="2:14">
      <c r="B1016" s="2">
        <f t="shared" si="17"/>
        <v>0.76089120370370367</v>
      </c>
      <c r="C1016">
        <v>30300</v>
      </c>
      <c r="D1016">
        <v>589.32000000000005</v>
      </c>
      <c r="E1016">
        <v>597.28</v>
      </c>
      <c r="F1016">
        <v>594.69000000000005</v>
      </c>
      <c r="G1016">
        <v>585.76</v>
      </c>
      <c r="H1016">
        <v>582.39</v>
      </c>
      <c r="I1016">
        <v>606.29999999999995</v>
      </c>
      <c r="J1016">
        <v>9</v>
      </c>
      <c r="K1016">
        <v>1784</v>
      </c>
      <c r="N1016" s="11"/>
    </row>
    <row r="1017" spans="2:14">
      <c r="B1017" s="2">
        <f t="shared" si="17"/>
        <v>0.76123842592592594</v>
      </c>
      <c r="C1017">
        <v>30330</v>
      </c>
      <c r="D1017">
        <v>587.88</v>
      </c>
      <c r="E1017">
        <v>596.26</v>
      </c>
      <c r="F1017">
        <v>593.39</v>
      </c>
      <c r="G1017">
        <v>582.34</v>
      </c>
      <c r="H1017">
        <v>579.62</v>
      </c>
      <c r="I1017">
        <v>599.26</v>
      </c>
      <c r="J1017">
        <v>9</v>
      </c>
      <c r="K1017">
        <v>1785</v>
      </c>
      <c r="N1017" s="11"/>
    </row>
    <row r="1018" spans="2:14">
      <c r="B1018" s="2">
        <f t="shared" si="17"/>
        <v>0.76158564814814811</v>
      </c>
      <c r="C1018">
        <v>30360</v>
      </c>
      <c r="D1018">
        <v>586.24</v>
      </c>
      <c r="E1018">
        <v>595.24</v>
      </c>
      <c r="F1018">
        <v>592.13</v>
      </c>
      <c r="G1018">
        <v>578.91</v>
      </c>
      <c r="H1018">
        <v>576.86</v>
      </c>
      <c r="I1018">
        <v>599.54999999999995</v>
      </c>
      <c r="J1018">
        <v>9</v>
      </c>
      <c r="K1018">
        <v>1785</v>
      </c>
      <c r="N1018" s="11"/>
    </row>
    <row r="1019" spans="2:14">
      <c r="B1019" s="2">
        <f t="shared" si="17"/>
        <v>0.76193287037037039</v>
      </c>
      <c r="C1019">
        <v>30390</v>
      </c>
      <c r="D1019">
        <v>584.46</v>
      </c>
      <c r="E1019">
        <v>594.21</v>
      </c>
      <c r="F1019">
        <v>590.91999999999996</v>
      </c>
      <c r="G1019">
        <v>575.51</v>
      </c>
      <c r="H1019">
        <v>574.13</v>
      </c>
      <c r="I1019">
        <v>601.77</v>
      </c>
      <c r="J1019">
        <v>9</v>
      </c>
      <c r="K1019">
        <v>1784</v>
      </c>
      <c r="N1019" s="11"/>
    </row>
    <row r="1020" spans="2:14">
      <c r="B1020" s="2">
        <f t="shared" si="17"/>
        <v>0.76228009259259255</v>
      </c>
      <c r="C1020">
        <v>30420</v>
      </c>
      <c r="D1020">
        <v>582.66999999999996</v>
      </c>
      <c r="E1020">
        <v>593.17999999999995</v>
      </c>
      <c r="F1020">
        <v>589.71</v>
      </c>
      <c r="G1020">
        <v>572.22</v>
      </c>
      <c r="H1020">
        <v>571.48</v>
      </c>
      <c r="I1020">
        <v>598.01</v>
      </c>
      <c r="J1020">
        <v>9</v>
      </c>
      <c r="K1020">
        <v>1786</v>
      </c>
      <c r="N1020" s="11"/>
    </row>
    <row r="1021" spans="2:14">
      <c r="B1021" s="2">
        <f t="shared" si="17"/>
        <v>0.76262731481481483</v>
      </c>
      <c r="C1021">
        <v>30450</v>
      </c>
      <c r="D1021">
        <v>580.88</v>
      </c>
      <c r="E1021">
        <v>592</v>
      </c>
      <c r="F1021">
        <v>588.5</v>
      </c>
      <c r="G1021">
        <v>568.91</v>
      </c>
      <c r="H1021">
        <v>568.80999999999995</v>
      </c>
      <c r="I1021">
        <v>598.53</v>
      </c>
      <c r="J1021">
        <v>9</v>
      </c>
      <c r="K1021">
        <v>1784</v>
      </c>
      <c r="N1021" s="11"/>
    </row>
    <row r="1022" spans="2:14">
      <c r="B1022" s="2">
        <f t="shared" si="17"/>
        <v>0.7629745370370371</v>
      </c>
      <c r="C1022">
        <v>30480</v>
      </c>
      <c r="D1022">
        <v>579.04</v>
      </c>
      <c r="E1022">
        <v>590.52</v>
      </c>
      <c r="F1022">
        <v>587.28</v>
      </c>
      <c r="G1022">
        <v>565.64</v>
      </c>
      <c r="H1022">
        <v>566.17999999999995</v>
      </c>
      <c r="I1022">
        <v>593.67999999999995</v>
      </c>
      <c r="J1022">
        <v>9</v>
      </c>
      <c r="K1022">
        <v>1785</v>
      </c>
      <c r="N1022" s="11"/>
    </row>
    <row r="1023" spans="2:14">
      <c r="B1023" s="2">
        <f t="shared" si="17"/>
        <v>0.76332175925925927</v>
      </c>
      <c r="C1023">
        <v>30510</v>
      </c>
      <c r="D1023">
        <v>577.13</v>
      </c>
      <c r="E1023">
        <v>589.53</v>
      </c>
      <c r="F1023">
        <v>586.15</v>
      </c>
      <c r="G1023">
        <v>562.42999999999995</v>
      </c>
      <c r="H1023">
        <v>563.61</v>
      </c>
      <c r="I1023">
        <v>589.54</v>
      </c>
      <c r="J1023">
        <v>9</v>
      </c>
      <c r="K1023">
        <v>1786</v>
      </c>
      <c r="N1023" s="11"/>
    </row>
    <row r="1024" spans="2:14">
      <c r="B1024" s="2">
        <f t="shared" si="17"/>
        <v>0.76366898148148143</v>
      </c>
      <c r="C1024">
        <v>30540</v>
      </c>
      <c r="D1024">
        <v>575.23</v>
      </c>
      <c r="E1024">
        <v>588.44000000000005</v>
      </c>
      <c r="F1024">
        <v>584.96</v>
      </c>
      <c r="G1024">
        <v>559.21</v>
      </c>
      <c r="H1024">
        <v>561.04999999999995</v>
      </c>
      <c r="I1024">
        <v>587.99</v>
      </c>
      <c r="J1024">
        <v>9</v>
      </c>
      <c r="K1024">
        <v>1788</v>
      </c>
      <c r="N1024" s="11"/>
    </row>
    <row r="1025" spans="2:14">
      <c r="B1025" s="2">
        <f t="shared" si="17"/>
        <v>0.76401620370370371</v>
      </c>
      <c r="C1025">
        <v>30570</v>
      </c>
      <c r="D1025">
        <v>573.26</v>
      </c>
      <c r="E1025">
        <v>585.74</v>
      </c>
      <c r="F1025">
        <v>583.79</v>
      </c>
      <c r="G1025">
        <v>556.04999999999995</v>
      </c>
      <c r="H1025">
        <v>558.5</v>
      </c>
      <c r="I1025">
        <v>584.94000000000005</v>
      </c>
      <c r="J1025">
        <v>8</v>
      </c>
      <c r="K1025">
        <v>1791</v>
      </c>
      <c r="N1025" s="11"/>
    </row>
    <row r="1026" spans="2:14">
      <c r="B1026" s="2">
        <f t="shared" si="17"/>
        <v>0.76436342592592599</v>
      </c>
      <c r="C1026">
        <v>30600</v>
      </c>
      <c r="D1026">
        <v>571.30999999999995</v>
      </c>
      <c r="E1026">
        <v>586.78</v>
      </c>
      <c r="F1026">
        <v>582.64</v>
      </c>
      <c r="G1026">
        <v>552.96</v>
      </c>
      <c r="H1026">
        <v>556.01</v>
      </c>
      <c r="I1026">
        <v>584.96</v>
      </c>
      <c r="J1026">
        <v>8</v>
      </c>
      <c r="K1026">
        <v>1789</v>
      </c>
      <c r="N1026" s="11"/>
    </row>
    <row r="1027" spans="2:14">
      <c r="B1027" s="2">
        <f t="shared" si="17"/>
        <v>0.76471064814814804</v>
      </c>
      <c r="C1027">
        <v>30630</v>
      </c>
      <c r="D1027">
        <v>569.41</v>
      </c>
      <c r="E1027">
        <v>585.66</v>
      </c>
      <c r="F1027">
        <v>581.48</v>
      </c>
      <c r="G1027">
        <v>549.83000000000004</v>
      </c>
      <c r="H1027">
        <v>553.51</v>
      </c>
      <c r="I1027">
        <v>588.16999999999996</v>
      </c>
      <c r="J1027">
        <v>8</v>
      </c>
      <c r="K1027">
        <v>1791</v>
      </c>
      <c r="N1027" s="11"/>
    </row>
    <row r="1028" spans="2:14">
      <c r="B1028" s="2">
        <f t="shared" si="17"/>
        <v>0.76505787037037032</v>
      </c>
      <c r="C1028">
        <v>30660</v>
      </c>
      <c r="D1028">
        <v>567.42999999999995</v>
      </c>
      <c r="E1028">
        <v>585.82000000000005</v>
      </c>
      <c r="F1028">
        <v>580.33000000000004</v>
      </c>
      <c r="G1028">
        <v>546.71</v>
      </c>
      <c r="H1028">
        <v>551.04</v>
      </c>
      <c r="I1028">
        <v>585.89</v>
      </c>
      <c r="J1028">
        <v>8</v>
      </c>
      <c r="K1028">
        <v>1792</v>
      </c>
      <c r="N1028" s="11"/>
    </row>
    <row r="1029" spans="2:14">
      <c r="B1029" s="2">
        <f t="shared" si="17"/>
        <v>0.7654050925925926</v>
      </c>
      <c r="C1029">
        <v>30690</v>
      </c>
      <c r="D1029">
        <v>565.52</v>
      </c>
      <c r="E1029">
        <v>585.04999999999995</v>
      </c>
      <c r="F1029">
        <v>579.21</v>
      </c>
      <c r="G1029">
        <v>543.70000000000005</v>
      </c>
      <c r="H1029">
        <v>548.64</v>
      </c>
      <c r="I1029">
        <v>583.46</v>
      </c>
      <c r="J1029">
        <v>8</v>
      </c>
      <c r="K1029">
        <v>1794</v>
      </c>
      <c r="N1029" s="11"/>
    </row>
    <row r="1030" spans="2:14">
      <c r="B1030" s="2">
        <f t="shared" si="17"/>
        <v>0.76575231481481476</v>
      </c>
      <c r="C1030">
        <v>30720</v>
      </c>
      <c r="D1030">
        <v>563.51</v>
      </c>
      <c r="E1030">
        <v>584.38</v>
      </c>
      <c r="F1030">
        <v>578.09</v>
      </c>
      <c r="G1030">
        <v>540.67999999999995</v>
      </c>
      <c r="H1030">
        <v>546.23</v>
      </c>
      <c r="I1030">
        <v>580.70000000000005</v>
      </c>
      <c r="J1030">
        <v>8</v>
      </c>
      <c r="K1030">
        <v>1792</v>
      </c>
      <c r="N1030" s="11"/>
    </row>
    <row r="1031" spans="2:14">
      <c r="B1031" s="2">
        <f t="shared" si="17"/>
        <v>0.76609953703703704</v>
      </c>
      <c r="C1031">
        <v>30750</v>
      </c>
      <c r="D1031">
        <v>561.54</v>
      </c>
      <c r="E1031">
        <v>581.95000000000005</v>
      </c>
      <c r="F1031">
        <v>576.96</v>
      </c>
      <c r="G1031">
        <v>537.67999999999995</v>
      </c>
      <c r="H1031">
        <v>543.84</v>
      </c>
      <c r="I1031">
        <v>575.9</v>
      </c>
      <c r="J1031">
        <v>8</v>
      </c>
      <c r="K1031">
        <v>1793</v>
      </c>
      <c r="N1031" s="11"/>
    </row>
    <row r="1032" spans="2:14">
      <c r="B1032" s="2">
        <f t="shared" si="17"/>
        <v>0.7664467592592592</v>
      </c>
      <c r="C1032">
        <v>30780</v>
      </c>
      <c r="D1032">
        <v>559.65</v>
      </c>
      <c r="E1032">
        <v>582.19000000000005</v>
      </c>
      <c r="F1032">
        <v>575.86</v>
      </c>
      <c r="G1032">
        <v>534.76</v>
      </c>
      <c r="H1032">
        <v>541.49</v>
      </c>
      <c r="I1032">
        <v>570.08000000000004</v>
      </c>
      <c r="J1032">
        <v>8</v>
      </c>
      <c r="K1032">
        <v>1793</v>
      </c>
      <c r="N1032" s="11"/>
    </row>
    <row r="1033" spans="2:14">
      <c r="B1033" s="2">
        <f t="shared" si="17"/>
        <v>0.76679398148148148</v>
      </c>
      <c r="C1033">
        <v>30810</v>
      </c>
      <c r="D1033">
        <v>557.77</v>
      </c>
      <c r="E1033">
        <v>580.98</v>
      </c>
      <c r="F1033">
        <v>574.71</v>
      </c>
      <c r="G1033">
        <v>531.83000000000004</v>
      </c>
      <c r="H1033">
        <v>539.14</v>
      </c>
      <c r="I1033">
        <v>573.38</v>
      </c>
      <c r="J1033">
        <v>8</v>
      </c>
      <c r="K1033">
        <v>1797</v>
      </c>
      <c r="N1033" s="11"/>
    </row>
    <row r="1034" spans="2:14">
      <c r="B1034" s="2">
        <f t="shared" si="17"/>
        <v>0.76714120370370376</v>
      </c>
      <c r="C1034">
        <v>30840</v>
      </c>
      <c r="D1034">
        <v>555.84</v>
      </c>
      <c r="E1034">
        <v>580.58000000000004</v>
      </c>
      <c r="F1034">
        <v>573.63</v>
      </c>
      <c r="G1034">
        <v>529.02</v>
      </c>
      <c r="H1034">
        <v>536.82000000000005</v>
      </c>
      <c r="I1034">
        <v>569.67999999999995</v>
      </c>
      <c r="J1034">
        <v>8</v>
      </c>
      <c r="K1034">
        <v>1799</v>
      </c>
      <c r="N1034" s="11"/>
    </row>
    <row r="1035" spans="2:14">
      <c r="B1035" s="2">
        <f t="shared" si="17"/>
        <v>0.76748842592592592</v>
      </c>
      <c r="C1035">
        <v>30870</v>
      </c>
      <c r="D1035">
        <v>553.9</v>
      </c>
      <c r="E1035">
        <v>581.84</v>
      </c>
      <c r="F1035">
        <v>572.55999999999995</v>
      </c>
      <c r="G1035">
        <v>526.19000000000005</v>
      </c>
      <c r="H1035">
        <v>534.55999999999995</v>
      </c>
      <c r="I1035">
        <v>565.28</v>
      </c>
      <c r="J1035">
        <v>8</v>
      </c>
      <c r="K1035">
        <v>1797</v>
      </c>
      <c r="N1035" s="11"/>
    </row>
    <row r="1036" spans="2:14">
      <c r="B1036" s="2">
        <f t="shared" si="17"/>
        <v>0.76783564814814809</v>
      </c>
      <c r="C1036">
        <v>30900</v>
      </c>
      <c r="D1036">
        <v>552.01</v>
      </c>
      <c r="E1036">
        <v>580.01</v>
      </c>
      <c r="F1036">
        <v>571.46</v>
      </c>
      <c r="G1036">
        <v>523.33000000000004</v>
      </c>
      <c r="H1036">
        <v>532.29999999999995</v>
      </c>
      <c r="I1036">
        <v>566.47</v>
      </c>
      <c r="J1036">
        <v>8</v>
      </c>
      <c r="K1036">
        <v>1796</v>
      </c>
      <c r="N1036" s="11"/>
    </row>
    <row r="1037" spans="2:14">
      <c r="B1037" s="2">
        <f t="shared" si="17"/>
        <v>0.76818287037037036</v>
      </c>
      <c r="C1037">
        <v>30930</v>
      </c>
      <c r="D1037">
        <v>550.16</v>
      </c>
      <c r="E1037">
        <v>578.48</v>
      </c>
      <c r="F1037">
        <v>570.36</v>
      </c>
      <c r="G1037">
        <v>520.48</v>
      </c>
      <c r="H1037">
        <v>530.05999999999995</v>
      </c>
      <c r="I1037">
        <v>566.24</v>
      </c>
      <c r="J1037">
        <v>8</v>
      </c>
      <c r="K1037">
        <v>1794</v>
      </c>
      <c r="N1037" s="11"/>
    </row>
    <row r="1038" spans="2:14">
      <c r="B1038" s="2">
        <f t="shared" si="17"/>
        <v>0.76853009259259264</v>
      </c>
      <c r="C1038">
        <v>30960</v>
      </c>
      <c r="D1038">
        <v>548.33000000000004</v>
      </c>
      <c r="E1038">
        <v>577.11</v>
      </c>
      <c r="F1038">
        <v>569.29999999999995</v>
      </c>
      <c r="G1038">
        <v>517.71</v>
      </c>
      <c r="H1038">
        <v>527.87</v>
      </c>
      <c r="I1038">
        <v>561.37</v>
      </c>
      <c r="J1038">
        <v>8</v>
      </c>
      <c r="K1038">
        <v>1795</v>
      </c>
      <c r="N1038" s="11"/>
    </row>
    <row r="1039" spans="2:14">
      <c r="B1039" s="2">
        <f t="shared" si="17"/>
        <v>0.76887731481481481</v>
      </c>
      <c r="C1039">
        <v>30990</v>
      </c>
      <c r="D1039">
        <v>546.47</v>
      </c>
      <c r="E1039">
        <v>576.01</v>
      </c>
      <c r="F1039">
        <v>568.16999999999996</v>
      </c>
      <c r="G1039">
        <v>514.92999999999995</v>
      </c>
      <c r="H1039">
        <v>525.66999999999996</v>
      </c>
      <c r="I1039">
        <v>557.44000000000005</v>
      </c>
      <c r="J1039">
        <v>8</v>
      </c>
      <c r="K1039">
        <v>1794</v>
      </c>
      <c r="N1039" s="11"/>
    </row>
    <row r="1040" spans="2:14">
      <c r="B1040" s="2">
        <f t="shared" si="17"/>
        <v>0.76922453703703697</v>
      </c>
      <c r="C1040">
        <v>31020</v>
      </c>
      <c r="D1040">
        <v>544.69000000000005</v>
      </c>
      <c r="E1040">
        <v>577.07000000000005</v>
      </c>
      <c r="F1040">
        <v>567.1</v>
      </c>
      <c r="G1040">
        <v>512.21</v>
      </c>
      <c r="H1040">
        <v>523.5</v>
      </c>
      <c r="I1040">
        <v>559.17999999999995</v>
      </c>
      <c r="J1040">
        <v>8</v>
      </c>
      <c r="K1040">
        <v>1795</v>
      </c>
      <c r="N1040" s="11"/>
    </row>
    <row r="1041" spans="2:14">
      <c r="B1041" s="2">
        <f t="shared" si="17"/>
        <v>0.76957175925925925</v>
      </c>
      <c r="C1041">
        <v>31050</v>
      </c>
      <c r="D1041">
        <v>542.91999999999996</v>
      </c>
      <c r="E1041">
        <v>575.29</v>
      </c>
      <c r="F1041">
        <v>566.04999999999995</v>
      </c>
      <c r="G1041">
        <v>509.52</v>
      </c>
      <c r="H1041">
        <v>521.36</v>
      </c>
      <c r="I1041">
        <v>561.04999999999995</v>
      </c>
      <c r="J1041">
        <v>8</v>
      </c>
      <c r="K1041">
        <v>1794</v>
      </c>
      <c r="N1041" s="11"/>
    </row>
    <row r="1042" spans="2:14">
      <c r="B1042" s="2">
        <f t="shared" si="17"/>
        <v>0.76991898148148152</v>
      </c>
      <c r="C1042">
        <v>31080</v>
      </c>
      <c r="D1042">
        <v>541.13</v>
      </c>
      <c r="E1042">
        <v>573.73</v>
      </c>
      <c r="F1042">
        <v>564.97</v>
      </c>
      <c r="G1042">
        <v>506.83</v>
      </c>
      <c r="H1042">
        <v>519.21</v>
      </c>
      <c r="I1042">
        <v>555.45000000000005</v>
      </c>
      <c r="J1042">
        <v>8</v>
      </c>
      <c r="K1042">
        <v>1791</v>
      </c>
      <c r="N1042" s="11"/>
    </row>
    <row r="1043" spans="2:14">
      <c r="B1043" s="2">
        <f t="shared" si="17"/>
        <v>0.77026620370370369</v>
      </c>
      <c r="C1043">
        <v>31110</v>
      </c>
      <c r="D1043">
        <v>539.39</v>
      </c>
      <c r="E1043">
        <v>573.74</v>
      </c>
      <c r="F1043">
        <v>563.91</v>
      </c>
      <c r="G1043">
        <v>504.18</v>
      </c>
      <c r="H1043">
        <v>517.07000000000005</v>
      </c>
      <c r="I1043">
        <v>552.24</v>
      </c>
      <c r="J1043">
        <v>8</v>
      </c>
      <c r="K1043">
        <v>1792</v>
      </c>
      <c r="N1043" s="11"/>
    </row>
    <row r="1044" spans="2:14">
      <c r="B1044" s="2">
        <f t="shared" si="17"/>
        <v>0.77061342592592585</v>
      </c>
      <c r="C1044">
        <v>31140</v>
      </c>
      <c r="D1044">
        <v>537.73</v>
      </c>
      <c r="E1044">
        <v>573.29999999999995</v>
      </c>
      <c r="F1044">
        <v>562.85</v>
      </c>
      <c r="G1044">
        <v>501.57</v>
      </c>
      <c r="H1044">
        <v>514.98</v>
      </c>
      <c r="I1044">
        <v>559.54</v>
      </c>
      <c r="J1044">
        <v>8</v>
      </c>
      <c r="K1044">
        <v>1792</v>
      </c>
      <c r="N1044" s="11"/>
    </row>
    <row r="1045" spans="2:14">
      <c r="B1045" s="2">
        <f t="shared" si="17"/>
        <v>0.77096064814814813</v>
      </c>
      <c r="C1045">
        <v>31170</v>
      </c>
      <c r="D1045">
        <v>536.04</v>
      </c>
      <c r="E1045">
        <v>569.92999999999995</v>
      </c>
      <c r="F1045">
        <v>561.80999999999995</v>
      </c>
      <c r="G1045">
        <v>498.97</v>
      </c>
      <c r="H1045">
        <v>512.87</v>
      </c>
      <c r="I1045">
        <v>552.46</v>
      </c>
      <c r="J1045">
        <v>8</v>
      </c>
      <c r="K1045">
        <v>1792</v>
      </c>
      <c r="N1045" s="11"/>
    </row>
    <row r="1046" spans="2:14">
      <c r="B1046" s="2">
        <f t="shared" si="17"/>
        <v>0.77130787037037041</v>
      </c>
      <c r="C1046">
        <v>31200</v>
      </c>
      <c r="D1046">
        <v>534.32000000000005</v>
      </c>
      <c r="E1046">
        <v>571.23</v>
      </c>
      <c r="F1046">
        <v>560.75</v>
      </c>
      <c r="G1046">
        <v>496.4</v>
      </c>
      <c r="H1046">
        <v>510.79</v>
      </c>
      <c r="I1046">
        <v>549.54</v>
      </c>
      <c r="J1046">
        <v>8</v>
      </c>
      <c r="K1046">
        <v>1795</v>
      </c>
      <c r="N1046" s="11"/>
    </row>
    <row r="1047" spans="2:14">
      <c r="B1047" s="2">
        <f t="shared" si="17"/>
        <v>0.77165509259259257</v>
      </c>
      <c r="C1047">
        <v>31230</v>
      </c>
      <c r="D1047">
        <v>532.64</v>
      </c>
      <c r="E1047">
        <v>569</v>
      </c>
      <c r="F1047">
        <v>559.69000000000005</v>
      </c>
      <c r="G1047">
        <v>493.86</v>
      </c>
      <c r="H1047">
        <v>508.76</v>
      </c>
      <c r="I1047">
        <v>545.11</v>
      </c>
      <c r="J1047">
        <v>8</v>
      </c>
      <c r="K1047">
        <v>1795</v>
      </c>
      <c r="N1047" s="11"/>
    </row>
    <row r="1048" spans="2:14">
      <c r="B1048" s="2">
        <f t="shared" si="17"/>
        <v>0.77200231481481474</v>
      </c>
      <c r="C1048">
        <v>31260</v>
      </c>
      <c r="D1048">
        <v>530.96</v>
      </c>
      <c r="E1048">
        <v>568.76</v>
      </c>
      <c r="F1048">
        <v>558.61</v>
      </c>
      <c r="G1048">
        <v>491.29</v>
      </c>
      <c r="H1048">
        <v>506.71</v>
      </c>
      <c r="I1048">
        <v>541.91999999999996</v>
      </c>
      <c r="J1048">
        <v>8</v>
      </c>
      <c r="K1048">
        <v>1793</v>
      </c>
      <c r="N1048" s="11"/>
    </row>
    <row r="1049" spans="2:14">
      <c r="B1049" s="2">
        <f t="shared" si="17"/>
        <v>0.77234953703703701</v>
      </c>
      <c r="C1049">
        <v>31290</v>
      </c>
      <c r="D1049">
        <v>529.36</v>
      </c>
      <c r="E1049">
        <v>566.66</v>
      </c>
      <c r="F1049">
        <v>557.63</v>
      </c>
      <c r="G1049">
        <v>488.72</v>
      </c>
      <c r="H1049">
        <v>504.67</v>
      </c>
      <c r="I1049">
        <v>544.12</v>
      </c>
      <c r="J1049">
        <v>8</v>
      </c>
      <c r="K1049">
        <v>1794</v>
      </c>
      <c r="N1049" s="11"/>
    </row>
    <row r="1050" spans="2:14">
      <c r="B1050" s="2">
        <f t="shared" si="17"/>
        <v>0.77269675925925929</v>
      </c>
      <c r="C1050">
        <v>31320</v>
      </c>
      <c r="D1050">
        <v>527.76</v>
      </c>
      <c r="E1050">
        <v>564.67999999999995</v>
      </c>
      <c r="F1050">
        <v>556.6</v>
      </c>
      <c r="G1050">
        <v>486.24</v>
      </c>
      <c r="H1050">
        <v>502.68</v>
      </c>
      <c r="I1050">
        <v>543.20000000000005</v>
      </c>
      <c r="J1050">
        <v>8</v>
      </c>
      <c r="K1050">
        <v>1792</v>
      </c>
      <c r="N1050" s="11"/>
    </row>
    <row r="1051" spans="2:14">
      <c r="B1051" s="2">
        <f t="shared" si="17"/>
        <v>0.77304398148148146</v>
      </c>
      <c r="C1051">
        <v>31350</v>
      </c>
      <c r="D1051">
        <v>526.16999999999996</v>
      </c>
      <c r="E1051">
        <v>564.59</v>
      </c>
      <c r="F1051">
        <v>555.52</v>
      </c>
      <c r="G1051">
        <v>483.77</v>
      </c>
      <c r="H1051">
        <v>500.68</v>
      </c>
      <c r="I1051">
        <v>537.77</v>
      </c>
      <c r="J1051">
        <v>8</v>
      </c>
      <c r="K1051">
        <v>1791</v>
      </c>
      <c r="N1051" s="11"/>
    </row>
    <row r="1052" spans="2:14">
      <c r="B1052" s="2">
        <f t="shared" si="17"/>
        <v>0.77339120370370373</v>
      </c>
      <c r="C1052">
        <v>31380</v>
      </c>
      <c r="D1052">
        <v>524.66</v>
      </c>
      <c r="E1052">
        <v>563.33000000000004</v>
      </c>
      <c r="F1052">
        <v>554.48</v>
      </c>
      <c r="G1052">
        <v>481.32</v>
      </c>
      <c r="H1052">
        <v>498.7</v>
      </c>
      <c r="I1052">
        <v>540.98</v>
      </c>
      <c r="J1052">
        <v>8</v>
      </c>
      <c r="K1052">
        <v>1793</v>
      </c>
      <c r="N1052" s="11"/>
    </row>
    <row r="1053" spans="2:14">
      <c r="B1053" s="2">
        <f t="shared" si="17"/>
        <v>0.7737384259259259</v>
      </c>
      <c r="C1053">
        <v>31410</v>
      </c>
      <c r="D1053">
        <v>523.11</v>
      </c>
      <c r="E1053">
        <v>564.64</v>
      </c>
      <c r="F1053">
        <v>553.49</v>
      </c>
      <c r="G1053">
        <v>478.93</v>
      </c>
      <c r="H1053">
        <v>496.75</v>
      </c>
      <c r="I1053">
        <v>539.70000000000005</v>
      </c>
      <c r="J1053">
        <v>8</v>
      </c>
      <c r="K1053">
        <v>1792</v>
      </c>
      <c r="N1053" s="11"/>
    </row>
    <row r="1054" spans="2:14">
      <c r="B1054" s="2">
        <f t="shared" si="17"/>
        <v>0.77408564814814818</v>
      </c>
      <c r="C1054">
        <v>31440</v>
      </c>
      <c r="D1054">
        <v>521.55999999999995</v>
      </c>
      <c r="E1054">
        <v>561.72</v>
      </c>
      <c r="F1054">
        <v>552.49</v>
      </c>
      <c r="G1054">
        <v>476.52</v>
      </c>
      <c r="H1054">
        <v>494.79</v>
      </c>
      <c r="I1054">
        <v>535.87</v>
      </c>
      <c r="J1054">
        <v>8</v>
      </c>
      <c r="K1054">
        <v>1793</v>
      </c>
      <c r="N1054" s="11"/>
    </row>
    <row r="1055" spans="2:14">
      <c r="B1055" s="2">
        <f t="shared" si="17"/>
        <v>0.77443287037037045</v>
      </c>
      <c r="C1055">
        <v>31470</v>
      </c>
      <c r="D1055">
        <v>520.04999999999995</v>
      </c>
      <c r="E1055">
        <v>557.05999999999995</v>
      </c>
      <c r="F1055">
        <v>551.46</v>
      </c>
      <c r="G1055">
        <v>474.12</v>
      </c>
      <c r="H1055">
        <v>492.86</v>
      </c>
      <c r="I1055">
        <v>534.4</v>
      </c>
      <c r="J1055">
        <v>8</v>
      </c>
      <c r="K1055">
        <v>1795</v>
      </c>
      <c r="N1055" s="11"/>
    </row>
    <row r="1056" spans="2:14">
      <c r="B1056" s="2">
        <f t="shared" si="17"/>
        <v>0.77478009259259251</v>
      </c>
      <c r="C1056">
        <v>31500</v>
      </c>
      <c r="D1056">
        <v>518.57000000000005</v>
      </c>
      <c r="E1056">
        <v>554.99</v>
      </c>
      <c r="F1056">
        <v>550.46</v>
      </c>
      <c r="G1056">
        <v>471.77</v>
      </c>
      <c r="H1056">
        <v>490.96</v>
      </c>
      <c r="I1056">
        <v>537.53</v>
      </c>
      <c r="J1056">
        <v>8</v>
      </c>
      <c r="K1056">
        <v>1795</v>
      </c>
      <c r="N1056" s="11"/>
    </row>
    <row r="1057" spans="2:14">
      <c r="B1057" s="2">
        <f t="shared" si="17"/>
        <v>0.77512731481481478</v>
      </c>
      <c r="C1057">
        <v>31530</v>
      </c>
      <c r="D1057">
        <v>517.08000000000004</v>
      </c>
      <c r="E1057">
        <v>554.35</v>
      </c>
      <c r="F1057">
        <v>549.45000000000005</v>
      </c>
      <c r="G1057">
        <v>469.39</v>
      </c>
      <c r="H1057">
        <v>489.04</v>
      </c>
      <c r="I1057">
        <v>530.04999999999995</v>
      </c>
      <c r="J1057">
        <v>8</v>
      </c>
      <c r="K1057">
        <v>1796</v>
      </c>
      <c r="N1057" s="11"/>
    </row>
    <row r="1058" spans="2:14">
      <c r="B1058" s="2">
        <f t="shared" si="17"/>
        <v>0.77547453703703706</v>
      </c>
      <c r="C1058">
        <v>31560</v>
      </c>
      <c r="D1058">
        <v>515.63</v>
      </c>
      <c r="E1058">
        <v>552.04999999999995</v>
      </c>
      <c r="F1058">
        <v>548.45000000000005</v>
      </c>
      <c r="G1058">
        <v>467.07</v>
      </c>
      <c r="H1058">
        <v>487.15</v>
      </c>
      <c r="I1058">
        <v>530.66</v>
      </c>
      <c r="J1058">
        <v>8</v>
      </c>
      <c r="K1058">
        <v>1796</v>
      </c>
      <c r="N1058" s="11"/>
    </row>
    <row r="1059" spans="2:14">
      <c r="B1059" s="2">
        <f t="shared" si="17"/>
        <v>0.77582175925925922</v>
      </c>
      <c r="C1059">
        <v>31590</v>
      </c>
      <c r="D1059">
        <v>514.16</v>
      </c>
      <c r="E1059">
        <v>551.41999999999996</v>
      </c>
      <c r="F1059">
        <v>547.46</v>
      </c>
      <c r="G1059">
        <v>464.8</v>
      </c>
      <c r="H1059">
        <v>485.29</v>
      </c>
      <c r="I1059">
        <v>528.04</v>
      </c>
      <c r="J1059">
        <v>8</v>
      </c>
      <c r="K1059">
        <v>1798</v>
      </c>
      <c r="N1059" s="11"/>
    </row>
    <row r="1060" spans="2:14">
      <c r="B1060" s="2">
        <f t="shared" ref="B1060:B1123" si="18">C1060/24/60/60+$B$3</f>
        <v>0.77616898148148139</v>
      </c>
      <c r="C1060">
        <v>31620</v>
      </c>
      <c r="D1060">
        <v>512.67999999999995</v>
      </c>
      <c r="E1060">
        <v>555.16</v>
      </c>
      <c r="F1060">
        <v>546.45000000000005</v>
      </c>
      <c r="G1060">
        <v>462.5</v>
      </c>
      <c r="H1060">
        <v>483.42</v>
      </c>
      <c r="I1060">
        <v>527.91999999999996</v>
      </c>
      <c r="J1060">
        <v>8</v>
      </c>
      <c r="K1060">
        <v>1800</v>
      </c>
      <c r="N1060" s="11"/>
    </row>
    <row r="1061" spans="2:14">
      <c r="B1061" s="2">
        <f t="shared" si="18"/>
        <v>0.77651620370370367</v>
      </c>
      <c r="C1061">
        <v>31650</v>
      </c>
      <c r="D1061">
        <v>511.23</v>
      </c>
      <c r="E1061">
        <v>554.85</v>
      </c>
      <c r="F1061">
        <v>545.46</v>
      </c>
      <c r="G1061">
        <v>460.24</v>
      </c>
      <c r="H1061">
        <v>481.57</v>
      </c>
      <c r="I1061">
        <v>527.91999999999996</v>
      </c>
      <c r="J1061">
        <v>8</v>
      </c>
      <c r="K1061">
        <v>1800</v>
      </c>
      <c r="N1061" s="11"/>
    </row>
    <row r="1062" spans="2:14">
      <c r="B1062" s="2">
        <f t="shared" si="18"/>
        <v>0.77686342592592594</v>
      </c>
      <c r="C1062">
        <v>31680</v>
      </c>
      <c r="D1062">
        <v>509.86</v>
      </c>
      <c r="E1062">
        <v>552.94000000000005</v>
      </c>
      <c r="F1062">
        <v>544.45000000000005</v>
      </c>
      <c r="G1062">
        <v>458</v>
      </c>
      <c r="H1062">
        <v>479.76</v>
      </c>
      <c r="I1062">
        <v>528.69000000000005</v>
      </c>
      <c r="J1062">
        <v>8</v>
      </c>
      <c r="K1062">
        <v>1802</v>
      </c>
      <c r="N1062" s="11"/>
    </row>
    <row r="1063" spans="2:14">
      <c r="B1063" s="2">
        <f t="shared" si="18"/>
        <v>0.77721064814814811</v>
      </c>
      <c r="C1063">
        <v>31710</v>
      </c>
      <c r="D1063">
        <v>508.47</v>
      </c>
      <c r="E1063">
        <v>549.59</v>
      </c>
      <c r="F1063">
        <v>543.46</v>
      </c>
      <c r="G1063">
        <v>455.77</v>
      </c>
      <c r="H1063">
        <v>477.93</v>
      </c>
      <c r="I1063">
        <v>521.73</v>
      </c>
      <c r="J1063">
        <v>8</v>
      </c>
      <c r="K1063">
        <v>1804</v>
      </c>
      <c r="N1063" s="11"/>
    </row>
    <row r="1064" spans="2:14">
      <c r="B1064" s="2">
        <f t="shared" si="18"/>
        <v>0.77755787037037039</v>
      </c>
      <c r="C1064">
        <v>31740</v>
      </c>
      <c r="D1064">
        <v>507.06</v>
      </c>
      <c r="E1064">
        <v>550.16999999999996</v>
      </c>
      <c r="F1064">
        <v>542.48</v>
      </c>
      <c r="G1064">
        <v>453.55</v>
      </c>
      <c r="H1064">
        <v>476.13</v>
      </c>
      <c r="I1064">
        <v>520.59</v>
      </c>
      <c r="J1064">
        <v>8</v>
      </c>
      <c r="K1064">
        <v>1805</v>
      </c>
      <c r="N1064" s="11"/>
    </row>
    <row r="1065" spans="2:14">
      <c r="B1065" s="2">
        <f t="shared" si="18"/>
        <v>0.77790509259259255</v>
      </c>
      <c r="C1065">
        <v>31770</v>
      </c>
      <c r="D1065">
        <v>505.72</v>
      </c>
      <c r="E1065">
        <v>549.95000000000005</v>
      </c>
      <c r="F1065">
        <v>541.53</v>
      </c>
      <c r="G1065">
        <v>451.37</v>
      </c>
      <c r="H1065">
        <v>474.35</v>
      </c>
      <c r="I1065">
        <v>523.73</v>
      </c>
      <c r="J1065">
        <v>8</v>
      </c>
      <c r="K1065">
        <v>1806</v>
      </c>
      <c r="N1065" s="11"/>
    </row>
    <row r="1066" spans="2:14">
      <c r="B1066" s="2">
        <f t="shared" si="18"/>
        <v>0.77825231481481483</v>
      </c>
      <c r="C1066">
        <v>31800</v>
      </c>
      <c r="D1066">
        <v>504.37</v>
      </c>
      <c r="E1066">
        <v>545.25</v>
      </c>
      <c r="F1066">
        <v>540.53</v>
      </c>
      <c r="G1066">
        <v>449.14</v>
      </c>
      <c r="H1066">
        <v>472.57</v>
      </c>
      <c r="I1066">
        <v>519.23</v>
      </c>
      <c r="J1066">
        <v>8</v>
      </c>
      <c r="K1066">
        <v>1808</v>
      </c>
      <c r="N1066" s="11"/>
    </row>
    <row r="1067" spans="2:14">
      <c r="B1067" s="2">
        <f t="shared" si="18"/>
        <v>0.7785995370370371</v>
      </c>
      <c r="C1067">
        <v>31830</v>
      </c>
      <c r="D1067">
        <v>502.93</v>
      </c>
      <c r="E1067">
        <v>543.89</v>
      </c>
      <c r="F1067">
        <v>539.52</v>
      </c>
      <c r="G1067">
        <v>447</v>
      </c>
      <c r="H1067">
        <v>470.78</v>
      </c>
      <c r="I1067">
        <v>516.36</v>
      </c>
      <c r="J1067">
        <v>8</v>
      </c>
      <c r="K1067">
        <v>1809</v>
      </c>
      <c r="N1067" s="11"/>
    </row>
    <row r="1068" spans="2:14">
      <c r="B1068" s="2">
        <f t="shared" si="18"/>
        <v>0.77894675925925927</v>
      </c>
      <c r="C1068">
        <v>31860</v>
      </c>
      <c r="D1068">
        <v>501.6</v>
      </c>
      <c r="E1068">
        <v>542.52</v>
      </c>
      <c r="F1068">
        <v>538.57000000000005</v>
      </c>
      <c r="G1068">
        <v>444.86</v>
      </c>
      <c r="H1068">
        <v>469.03</v>
      </c>
      <c r="I1068">
        <v>513.63</v>
      </c>
      <c r="J1068">
        <v>8</v>
      </c>
      <c r="K1068">
        <v>1811</v>
      </c>
      <c r="N1068" s="11"/>
    </row>
    <row r="1069" spans="2:14">
      <c r="B1069" s="2">
        <f t="shared" si="18"/>
        <v>0.77929398148148143</v>
      </c>
      <c r="C1069">
        <v>31890</v>
      </c>
      <c r="D1069">
        <v>500.24</v>
      </c>
      <c r="E1069">
        <v>541.14</v>
      </c>
      <c r="F1069">
        <v>537.59</v>
      </c>
      <c r="G1069">
        <v>442.74</v>
      </c>
      <c r="H1069">
        <v>467.28</v>
      </c>
      <c r="I1069">
        <v>514.20000000000005</v>
      </c>
      <c r="J1069">
        <v>8</v>
      </c>
      <c r="K1069">
        <v>1811</v>
      </c>
      <c r="N1069" s="11"/>
    </row>
    <row r="1070" spans="2:14">
      <c r="B1070" s="2">
        <f t="shared" si="18"/>
        <v>0.77964120370370371</v>
      </c>
      <c r="C1070">
        <v>31920</v>
      </c>
      <c r="D1070">
        <v>498.94</v>
      </c>
      <c r="E1070">
        <v>540.26</v>
      </c>
      <c r="F1070">
        <v>536.66</v>
      </c>
      <c r="G1070">
        <v>440.67</v>
      </c>
      <c r="H1070">
        <v>465.54</v>
      </c>
      <c r="I1070">
        <v>519.19000000000005</v>
      </c>
      <c r="J1070">
        <v>8</v>
      </c>
      <c r="K1070">
        <v>1812</v>
      </c>
      <c r="N1070" s="11"/>
    </row>
    <row r="1071" spans="2:14">
      <c r="B1071" s="2">
        <f t="shared" si="18"/>
        <v>0.77998842592592599</v>
      </c>
      <c r="C1071">
        <v>31950</v>
      </c>
      <c r="D1071">
        <v>497.67</v>
      </c>
      <c r="E1071">
        <v>539.04999999999995</v>
      </c>
      <c r="F1071">
        <v>535.69000000000005</v>
      </c>
      <c r="G1071">
        <v>438.59</v>
      </c>
      <c r="H1071">
        <v>463.84</v>
      </c>
      <c r="I1071">
        <v>513</v>
      </c>
      <c r="J1071">
        <v>8</v>
      </c>
      <c r="K1071">
        <v>1812</v>
      </c>
      <c r="N1071" s="11"/>
    </row>
    <row r="1072" spans="2:14">
      <c r="B1072" s="2">
        <f t="shared" si="18"/>
        <v>0.78033564814814804</v>
      </c>
      <c r="C1072">
        <v>31980</v>
      </c>
      <c r="D1072">
        <v>496.42</v>
      </c>
      <c r="E1072">
        <v>540.11</v>
      </c>
      <c r="F1072">
        <v>534.70000000000005</v>
      </c>
      <c r="G1072">
        <v>436.51</v>
      </c>
      <c r="H1072">
        <v>462.12</v>
      </c>
      <c r="I1072">
        <v>505.17</v>
      </c>
      <c r="J1072">
        <v>8</v>
      </c>
      <c r="K1072">
        <v>1814</v>
      </c>
      <c r="N1072" s="11"/>
    </row>
    <row r="1073" spans="2:14">
      <c r="B1073" s="2">
        <f t="shared" si="18"/>
        <v>0.78068287037037032</v>
      </c>
      <c r="C1073">
        <v>32010</v>
      </c>
      <c r="D1073">
        <v>495.15</v>
      </c>
      <c r="E1073">
        <v>540.16999999999996</v>
      </c>
      <c r="F1073">
        <v>533.75</v>
      </c>
      <c r="G1073">
        <v>434.47</v>
      </c>
      <c r="H1073">
        <v>460.43</v>
      </c>
      <c r="I1073">
        <v>507.33</v>
      </c>
      <c r="J1073">
        <v>8</v>
      </c>
      <c r="K1073">
        <v>1815</v>
      </c>
      <c r="N1073" s="11"/>
    </row>
    <row r="1074" spans="2:14">
      <c r="B1074" s="2">
        <f t="shared" si="18"/>
        <v>0.7810300925925926</v>
      </c>
      <c r="C1074">
        <v>32040</v>
      </c>
      <c r="D1074">
        <v>493.89</v>
      </c>
      <c r="E1074">
        <v>538.42999999999995</v>
      </c>
      <c r="F1074">
        <v>532.79999999999995</v>
      </c>
      <c r="G1074">
        <v>432.45</v>
      </c>
      <c r="H1074">
        <v>458.77</v>
      </c>
      <c r="I1074">
        <v>507.98</v>
      </c>
      <c r="J1074">
        <v>8</v>
      </c>
      <c r="K1074">
        <v>1815</v>
      </c>
      <c r="N1074" s="11"/>
    </row>
    <row r="1075" spans="2:14">
      <c r="B1075" s="2">
        <f t="shared" si="18"/>
        <v>0.78137731481481476</v>
      </c>
      <c r="C1075">
        <v>32070</v>
      </c>
      <c r="D1075">
        <v>492.62</v>
      </c>
      <c r="E1075">
        <v>539.92999999999995</v>
      </c>
      <c r="F1075">
        <v>531.83000000000004</v>
      </c>
      <c r="G1075">
        <v>430.42</v>
      </c>
      <c r="H1075">
        <v>457.09</v>
      </c>
      <c r="I1075">
        <v>511.48</v>
      </c>
      <c r="J1075">
        <v>8</v>
      </c>
      <c r="K1075">
        <v>1816</v>
      </c>
      <c r="N1075" s="11"/>
    </row>
    <row r="1076" spans="2:14">
      <c r="B1076" s="2">
        <f t="shared" si="18"/>
        <v>0.78172453703703704</v>
      </c>
      <c r="C1076">
        <v>32100</v>
      </c>
      <c r="D1076">
        <v>491.36</v>
      </c>
      <c r="E1076">
        <v>537.46</v>
      </c>
      <c r="F1076">
        <v>530.89</v>
      </c>
      <c r="G1076">
        <v>428.4</v>
      </c>
      <c r="H1076">
        <v>455.43</v>
      </c>
      <c r="I1076">
        <v>502.9</v>
      </c>
      <c r="J1076">
        <v>8</v>
      </c>
      <c r="K1076">
        <v>1818</v>
      </c>
      <c r="N1076" s="11"/>
    </row>
    <row r="1077" spans="2:14">
      <c r="B1077" s="2">
        <f t="shared" si="18"/>
        <v>0.7820717592592592</v>
      </c>
      <c r="C1077">
        <v>32130</v>
      </c>
      <c r="D1077">
        <v>490.08</v>
      </c>
      <c r="E1077">
        <v>536</v>
      </c>
      <c r="F1077">
        <v>529.98</v>
      </c>
      <c r="G1077">
        <v>426.41</v>
      </c>
      <c r="H1077">
        <v>453.8</v>
      </c>
      <c r="I1077">
        <v>499.88</v>
      </c>
      <c r="J1077">
        <v>8</v>
      </c>
      <c r="K1077">
        <v>1816</v>
      </c>
      <c r="N1077" s="11"/>
    </row>
    <row r="1078" spans="2:14">
      <c r="B1078" s="2">
        <f t="shared" si="18"/>
        <v>0.78241898148148148</v>
      </c>
      <c r="C1078">
        <v>32160</v>
      </c>
      <c r="D1078">
        <v>488.86</v>
      </c>
      <c r="E1078">
        <v>533.67999999999995</v>
      </c>
      <c r="F1078">
        <v>529.04999999999995</v>
      </c>
      <c r="G1078">
        <v>424.42</v>
      </c>
      <c r="H1078">
        <v>452.17</v>
      </c>
      <c r="I1078">
        <v>501.31</v>
      </c>
      <c r="J1078">
        <v>8</v>
      </c>
      <c r="K1078">
        <v>1819</v>
      </c>
      <c r="N1078" s="11"/>
    </row>
    <row r="1079" spans="2:14">
      <c r="B1079" s="2">
        <f t="shared" si="18"/>
        <v>0.78276620370370376</v>
      </c>
      <c r="C1079">
        <v>32190</v>
      </c>
      <c r="D1079">
        <v>487.7</v>
      </c>
      <c r="E1079">
        <v>533.52</v>
      </c>
      <c r="F1079">
        <v>528.09</v>
      </c>
      <c r="G1079">
        <v>422.44</v>
      </c>
      <c r="H1079">
        <v>450.53</v>
      </c>
      <c r="I1079">
        <v>494.61</v>
      </c>
      <c r="J1079">
        <v>8</v>
      </c>
      <c r="K1079">
        <v>1819</v>
      </c>
      <c r="N1079" s="11"/>
    </row>
    <row r="1080" spans="2:14">
      <c r="B1080" s="2">
        <f t="shared" si="18"/>
        <v>0.78311342592592592</v>
      </c>
      <c r="C1080">
        <v>32220</v>
      </c>
      <c r="D1080">
        <v>486.68</v>
      </c>
      <c r="E1080">
        <v>531.69000000000005</v>
      </c>
      <c r="F1080">
        <v>527.15</v>
      </c>
      <c r="G1080">
        <v>420.55</v>
      </c>
      <c r="H1080">
        <v>448.94</v>
      </c>
      <c r="I1080">
        <v>497.55</v>
      </c>
      <c r="J1080">
        <v>8</v>
      </c>
      <c r="K1080">
        <v>1819</v>
      </c>
      <c r="N1080" s="11"/>
    </row>
    <row r="1081" spans="2:14">
      <c r="B1081" s="2">
        <f t="shared" si="18"/>
        <v>0.78346064814814809</v>
      </c>
      <c r="C1081">
        <v>32250</v>
      </c>
      <c r="D1081">
        <v>485.58</v>
      </c>
      <c r="E1081">
        <v>531.62</v>
      </c>
      <c r="F1081">
        <v>526.19000000000005</v>
      </c>
      <c r="G1081">
        <v>418.61</v>
      </c>
      <c r="H1081">
        <v>447.34</v>
      </c>
      <c r="I1081">
        <v>500.62</v>
      </c>
      <c r="J1081">
        <v>8</v>
      </c>
      <c r="K1081">
        <v>1823</v>
      </c>
      <c r="N1081" s="11"/>
    </row>
    <row r="1082" spans="2:14">
      <c r="B1082" s="2">
        <f t="shared" si="18"/>
        <v>0.78380787037037036</v>
      </c>
      <c r="C1082">
        <v>32280</v>
      </c>
      <c r="D1082">
        <v>484.45</v>
      </c>
      <c r="E1082">
        <v>529.97</v>
      </c>
      <c r="F1082">
        <v>525.26</v>
      </c>
      <c r="G1082">
        <v>416.68</v>
      </c>
      <c r="H1082">
        <v>445.74</v>
      </c>
      <c r="I1082">
        <v>494.45</v>
      </c>
      <c r="J1082">
        <v>8</v>
      </c>
      <c r="K1082">
        <v>1823</v>
      </c>
      <c r="N1082" s="11"/>
    </row>
    <row r="1083" spans="2:14">
      <c r="B1083" s="2">
        <f t="shared" si="18"/>
        <v>0.78415509259259264</v>
      </c>
      <c r="C1083">
        <v>32310</v>
      </c>
      <c r="D1083">
        <v>483.36</v>
      </c>
      <c r="E1083">
        <v>529.98</v>
      </c>
      <c r="F1083">
        <v>524.35</v>
      </c>
      <c r="G1083">
        <v>414.8</v>
      </c>
      <c r="H1083">
        <v>444.16</v>
      </c>
      <c r="I1083">
        <v>492.36</v>
      </c>
      <c r="J1083">
        <v>8</v>
      </c>
      <c r="K1083">
        <v>1823</v>
      </c>
      <c r="N1083" s="11"/>
    </row>
    <row r="1084" spans="2:14">
      <c r="B1084" s="2">
        <f t="shared" si="18"/>
        <v>0.78450231481481481</v>
      </c>
      <c r="C1084">
        <v>32340</v>
      </c>
      <c r="D1084">
        <v>482.25</v>
      </c>
      <c r="E1084">
        <v>531.03</v>
      </c>
      <c r="F1084">
        <v>523.41</v>
      </c>
      <c r="G1084">
        <v>412.9</v>
      </c>
      <c r="H1084">
        <v>442.59</v>
      </c>
      <c r="I1084">
        <v>491.59</v>
      </c>
      <c r="J1084">
        <v>8</v>
      </c>
      <c r="K1084">
        <v>1824</v>
      </c>
      <c r="N1084" s="11"/>
    </row>
    <row r="1085" spans="2:14">
      <c r="B1085" s="2">
        <f t="shared" si="18"/>
        <v>0.78484953703703697</v>
      </c>
      <c r="C1085">
        <v>32370</v>
      </c>
      <c r="D1085">
        <v>481.13</v>
      </c>
      <c r="E1085">
        <v>528.74</v>
      </c>
      <c r="F1085">
        <v>522.49</v>
      </c>
      <c r="G1085">
        <v>411.03</v>
      </c>
      <c r="H1085">
        <v>441.03</v>
      </c>
      <c r="I1085">
        <v>492.4</v>
      </c>
      <c r="J1085">
        <v>8</v>
      </c>
      <c r="K1085">
        <v>1825</v>
      </c>
      <c r="N1085" s="11"/>
    </row>
    <row r="1086" spans="2:14">
      <c r="B1086" s="2">
        <f t="shared" si="18"/>
        <v>0.78519675925925925</v>
      </c>
      <c r="C1086">
        <v>32400</v>
      </c>
      <c r="D1086">
        <v>480.08</v>
      </c>
      <c r="E1086">
        <v>527.27</v>
      </c>
      <c r="F1086">
        <v>521.59</v>
      </c>
      <c r="G1086">
        <v>409.08</v>
      </c>
      <c r="H1086">
        <v>439.5</v>
      </c>
      <c r="I1086">
        <v>491.06</v>
      </c>
      <c r="J1086">
        <v>8</v>
      </c>
      <c r="K1086">
        <v>1824</v>
      </c>
      <c r="N1086" s="11"/>
    </row>
    <row r="1087" spans="2:14">
      <c r="B1087" s="2">
        <f t="shared" si="18"/>
        <v>0.78554398148148152</v>
      </c>
      <c r="C1087">
        <v>32430</v>
      </c>
      <c r="D1087">
        <v>478.97</v>
      </c>
      <c r="E1087">
        <v>524.29</v>
      </c>
      <c r="F1087">
        <v>520.67999999999995</v>
      </c>
      <c r="G1087">
        <v>407.29</v>
      </c>
      <c r="H1087">
        <v>437.95</v>
      </c>
      <c r="I1087">
        <v>491.6</v>
      </c>
      <c r="J1087">
        <v>8</v>
      </c>
      <c r="K1087">
        <v>1823</v>
      </c>
      <c r="N1087" s="11"/>
    </row>
    <row r="1088" spans="2:14">
      <c r="B1088" s="2">
        <f t="shared" si="18"/>
        <v>0.78589120370370369</v>
      </c>
      <c r="C1088">
        <v>32460</v>
      </c>
      <c r="D1088">
        <v>477.87</v>
      </c>
      <c r="E1088">
        <v>522.14</v>
      </c>
      <c r="F1088">
        <v>519.75</v>
      </c>
      <c r="G1088">
        <v>405.49</v>
      </c>
      <c r="H1088">
        <v>436.43</v>
      </c>
      <c r="I1088">
        <v>484.56</v>
      </c>
      <c r="J1088">
        <v>8</v>
      </c>
      <c r="K1088">
        <v>1822</v>
      </c>
      <c r="N1088" s="11"/>
    </row>
    <row r="1089" spans="2:14">
      <c r="B1089" s="2">
        <f t="shared" si="18"/>
        <v>0.78623842592592585</v>
      </c>
      <c r="C1089">
        <v>32490</v>
      </c>
      <c r="D1089">
        <v>476.83</v>
      </c>
      <c r="E1089">
        <v>522.72</v>
      </c>
      <c r="F1089">
        <v>518.84</v>
      </c>
      <c r="G1089">
        <v>403.72</v>
      </c>
      <c r="H1089">
        <v>434.93</v>
      </c>
      <c r="I1089">
        <v>487.5</v>
      </c>
      <c r="J1089">
        <v>8</v>
      </c>
      <c r="K1089">
        <v>1823</v>
      </c>
      <c r="N1089" s="11"/>
    </row>
    <row r="1090" spans="2:14">
      <c r="B1090" s="2">
        <f t="shared" si="18"/>
        <v>0.78658564814814813</v>
      </c>
      <c r="C1090">
        <v>32520</v>
      </c>
      <c r="D1090">
        <v>475.81</v>
      </c>
      <c r="E1090">
        <v>520.83000000000004</v>
      </c>
      <c r="F1090">
        <v>517.96</v>
      </c>
      <c r="G1090">
        <v>401.92</v>
      </c>
      <c r="H1090">
        <v>433.42</v>
      </c>
      <c r="I1090">
        <v>488.38</v>
      </c>
      <c r="J1090">
        <v>8</v>
      </c>
      <c r="K1090">
        <v>1823</v>
      </c>
      <c r="N1090" s="11"/>
    </row>
    <row r="1091" spans="2:14">
      <c r="B1091" s="2">
        <f t="shared" si="18"/>
        <v>0.78693287037037041</v>
      </c>
      <c r="C1091">
        <v>32550</v>
      </c>
      <c r="D1091">
        <v>474.75</v>
      </c>
      <c r="E1091">
        <v>520.54</v>
      </c>
      <c r="F1091">
        <v>517.03</v>
      </c>
      <c r="G1091">
        <v>400.11</v>
      </c>
      <c r="H1091">
        <v>431.92</v>
      </c>
      <c r="I1091">
        <v>487.74</v>
      </c>
      <c r="J1091">
        <v>8</v>
      </c>
      <c r="K1091">
        <v>1824</v>
      </c>
      <c r="N1091" s="11"/>
    </row>
    <row r="1092" spans="2:14">
      <c r="B1092" s="2">
        <f t="shared" si="18"/>
        <v>0.78728009259259257</v>
      </c>
      <c r="C1092">
        <v>32580</v>
      </c>
      <c r="D1092">
        <v>473.73</v>
      </c>
      <c r="E1092">
        <v>520.4</v>
      </c>
      <c r="F1092">
        <v>516.13</v>
      </c>
      <c r="G1092">
        <v>398.37</v>
      </c>
      <c r="H1092">
        <v>430.45</v>
      </c>
      <c r="I1092">
        <v>480.25</v>
      </c>
      <c r="J1092">
        <v>8</v>
      </c>
      <c r="K1092">
        <v>1824</v>
      </c>
      <c r="N1092" s="11"/>
    </row>
    <row r="1093" spans="2:14">
      <c r="B1093" s="2">
        <f t="shared" si="18"/>
        <v>0.78762731481481474</v>
      </c>
      <c r="C1093">
        <v>32610</v>
      </c>
      <c r="D1093">
        <v>472.76</v>
      </c>
      <c r="E1093">
        <v>517.94000000000005</v>
      </c>
      <c r="F1093">
        <v>515.23</v>
      </c>
      <c r="G1093">
        <v>396.62</v>
      </c>
      <c r="H1093">
        <v>428.97</v>
      </c>
      <c r="I1093">
        <v>480.04</v>
      </c>
      <c r="J1093">
        <v>8</v>
      </c>
      <c r="K1093">
        <v>1824</v>
      </c>
      <c r="N1093" s="11"/>
    </row>
    <row r="1094" spans="2:14">
      <c r="B1094" s="2">
        <f t="shared" si="18"/>
        <v>0.78797453703703701</v>
      </c>
      <c r="C1094">
        <v>32640</v>
      </c>
      <c r="D1094">
        <v>471.77</v>
      </c>
      <c r="E1094">
        <v>516.79999999999995</v>
      </c>
      <c r="F1094">
        <v>514.33000000000004</v>
      </c>
      <c r="G1094">
        <v>394.88</v>
      </c>
      <c r="H1094">
        <v>427.5</v>
      </c>
      <c r="I1094">
        <v>477.92</v>
      </c>
      <c r="J1094">
        <v>8</v>
      </c>
      <c r="K1094">
        <v>1824</v>
      </c>
      <c r="N1094" s="11"/>
    </row>
    <row r="1095" spans="2:14">
      <c r="B1095" s="2">
        <f t="shared" si="18"/>
        <v>0.78832175925925929</v>
      </c>
      <c r="C1095">
        <v>32670</v>
      </c>
      <c r="D1095">
        <v>470.69</v>
      </c>
      <c r="E1095">
        <v>516.41</v>
      </c>
      <c r="F1095">
        <v>513.42999999999995</v>
      </c>
      <c r="G1095">
        <v>393.15</v>
      </c>
      <c r="H1095">
        <v>426.03</v>
      </c>
      <c r="I1095">
        <v>481.27</v>
      </c>
      <c r="J1095">
        <v>8</v>
      </c>
      <c r="K1095">
        <v>1822</v>
      </c>
      <c r="N1095" s="11"/>
    </row>
    <row r="1096" spans="2:14">
      <c r="B1096" s="2">
        <f t="shared" si="18"/>
        <v>0.78866898148148146</v>
      </c>
      <c r="C1096">
        <v>32700</v>
      </c>
      <c r="D1096">
        <v>469.6</v>
      </c>
      <c r="E1096">
        <v>519.39</v>
      </c>
      <c r="F1096">
        <v>512.52</v>
      </c>
      <c r="G1096">
        <v>391.42</v>
      </c>
      <c r="H1096">
        <v>424.58</v>
      </c>
      <c r="I1096">
        <v>477.13</v>
      </c>
      <c r="J1096">
        <v>8</v>
      </c>
      <c r="K1096">
        <v>1823</v>
      </c>
      <c r="N1096" s="11"/>
    </row>
    <row r="1097" spans="2:14">
      <c r="B1097" s="2">
        <f t="shared" si="18"/>
        <v>0.78901620370370373</v>
      </c>
      <c r="C1097">
        <v>32730</v>
      </c>
      <c r="D1097">
        <v>468.58</v>
      </c>
      <c r="E1097">
        <v>518.86</v>
      </c>
      <c r="F1097">
        <v>511.64</v>
      </c>
      <c r="G1097">
        <v>389.71</v>
      </c>
      <c r="H1097">
        <v>423.16</v>
      </c>
      <c r="I1097">
        <v>475.67</v>
      </c>
      <c r="J1097">
        <v>8</v>
      </c>
      <c r="K1097">
        <v>1823</v>
      </c>
      <c r="N1097" s="11"/>
    </row>
    <row r="1098" spans="2:14">
      <c r="B1098" s="2">
        <f t="shared" si="18"/>
        <v>0.7893634259259259</v>
      </c>
      <c r="C1098">
        <v>32760</v>
      </c>
      <c r="D1098">
        <v>467.55</v>
      </c>
      <c r="E1098">
        <v>517.25</v>
      </c>
      <c r="F1098">
        <v>510.74</v>
      </c>
      <c r="G1098">
        <v>388</v>
      </c>
      <c r="H1098">
        <v>421.73</v>
      </c>
      <c r="I1098">
        <v>471.06</v>
      </c>
      <c r="J1098">
        <v>8</v>
      </c>
      <c r="K1098">
        <v>1823</v>
      </c>
      <c r="N1098" s="11"/>
    </row>
    <row r="1099" spans="2:14">
      <c r="B1099" s="2">
        <f t="shared" si="18"/>
        <v>0.78971064814814818</v>
      </c>
      <c r="C1099">
        <v>32790</v>
      </c>
      <c r="D1099">
        <v>466.53</v>
      </c>
      <c r="E1099">
        <v>516.63</v>
      </c>
      <c r="F1099">
        <v>509.86</v>
      </c>
      <c r="G1099">
        <v>386.28</v>
      </c>
      <c r="H1099">
        <v>420.3</v>
      </c>
      <c r="I1099">
        <v>472.18</v>
      </c>
      <c r="J1099">
        <v>8</v>
      </c>
      <c r="K1099">
        <v>1823</v>
      </c>
      <c r="N1099" s="11"/>
    </row>
    <row r="1100" spans="2:14">
      <c r="B1100" s="2">
        <f t="shared" si="18"/>
        <v>0.79005787037037045</v>
      </c>
      <c r="C1100">
        <v>32820</v>
      </c>
      <c r="D1100">
        <v>465.53</v>
      </c>
      <c r="E1100">
        <v>514.16999999999996</v>
      </c>
      <c r="F1100">
        <v>508.97</v>
      </c>
      <c r="G1100">
        <v>384.64</v>
      </c>
      <c r="H1100">
        <v>418.91</v>
      </c>
      <c r="I1100">
        <v>470.59</v>
      </c>
      <c r="J1100">
        <v>8</v>
      </c>
      <c r="K1100">
        <v>1824</v>
      </c>
      <c r="N1100" s="11"/>
    </row>
    <row r="1101" spans="2:14">
      <c r="B1101" s="2">
        <f t="shared" si="18"/>
        <v>0.79040509259259251</v>
      </c>
      <c r="C1101">
        <v>32850</v>
      </c>
      <c r="D1101">
        <v>464.49</v>
      </c>
      <c r="E1101">
        <v>512.9</v>
      </c>
      <c r="F1101">
        <v>508.08</v>
      </c>
      <c r="G1101">
        <v>382.96</v>
      </c>
      <c r="H1101">
        <v>417.49</v>
      </c>
      <c r="I1101">
        <v>471.96</v>
      </c>
      <c r="J1101">
        <v>8</v>
      </c>
      <c r="K1101">
        <v>1824</v>
      </c>
      <c r="N1101" s="11"/>
    </row>
    <row r="1102" spans="2:14">
      <c r="B1102" s="2">
        <f t="shared" si="18"/>
        <v>0.79075231481481478</v>
      </c>
      <c r="C1102">
        <v>32880</v>
      </c>
      <c r="D1102">
        <v>463.51</v>
      </c>
      <c r="E1102">
        <v>511.42</v>
      </c>
      <c r="F1102">
        <v>507.21</v>
      </c>
      <c r="G1102">
        <v>381.3</v>
      </c>
      <c r="H1102">
        <v>416.09</v>
      </c>
      <c r="I1102">
        <v>468.12</v>
      </c>
      <c r="J1102">
        <v>8</v>
      </c>
      <c r="K1102">
        <v>1825</v>
      </c>
      <c r="N1102" s="11"/>
    </row>
    <row r="1103" spans="2:14">
      <c r="B1103" s="2">
        <f t="shared" si="18"/>
        <v>0.79109953703703706</v>
      </c>
      <c r="C1103">
        <v>32910</v>
      </c>
      <c r="D1103">
        <v>462.58</v>
      </c>
      <c r="E1103">
        <v>512.12</v>
      </c>
      <c r="F1103">
        <v>506.34</v>
      </c>
      <c r="G1103">
        <v>379.69</v>
      </c>
      <c r="H1103">
        <v>414.72</v>
      </c>
      <c r="I1103">
        <v>468.59</v>
      </c>
      <c r="J1103">
        <v>8</v>
      </c>
      <c r="K1103">
        <v>1826</v>
      </c>
      <c r="N1103" s="11"/>
    </row>
    <row r="1104" spans="2:14">
      <c r="B1104" s="2">
        <f t="shared" si="18"/>
        <v>0.79144675925925922</v>
      </c>
      <c r="C1104">
        <v>32940</v>
      </c>
      <c r="D1104">
        <v>461.57</v>
      </c>
      <c r="E1104">
        <v>512.33000000000004</v>
      </c>
      <c r="F1104">
        <v>505.46</v>
      </c>
      <c r="G1104">
        <v>378.05</v>
      </c>
      <c r="H1104">
        <v>413.35</v>
      </c>
      <c r="I1104">
        <v>464.66</v>
      </c>
      <c r="J1104">
        <v>8</v>
      </c>
      <c r="K1104">
        <v>1828</v>
      </c>
      <c r="N1104" s="11"/>
    </row>
    <row r="1105" spans="2:14">
      <c r="B1105" s="2">
        <f t="shared" si="18"/>
        <v>0.79179398148148139</v>
      </c>
      <c r="C1105">
        <v>32970</v>
      </c>
      <c r="D1105">
        <v>460.51</v>
      </c>
      <c r="E1105">
        <v>509.1</v>
      </c>
      <c r="F1105">
        <v>504.59</v>
      </c>
      <c r="G1105">
        <v>376.42</v>
      </c>
      <c r="H1105">
        <v>411.97</v>
      </c>
      <c r="I1105">
        <v>463.66</v>
      </c>
      <c r="J1105">
        <v>8</v>
      </c>
      <c r="K1105">
        <v>1830</v>
      </c>
      <c r="N1105" s="11"/>
    </row>
    <row r="1106" spans="2:14">
      <c r="B1106" s="2">
        <f t="shared" si="18"/>
        <v>0.79214120370370367</v>
      </c>
      <c r="C1106">
        <v>33000</v>
      </c>
      <c r="D1106">
        <v>459.43</v>
      </c>
      <c r="E1106">
        <v>509.57</v>
      </c>
      <c r="F1106">
        <v>503.73</v>
      </c>
      <c r="G1106">
        <v>374.83</v>
      </c>
      <c r="H1106">
        <v>410.63</v>
      </c>
      <c r="I1106">
        <v>467.8</v>
      </c>
      <c r="J1106">
        <v>8</v>
      </c>
      <c r="K1106">
        <v>1830</v>
      </c>
      <c r="N1106" s="11"/>
    </row>
    <row r="1107" spans="2:14">
      <c r="B1107" s="2">
        <f t="shared" si="18"/>
        <v>0.79248842592592594</v>
      </c>
      <c r="C1107">
        <v>33030</v>
      </c>
      <c r="D1107">
        <v>458.37</v>
      </c>
      <c r="E1107">
        <v>509.88</v>
      </c>
      <c r="F1107">
        <v>502.86</v>
      </c>
      <c r="G1107">
        <v>373.22</v>
      </c>
      <c r="H1107">
        <v>409.27</v>
      </c>
      <c r="I1107">
        <v>465.97</v>
      </c>
      <c r="J1107">
        <v>8</v>
      </c>
      <c r="K1107">
        <v>1830</v>
      </c>
      <c r="N1107" s="11"/>
    </row>
    <row r="1108" spans="2:14">
      <c r="B1108" s="2">
        <f t="shared" si="18"/>
        <v>0.79283564814814811</v>
      </c>
      <c r="C1108">
        <v>33060</v>
      </c>
      <c r="D1108">
        <v>457.28</v>
      </c>
      <c r="E1108">
        <v>506.84</v>
      </c>
      <c r="F1108">
        <v>501.98</v>
      </c>
      <c r="G1108">
        <v>371.62</v>
      </c>
      <c r="H1108">
        <v>407.91</v>
      </c>
      <c r="I1108">
        <v>462.99</v>
      </c>
      <c r="J1108">
        <v>8</v>
      </c>
      <c r="K1108">
        <v>1831</v>
      </c>
      <c r="N1108" s="11"/>
    </row>
    <row r="1109" spans="2:14">
      <c r="B1109" s="2">
        <f t="shared" si="18"/>
        <v>0.79318287037037039</v>
      </c>
      <c r="C1109">
        <v>33090</v>
      </c>
      <c r="D1109">
        <v>456.15</v>
      </c>
      <c r="E1109">
        <v>506.64</v>
      </c>
      <c r="F1109">
        <v>501.12</v>
      </c>
      <c r="G1109">
        <v>370.07</v>
      </c>
      <c r="H1109">
        <v>406.59</v>
      </c>
      <c r="I1109">
        <v>459.97</v>
      </c>
      <c r="J1109">
        <v>8</v>
      </c>
      <c r="K1109">
        <v>1831</v>
      </c>
      <c r="N1109" s="11"/>
    </row>
    <row r="1110" spans="2:14">
      <c r="B1110" s="2">
        <f t="shared" si="18"/>
        <v>0.79353009259259255</v>
      </c>
      <c r="C1110">
        <v>33120</v>
      </c>
      <c r="D1110">
        <v>455.05</v>
      </c>
      <c r="E1110">
        <v>506.05</v>
      </c>
      <c r="F1110">
        <v>500.29</v>
      </c>
      <c r="G1110">
        <v>368.52</v>
      </c>
      <c r="H1110">
        <v>405.26</v>
      </c>
      <c r="I1110">
        <v>464.36</v>
      </c>
      <c r="J1110">
        <v>8</v>
      </c>
      <c r="K1110">
        <v>1838</v>
      </c>
      <c r="N1110" s="11"/>
    </row>
    <row r="1111" spans="2:14">
      <c r="B1111" s="2">
        <f t="shared" si="18"/>
        <v>0.79387731481481483</v>
      </c>
      <c r="C1111">
        <v>33150</v>
      </c>
      <c r="D1111">
        <v>453.98</v>
      </c>
      <c r="E1111">
        <v>506.39</v>
      </c>
      <c r="F1111">
        <v>499.42</v>
      </c>
      <c r="G1111">
        <v>366.97</v>
      </c>
      <c r="H1111">
        <v>403.94</v>
      </c>
      <c r="I1111">
        <v>457.38</v>
      </c>
      <c r="J1111">
        <v>8</v>
      </c>
      <c r="K1111">
        <v>1840</v>
      </c>
      <c r="N1111" s="11"/>
    </row>
    <row r="1112" spans="2:14">
      <c r="B1112" s="2">
        <f t="shared" si="18"/>
        <v>0.7942245370370371</v>
      </c>
      <c r="C1112">
        <v>33180</v>
      </c>
      <c r="D1112">
        <v>452.96</v>
      </c>
      <c r="E1112">
        <v>503.32</v>
      </c>
      <c r="F1112">
        <v>498.57</v>
      </c>
      <c r="G1112">
        <v>365.44</v>
      </c>
      <c r="H1112">
        <v>402.65</v>
      </c>
      <c r="I1112">
        <v>459.75</v>
      </c>
      <c r="J1112">
        <v>8</v>
      </c>
      <c r="K1112">
        <v>1841</v>
      </c>
      <c r="N1112" s="11"/>
    </row>
    <row r="1113" spans="2:14">
      <c r="B1113" s="2">
        <f t="shared" si="18"/>
        <v>0.79457175925925927</v>
      </c>
      <c r="C1113">
        <v>33210</v>
      </c>
      <c r="D1113">
        <v>451.91</v>
      </c>
      <c r="E1113">
        <v>504.35</v>
      </c>
      <c r="F1113">
        <v>497.72</v>
      </c>
      <c r="G1113">
        <v>363.91</v>
      </c>
      <c r="H1113">
        <v>401.34</v>
      </c>
      <c r="I1113">
        <v>460.72</v>
      </c>
      <c r="J1113">
        <v>8</v>
      </c>
      <c r="K1113">
        <v>1845</v>
      </c>
      <c r="N1113" s="11"/>
    </row>
    <row r="1114" spans="2:14">
      <c r="B1114" s="2">
        <f t="shared" si="18"/>
        <v>0.79491898148148143</v>
      </c>
      <c r="C1114">
        <v>33240</v>
      </c>
      <c r="D1114">
        <v>450.94</v>
      </c>
      <c r="E1114">
        <v>503.88</v>
      </c>
      <c r="F1114">
        <v>496.87</v>
      </c>
      <c r="G1114">
        <v>362.39</v>
      </c>
      <c r="H1114">
        <v>400.04</v>
      </c>
      <c r="I1114">
        <v>454.77</v>
      </c>
      <c r="J1114">
        <v>8</v>
      </c>
      <c r="K1114">
        <v>1841</v>
      </c>
      <c r="N1114" s="11"/>
    </row>
    <row r="1115" spans="2:14">
      <c r="B1115" s="2">
        <f t="shared" si="18"/>
        <v>0.79526620370370371</v>
      </c>
      <c r="C1115">
        <v>33270</v>
      </c>
      <c r="D1115">
        <v>450.01</v>
      </c>
      <c r="E1115">
        <v>502.79</v>
      </c>
      <c r="F1115">
        <v>496.02</v>
      </c>
      <c r="G1115">
        <v>360.91</v>
      </c>
      <c r="H1115">
        <v>398.78</v>
      </c>
      <c r="I1115">
        <v>457.17</v>
      </c>
      <c r="J1115">
        <v>8</v>
      </c>
      <c r="K1115">
        <v>1844</v>
      </c>
      <c r="N1115" s="11"/>
    </row>
    <row r="1116" spans="2:14">
      <c r="B1116" s="2">
        <f t="shared" si="18"/>
        <v>0.79561342592592599</v>
      </c>
      <c r="C1116">
        <v>33300</v>
      </c>
      <c r="D1116">
        <v>449.11</v>
      </c>
      <c r="E1116">
        <v>502.38</v>
      </c>
      <c r="F1116">
        <v>495.16</v>
      </c>
      <c r="G1116">
        <v>359.38</v>
      </c>
      <c r="H1116">
        <v>397.49</v>
      </c>
      <c r="I1116">
        <v>455.76</v>
      </c>
      <c r="J1116">
        <v>8</v>
      </c>
      <c r="K1116">
        <v>1845</v>
      </c>
      <c r="N1116" s="11"/>
    </row>
    <row r="1117" spans="2:14">
      <c r="B1117" s="2">
        <f t="shared" si="18"/>
        <v>0.79596064814814804</v>
      </c>
      <c r="C1117">
        <v>33330</v>
      </c>
      <c r="D1117">
        <v>448.23</v>
      </c>
      <c r="E1117">
        <v>501.07</v>
      </c>
      <c r="F1117">
        <v>494.32</v>
      </c>
      <c r="G1117">
        <v>357.91</v>
      </c>
      <c r="H1117">
        <v>396.21</v>
      </c>
      <c r="I1117">
        <v>454.18</v>
      </c>
      <c r="J1117">
        <v>8</v>
      </c>
      <c r="K1117">
        <v>1844</v>
      </c>
      <c r="N1117" s="11"/>
    </row>
    <row r="1118" spans="2:14">
      <c r="B1118" s="2">
        <f t="shared" si="18"/>
        <v>0.79630787037037032</v>
      </c>
      <c r="C1118">
        <v>33360</v>
      </c>
      <c r="D1118">
        <v>447.4</v>
      </c>
      <c r="E1118">
        <v>497.72</v>
      </c>
      <c r="F1118">
        <v>493.49</v>
      </c>
      <c r="G1118">
        <v>356.47</v>
      </c>
      <c r="H1118">
        <v>394.97</v>
      </c>
      <c r="I1118">
        <v>451.9</v>
      </c>
      <c r="J1118">
        <v>8</v>
      </c>
      <c r="K1118">
        <v>1845</v>
      </c>
      <c r="N1118" s="11"/>
    </row>
    <row r="1119" spans="2:14">
      <c r="B1119" s="2">
        <f t="shared" si="18"/>
        <v>0.7966550925925926</v>
      </c>
      <c r="C1119">
        <v>33390</v>
      </c>
      <c r="D1119">
        <v>446.51</v>
      </c>
      <c r="E1119">
        <v>497.37</v>
      </c>
      <c r="F1119">
        <v>492.64</v>
      </c>
      <c r="G1119">
        <v>355</v>
      </c>
      <c r="H1119">
        <v>393.71</v>
      </c>
      <c r="I1119">
        <v>452.47</v>
      </c>
      <c r="J1119">
        <v>8</v>
      </c>
      <c r="K1119">
        <v>1848</v>
      </c>
      <c r="N1119" s="11"/>
    </row>
    <row r="1120" spans="2:14">
      <c r="B1120" s="2">
        <f t="shared" si="18"/>
        <v>0.79700231481481476</v>
      </c>
      <c r="C1120">
        <v>33420</v>
      </c>
      <c r="D1120">
        <v>445.61</v>
      </c>
      <c r="E1120">
        <v>496.19</v>
      </c>
      <c r="F1120">
        <v>491.8</v>
      </c>
      <c r="G1120">
        <v>353.53</v>
      </c>
      <c r="H1120">
        <v>392.45</v>
      </c>
      <c r="I1120">
        <v>449.78</v>
      </c>
      <c r="J1120">
        <v>8</v>
      </c>
      <c r="K1120">
        <v>1850</v>
      </c>
      <c r="N1120" s="11"/>
    </row>
    <row r="1121" spans="2:14">
      <c r="B1121" s="2">
        <f t="shared" si="18"/>
        <v>0.79734953703703704</v>
      </c>
      <c r="C1121">
        <v>33450</v>
      </c>
      <c r="D1121">
        <v>444.74</v>
      </c>
      <c r="E1121">
        <v>495.69</v>
      </c>
      <c r="F1121">
        <v>490.96</v>
      </c>
      <c r="G1121">
        <v>352.09</v>
      </c>
      <c r="H1121">
        <v>391.23</v>
      </c>
      <c r="I1121">
        <v>446.03</v>
      </c>
      <c r="J1121">
        <v>8</v>
      </c>
      <c r="K1121">
        <v>1850</v>
      </c>
      <c r="N1121" s="11"/>
    </row>
    <row r="1122" spans="2:14">
      <c r="B1122" s="2">
        <f t="shared" si="18"/>
        <v>0.7976967592592592</v>
      </c>
      <c r="C1122">
        <v>33480</v>
      </c>
      <c r="D1122">
        <v>443.87</v>
      </c>
      <c r="E1122">
        <v>494.74</v>
      </c>
      <c r="F1122">
        <v>490.14</v>
      </c>
      <c r="G1122">
        <v>350.67</v>
      </c>
      <c r="H1122">
        <v>390</v>
      </c>
      <c r="I1122">
        <v>447.25</v>
      </c>
      <c r="J1122">
        <v>8</v>
      </c>
      <c r="K1122">
        <v>1851</v>
      </c>
      <c r="N1122" s="11"/>
    </row>
    <row r="1123" spans="2:14">
      <c r="B1123" s="2">
        <f t="shared" si="18"/>
        <v>0.79804398148148148</v>
      </c>
      <c r="C1123">
        <v>33510</v>
      </c>
      <c r="D1123">
        <v>443.01</v>
      </c>
      <c r="E1123">
        <v>494.48</v>
      </c>
      <c r="F1123">
        <v>489.32</v>
      </c>
      <c r="G1123">
        <v>349.23</v>
      </c>
      <c r="H1123">
        <v>388.76</v>
      </c>
      <c r="I1123">
        <v>449.62</v>
      </c>
      <c r="J1123">
        <v>8</v>
      </c>
      <c r="K1123">
        <v>1852</v>
      </c>
      <c r="N1123" s="11"/>
    </row>
    <row r="1124" spans="2:14">
      <c r="B1124" s="2">
        <f t="shared" ref="B1124:B1187" si="19">C1124/24/60/60+$B$3</f>
        <v>0.79839120370370376</v>
      </c>
      <c r="C1124">
        <v>33540</v>
      </c>
      <c r="D1124">
        <v>442.19</v>
      </c>
      <c r="E1124">
        <v>493.86</v>
      </c>
      <c r="F1124">
        <v>488.48</v>
      </c>
      <c r="G1124">
        <v>347.85</v>
      </c>
      <c r="H1124">
        <v>387.55</v>
      </c>
      <c r="I1124">
        <v>443.28</v>
      </c>
      <c r="J1124">
        <v>8</v>
      </c>
      <c r="K1124">
        <v>1852</v>
      </c>
      <c r="N1124" s="11"/>
    </row>
    <row r="1125" spans="2:14">
      <c r="B1125" s="2">
        <f t="shared" si="19"/>
        <v>0.79873842592592592</v>
      </c>
      <c r="C1125">
        <v>33570</v>
      </c>
      <c r="D1125">
        <v>441.38</v>
      </c>
      <c r="E1125">
        <v>492.82</v>
      </c>
      <c r="F1125">
        <v>487.65</v>
      </c>
      <c r="G1125">
        <v>346.44</v>
      </c>
      <c r="H1125">
        <v>386.33</v>
      </c>
      <c r="I1125">
        <v>442.55</v>
      </c>
      <c r="J1125">
        <v>8</v>
      </c>
      <c r="K1125">
        <v>1852</v>
      </c>
      <c r="N1125" s="11"/>
    </row>
    <row r="1126" spans="2:14">
      <c r="B1126" s="2">
        <f t="shared" si="19"/>
        <v>0.79908564814814809</v>
      </c>
      <c r="C1126">
        <v>33600</v>
      </c>
      <c r="D1126">
        <v>440.59</v>
      </c>
      <c r="E1126">
        <v>491.16</v>
      </c>
      <c r="F1126">
        <v>486.82</v>
      </c>
      <c r="G1126">
        <v>345.02</v>
      </c>
      <c r="H1126">
        <v>385.12</v>
      </c>
      <c r="I1126">
        <v>441.46</v>
      </c>
      <c r="J1126">
        <v>8</v>
      </c>
      <c r="K1126">
        <v>1854</v>
      </c>
      <c r="N1126" s="11"/>
    </row>
    <row r="1127" spans="2:14">
      <c r="B1127" s="2">
        <f t="shared" si="19"/>
        <v>0.79943287037037036</v>
      </c>
      <c r="C1127">
        <v>33630</v>
      </c>
      <c r="D1127">
        <v>439.84</v>
      </c>
      <c r="E1127">
        <v>489.26</v>
      </c>
      <c r="F1127">
        <v>486.01</v>
      </c>
      <c r="G1127">
        <v>343.64</v>
      </c>
      <c r="H1127">
        <v>383.95</v>
      </c>
      <c r="I1127">
        <v>440.85</v>
      </c>
      <c r="J1127">
        <v>8</v>
      </c>
      <c r="K1127">
        <v>1854</v>
      </c>
      <c r="N1127" s="11"/>
    </row>
    <row r="1128" spans="2:14">
      <c r="B1128" s="2">
        <f t="shared" si="19"/>
        <v>0.79978009259259264</v>
      </c>
      <c r="C1128">
        <v>33660</v>
      </c>
      <c r="D1128">
        <v>439.08</v>
      </c>
      <c r="E1128">
        <v>491.24</v>
      </c>
      <c r="F1128">
        <v>485.19</v>
      </c>
      <c r="G1128">
        <v>342.27</v>
      </c>
      <c r="H1128">
        <v>382.75</v>
      </c>
      <c r="I1128">
        <v>442.74</v>
      </c>
      <c r="J1128">
        <v>8</v>
      </c>
      <c r="K1128">
        <v>1855</v>
      </c>
      <c r="N1128" s="11"/>
    </row>
    <row r="1129" spans="2:14">
      <c r="B1129" s="2">
        <f t="shared" si="19"/>
        <v>0.80012731481481481</v>
      </c>
      <c r="C1129">
        <v>33690</v>
      </c>
      <c r="D1129">
        <v>438.31</v>
      </c>
      <c r="E1129">
        <v>491.61</v>
      </c>
      <c r="F1129">
        <v>484.36</v>
      </c>
      <c r="G1129">
        <v>340.89</v>
      </c>
      <c r="H1129">
        <v>381.56</v>
      </c>
      <c r="I1129">
        <v>437.22</v>
      </c>
      <c r="J1129">
        <v>8</v>
      </c>
      <c r="K1129">
        <v>1855</v>
      </c>
      <c r="N1129" s="11"/>
    </row>
    <row r="1130" spans="2:14">
      <c r="B1130" s="2">
        <f t="shared" si="19"/>
        <v>0.80047453703703697</v>
      </c>
      <c r="C1130">
        <v>33720</v>
      </c>
      <c r="D1130">
        <v>437.58</v>
      </c>
      <c r="E1130">
        <v>489.96</v>
      </c>
      <c r="F1130">
        <v>483.55</v>
      </c>
      <c r="G1130">
        <v>339.55</v>
      </c>
      <c r="H1130">
        <v>380.4</v>
      </c>
      <c r="I1130">
        <v>438.88</v>
      </c>
      <c r="J1130">
        <v>8</v>
      </c>
      <c r="K1130">
        <v>1856</v>
      </c>
      <c r="N1130" s="11"/>
    </row>
    <row r="1131" spans="2:14">
      <c r="B1131" s="2">
        <f t="shared" si="19"/>
        <v>0.80082175925925925</v>
      </c>
      <c r="C1131">
        <v>33750</v>
      </c>
      <c r="D1131">
        <v>436.85</v>
      </c>
      <c r="E1131">
        <v>488.78</v>
      </c>
      <c r="F1131">
        <v>482.73</v>
      </c>
      <c r="G1131">
        <v>338.17</v>
      </c>
      <c r="H1131">
        <v>379.23</v>
      </c>
      <c r="I1131">
        <v>432.99</v>
      </c>
      <c r="J1131">
        <v>8</v>
      </c>
      <c r="K1131">
        <v>1856</v>
      </c>
      <c r="N1131" s="11"/>
    </row>
    <row r="1132" spans="2:14">
      <c r="B1132" s="2">
        <f t="shared" si="19"/>
        <v>0.80116898148148152</v>
      </c>
      <c r="C1132">
        <v>33780</v>
      </c>
      <c r="D1132">
        <v>436.13</v>
      </c>
      <c r="E1132">
        <v>487.63</v>
      </c>
      <c r="F1132">
        <v>481.9</v>
      </c>
      <c r="G1132">
        <v>336.79</v>
      </c>
      <c r="H1132">
        <v>378.06</v>
      </c>
      <c r="I1132">
        <v>433.25</v>
      </c>
      <c r="J1132">
        <v>8</v>
      </c>
      <c r="K1132">
        <v>1858</v>
      </c>
      <c r="N1132" s="11"/>
    </row>
    <row r="1133" spans="2:14">
      <c r="B1133" s="2">
        <f t="shared" si="19"/>
        <v>0.80151620370370369</v>
      </c>
      <c r="C1133">
        <v>33810</v>
      </c>
      <c r="D1133">
        <v>435.43</v>
      </c>
      <c r="E1133">
        <v>484.4</v>
      </c>
      <c r="F1133">
        <v>481.1</v>
      </c>
      <c r="G1133">
        <v>335.44</v>
      </c>
      <c r="H1133">
        <v>376.91</v>
      </c>
      <c r="I1133">
        <v>440.39</v>
      </c>
      <c r="J1133">
        <v>8</v>
      </c>
      <c r="K1133">
        <v>1858</v>
      </c>
      <c r="N1133" s="11"/>
    </row>
    <row r="1134" spans="2:14">
      <c r="B1134" s="2">
        <f t="shared" si="19"/>
        <v>0.80186342592592585</v>
      </c>
      <c r="C1134">
        <v>33840</v>
      </c>
      <c r="D1134">
        <v>434.76</v>
      </c>
      <c r="E1134">
        <v>483.23</v>
      </c>
      <c r="F1134">
        <v>480.3</v>
      </c>
      <c r="G1134">
        <v>334.11</v>
      </c>
      <c r="H1134">
        <v>375.76</v>
      </c>
      <c r="I1134">
        <v>439.5</v>
      </c>
      <c r="J1134">
        <v>8</v>
      </c>
      <c r="K1134">
        <v>1858</v>
      </c>
      <c r="N1134" s="11"/>
    </row>
    <row r="1135" spans="2:14">
      <c r="B1135" s="2">
        <f t="shared" si="19"/>
        <v>0.80221064814814813</v>
      </c>
      <c r="C1135">
        <v>33870</v>
      </c>
      <c r="D1135">
        <v>434.11</v>
      </c>
      <c r="E1135">
        <v>481.95</v>
      </c>
      <c r="F1135">
        <v>479.5</v>
      </c>
      <c r="G1135">
        <v>332.78</v>
      </c>
      <c r="H1135">
        <v>374.63</v>
      </c>
      <c r="I1135">
        <v>431.94</v>
      </c>
      <c r="J1135">
        <v>8</v>
      </c>
      <c r="K1135">
        <v>1859</v>
      </c>
      <c r="N1135" s="11"/>
    </row>
    <row r="1136" spans="2:14">
      <c r="B1136" s="2">
        <f t="shared" si="19"/>
        <v>0.80255787037037041</v>
      </c>
      <c r="C1136">
        <v>33900</v>
      </c>
      <c r="D1136">
        <v>433.46</v>
      </c>
      <c r="E1136">
        <v>483.14</v>
      </c>
      <c r="F1136">
        <v>478.69</v>
      </c>
      <c r="G1136">
        <v>331.53</v>
      </c>
      <c r="H1136">
        <v>373.51</v>
      </c>
      <c r="I1136">
        <v>433.85</v>
      </c>
      <c r="J1136">
        <v>8</v>
      </c>
      <c r="K1136">
        <v>1859</v>
      </c>
      <c r="N1136" s="11"/>
    </row>
    <row r="1137" spans="2:14">
      <c r="B1137" s="2">
        <f t="shared" si="19"/>
        <v>0.80290509259259257</v>
      </c>
      <c r="C1137">
        <v>33930</v>
      </c>
      <c r="D1137">
        <v>432.78</v>
      </c>
      <c r="E1137">
        <v>482.58</v>
      </c>
      <c r="F1137">
        <v>477.88</v>
      </c>
      <c r="G1137">
        <v>330.22</v>
      </c>
      <c r="H1137">
        <v>372.38</v>
      </c>
      <c r="I1137">
        <v>432.22</v>
      </c>
      <c r="J1137">
        <v>8</v>
      </c>
      <c r="K1137">
        <v>1859</v>
      </c>
      <c r="N1137" s="11"/>
    </row>
    <row r="1138" spans="2:14">
      <c r="B1138" s="2">
        <f t="shared" si="19"/>
        <v>0.80325231481481474</v>
      </c>
      <c r="C1138">
        <v>33960</v>
      </c>
      <c r="D1138">
        <v>432.04</v>
      </c>
      <c r="E1138">
        <v>480.48</v>
      </c>
      <c r="F1138">
        <v>477.08</v>
      </c>
      <c r="G1138">
        <v>328.91</v>
      </c>
      <c r="H1138">
        <v>371.26</v>
      </c>
      <c r="I1138">
        <v>433.95</v>
      </c>
      <c r="J1138">
        <v>8</v>
      </c>
      <c r="K1138">
        <v>1860</v>
      </c>
      <c r="N1138" s="11"/>
    </row>
    <row r="1139" spans="2:14">
      <c r="B1139" s="2">
        <f t="shared" si="19"/>
        <v>0.80359953703703701</v>
      </c>
      <c r="C1139">
        <v>33990</v>
      </c>
      <c r="D1139">
        <v>431.35</v>
      </c>
      <c r="E1139">
        <v>479.8</v>
      </c>
      <c r="F1139">
        <v>476.31</v>
      </c>
      <c r="G1139">
        <v>327.62</v>
      </c>
      <c r="H1139">
        <v>370.15</v>
      </c>
      <c r="I1139">
        <v>430.2</v>
      </c>
      <c r="J1139">
        <v>8</v>
      </c>
      <c r="K1139">
        <v>1861</v>
      </c>
      <c r="N1139" s="11"/>
    </row>
    <row r="1140" spans="2:14">
      <c r="B1140" s="2">
        <f t="shared" si="19"/>
        <v>0.80394675925925929</v>
      </c>
      <c r="C1140">
        <v>34020</v>
      </c>
      <c r="D1140">
        <v>430.65</v>
      </c>
      <c r="E1140">
        <v>478.49</v>
      </c>
      <c r="F1140">
        <v>475.51</v>
      </c>
      <c r="G1140">
        <v>326.32</v>
      </c>
      <c r="H1140">
        <v>369.04</v>
      </c>
      <c r="I1140">
        <v>425.71</v>
      </c>
      <c r="J1140">
        <v>8</v>
      </c>
      <c r="K1140">
        <v>1861</v>
      </c>
      <c r="N1140" s="11"/>
    </row>
    <row r="1141" spans="2:14">
      <c r="B1141" s="2">
        <f t="shared" si="19"/>
        <v>0.80429398148148146</v>
      </c>
      <c r="C1141">
        <v>34050</v>
      </c>
      <c r="D1141">
        <v>430</v>
      </c>
      <c r="E1141">
        <v>477.13</v>
      </c>
      <c r="F1141">
        <v>474.73</v>
      </c>
      <c r="G1141">
        <v>325.05</v>
      </c>
      <c r="H1141">
        <v>367.93</v>
      </c>
      <c r="I1141">
        <v>424.81</v>
      </c>
      <c r="J1141">
        <v>8</v>
      </c>
      <c r="K1141">
        <v>1862</v>
      </c>
      <c r="N1141" s="11"/>
    </row>
    <row r="1142" spans="2:14">
      <c r="B1142" s="2">
        <f t="shared" si="19"/>
        <v>0.80464120370370373</v>
      </c>
      <c r="C1142">
        <v>34080</v>
      </c>
      <c r="D1142">
        <v>429.35</v>
      </c>
      <c r="E1142">
        <v>477.77</v>
      </c>
      <c r="F1142">
        <v>473.97</v>
      </c>
      <c r="G1142">
        <v>323.81</v>
      </c>
      <c r="H1142">
        <v>366.86</v>
      </c>
      <c r="I1142">
        <v>425.12</v>
      </c>
      <c r="J1142">
        <v>8</v>
      </c>
      <c r="K1142">
        <v>1864</v>
      </c>
      <c r="N1142" s="11"/>
    </row>
    <row r="1143" spans="2:14">
      <c r="B1143" s="2">
        <f t="shared" si="19"/>
        <v>0.8049884259259259</v>
      </c>
      <c r="C1143">
        <v>34110</v>
      </c>
      <c r="D1143">
        <v>428.7</v>
      </c>
      <c r="E1143">
        <v>478.34</v>
      </c>
      <c r="F1143">
        <v>473.18</v>
      </c>
      <c r="G1143">
        <v>322.55</v>
      </c>
      <c r="H1143">
        <v>365.75</v>
      </c>
      <c r="I1143">
        <v>423.36</v>
      </c>
      <c r="J1143">
        <v>8</v>
      </c>
      <c r="K1143">
        <v>1866</v>
      </c>
      <c r="N1143" s="11"/>
    </row>
    <row r="1144" spans="2:14">
      <c r="B1144" s="2">
        <f t="shared" si="19"/>
        <v>0.80533564814814818</v>
      </c>
      <c r="C1144">
        <v>34140</v>
      </c>
      <c r="D1144">
        <v>428.03</v>
      </c>
      <c r="E1144">
        <v>476.69</v>
      </c>
      <c r="F1144">
        <v>472.41</v>
      </c>
      <c r="G1144">
        <v>321.29000000000002</v>
      </c>
      <c r="H1144">
        <v>364.66</v>
      </c>
      <c r="I1144">
        <v>427.46</v>
      </c>
      <c r="J1144">
        <v>8</v>
      </c>
      <c r="K1144">
        <v>1867</v>
      </c>
      <c r="N1144" s="11"/>
    </row>
    <row r="1145" spans="2:14">
      <c r="B1145" s="2">
        <f t="shared" si="19"/>
        <v>0.80568287037037045</v>
      </c>
      <c r="C1145">
        <v>34170</v>
      </c>
      <c r="D1145">
        <v>427.4</v>
      </c>
      <c r="E1145">
        <v>475.96</v>
      </c>
      <c r="F1145">
        <v>471.64</v>
      </c>
      <c r="G1145">
        <v>320.06</v>
      </c>
      <c r="H1145">
        <v>363.6</v>
      </c>
      <c r="I1145">
        <v>427.57</v>
      </c>
      <c r="J1145">
        <v>8</v>
      </c>
      <c r="K1145">
        <v>1868</v>
      </c>
      <c r="N1145" s="11"/>
    </row>
    <row r="1146" spans="2:14">
      <c r="B1146" s="2">
        <f t="shared" si="19"/>
        <v>0.80603009259259251</v>
      </c>
      <c r="C1146">
        <v>34200</v>
      </c>
      <c r="D1146">
        <v>426.76</v>
      </c>
      <c r="E1146">
        <v>474.77</v>
      </c>
      <c r="F1146">
        <v>470.87</v>
      </c>
      <c r="G1146">
        <v>318.83</v>
      </c>
      <c r="H1146">
        <v>362.52</v>
      </c>
      <c r="I1146">
        <v>422.57</v>
      </c>
      <c r="J1146">
        <v>8</v>
      </c>
      <c r="K1146">
        <v>1868</v>
      </c>
      <c r="N1146" s="11"/>
    </row>
    <row r="1147" spans="2:14">
      <c r="B1147" s="2">
        <f t="shared" si="19"/>
        <v>0.80637731481481478</v>
      </c>
      <c r="C1147">
        <v>34230</v>
      </c>
      <c r="D1147">
        <v>426.08</v>
      </c>
      <c r="E1147">
        <v>474.12</v>
      </c>
      <c r="F1147">
        <v>470.09</v>
      </c>
      <c r="G1147">
        <v>317.61</v>
      </c>
      <c r="H1147">
        <v>361.46</v>
      </c>
      <c r="I1147">
        <v>422.61</v>
      </c>
      <c r="J1147">
        <v>8</v>
      </c>
      <c r="K1147">
        <v>1868</v>
      </c>
      <c r="N1147" s="11"/>
    </row>
    <row r="1148" spans="2:14">
      <c r="B1148" s="2">
        <f t="shared" si="19"/>
        <v>0.80672453703703706</v>
      </c>
      <c r="C1148">
        <v>34260</v>
      </c>
      <c r="D1148">
        <v>425.44</v>
      </c>
      <c r="E1148">
        <v>473.45</v>
      </c>
      <c r="F1148">
        <v>469.34</v>
      </c>
      <c r="G1148">
        <v>316.38</v>
      </c>
      <c r="H1148">
        <v>360.41</v>
      </c>
      <c r="I1148">
        <v>428.38</v>
      </c>
      <c r="J1148">
        <v>8</v>
      </c>
      <c r="K1148">
        <v>1868</v>
      </c>
      <c r="N1148" s="11"/>
    </row>
    <row r="1149" spans="2:14">
      <c r="B1149" s="2">
        <f t="shared" si="19"/>
        <v>0.80707175925925922</v>
      </c>
      <c r="C1149">
        <v>34290</v>
      </c>
      <c r="D1149">
        <v>424.82</v>
      </c>
      <c r="E1149">
        <v>473.63</v>
      </c>
      <c r="F1149">
        <v>468.57</v>
      </c>
      <c r="G1149">
        <v>315.17</v>
      </c>
      <c r="H1149">
        <v>359.37</v>
      </c>
      <c r="I1149">
        <v>421.19</v>
      </c>
      <c r="J1149">
        <v>8</v>
      </c>
      <c r="K1149">
        <v>1870</v>
      </c>
      <c r="N1149" s="11"/>
    </row>
    <row r="1150" spans="2:14">
      <c r="B1150" s="2">
        <f t="shared" si="19"/>
        <v>0.80741898148148139</v>
      </c>
      <c r="C1150">
        <v>34320</v>
      </c>
      <c r="D1150">
        <v>424.2</v>
      </c>
      <c r="E1150">
        <v>472.26</v>
      </c>
      <c r="F1150">
        <v>467.78</v>
      </c>
      <c r="G1150">
        <v>313.95999999999998</v>
      </c>
      <c r="H1150">
        <v>358.31</v>
      </c>
      <c r="I1150">
        <v>419.38</v>
      </c>
      <c r="J1150">
        <v>8</v>
      </c>
      <c r="K1150">
        <v>1869</v>
      </c>
      <c r="N1150" s="11"/>
    </row>
    <row r="1151" spans="2:14">
      <c r="B1151" s="2">
        <f t="shared" si="19"/>
        <v>0.80776620370370367</v>
      </c>
      <c r="C1151">
        <v>34350</v>
      </c>
      <c r="D1151">
        <v>423.58</v>
      </c>
      <c r="E1151">
        <v>470.3</v>
      </c>
      <c r="F1151">
        <v>467.04</v>
      </c>
      <c r="G1151">
        <v>312.79000000000002</v>
      </c>
      <c r="H1151">
        <v>357.29</v>
      </c>
      <c r="I1151">
        <v>415.85</v>
      </c>
      <c r="J1151">
        <v>8</v>
      </c>
      <c r="K1151">
        <v>1870</v>
      </c>
      <c r="N1151" s="11"/>
    </row>
    <row r="1152" spans="2:14">
      <c r="B1152" s="2">
        <f t="shared" si="19"/>
        <v>0.80811342592592594</v>
      </c>
      <c r="C1152">
        <v>34380</v>
      </c>
      <c r="D1152">
        <v>422.93</v>
      </c>
      <c r="E1152">
        <v>468.54</v>
      </c>
      <c r="F1152">
        <v>466.26</v>
      </c>
      <c r="G1152">
        <v>311.58999999999997</v>
      </c>
      <c r="H1152">
        <v>356.24</v>
      </c>
      <c r="I1152">
        <v>415.71</v>
      </c>
      <c r="J1152">
        <v>8</v>
      </c>
      <c r="K1152">
        <v>1871</v>
      </c>
      <c r="N1152" s="11"/>
    </row>
    <row r="1153" spans="2:14">
      <c r="B1153" s="2">
        <f t="shared" si="19"/>
        <v>0.80846064814814811</v>
      </c>
      <c r="C1153">
        <v>34410</v>
      </c>
      <c r="D1153">
        <v>422.3</v>
      </c>
      <c r="E1153">
        <v>469.3</v>
      </c>
      <c r="F1153">
        <v>465.49</v>
      </c>
      <c r="G1153">
        <v>310.38</v>
      </c>
      <c r="H1153">
        <v>355.21</v>
      </c>
      <c r="I1153">
        <v>417.3</v>
      </c>
      <c r="J1153">
        <v>8</v>
      </c>
      <c r="K1153">
        <v>1872</v>
      </c>
      <c r="N1153" s="11"/>
    </row>
    <row r="1154" spans="2:14">
      <c r="B1154" s="2">
        <f t="shared" si="19"/>
        <v>0.80880787037037039</v>
      </c>
      <c r="C1154">
        <v>34440</v>
      </c>
      <c r="D1154">
        <v>421.71</v>
      </c>
      <c r="E1154">
        <v>470.4</v>
      </c>
      <c r="F1154">
        <v>464.72</v>
      </c>
      <c r="G1154">
        <v>309.22000000000003</v>
      </c>
      <c r="H1154">
        <v>354.21</v>
      </c>
      <c r="I1154">
        <v>417.31</v>
      </c>
      <c r="J1154">
        <v>8</v>
      </c>
      <c r="K1154">
        <v>1873</v>
      </c>
      <c r="N1154" s="11"/>
    </row>
    <row r="1155" spans="2:14">
      <c r="B1155" s="2">
        <f t="shared" si="19"/>
        <v>0.80915509259259255</v>
      </c>
      <c r="C1155">
        <v>34470</v>
      </c>
      <c r="D1155">
        <v>421.08</v>
      </c>
      <c r="E1155">
        <v>469.21</v>
      </c>
      <c r="F1155">
        <v>463.96</v>
      </c>
      <c r="G1155">
        <v>308.06</v>
      </c>
      <c r="H1155">
        <v>353.2</v>
      </c>
      <c r="I1155">
        <v>416.18</v>
      </c>
      <c r="J1155">
        <v>8</v>
      </c>
      <c r="K1155">
        <v>1873</v>
      </c>
      <c r="N1155" s="11"/>
    </row>
    <row r="1156" spans="2:14">
      <c r="B1156" s="2">
        <f t="shared" si="19"/>
        <v>0.80950231481481483</v>
      </c>
      <c r="C1156">
        <v>34500</v>
      </c>
      <c r="D1156">
        <v>420.44</v>
      </c>
      <c r="E1156">
        <v>469.54</v>
      </c>
      <c r="F1156">
        <v>463.2</v>
      </c>
      <c r="G1156">
        <v>306.91000000000003</v>
      </c>
      <c r="H1156">
        <v>352.19</v>
      </c>
      <c r="I1156">
        <v>420.07</v>
      </c>
      <c r="J1156">
        <v>8</v>
      </c>
      <c r="K1156">
        <v>1874</v>
      </c>
      <c r="N1156" s="11"/>
    </row>
    <row r="1157" spans="2:14">
      <c r="B1157" s="2">
        <f t="shared" si="19"/>
        <v>0.8098495370370371</v>
      </c>
      <c r="C1157">
        <v>34530</v>
      </c>
      <c r="D1157">
        <v>419.83</v>
      </c>
      <c r="E1157">
        <v>468.43</v>
      </c>
      <c r="F1157">
        <v>462.45</v>
      </c>
      <c r="G1157">
        <v>305.76</v>
      </c>
      <c r="H1157">
        <v>351.2</v>
      </c>
      <c r="I1157">
        <v>411.47</v>
      </c>
      <c r="J1157">
        <v>8</v>
      </c>
      <c r="K1157">
        <v>1874</v>
      </c>
      <c r="N1157" s="11"/>
    </row>
    <row r="1158" spans="2:14">
      <c r="B1158" s="2">
        <f t="shared" si="19"/>
        <v>0.81019675925925927</v>
      </c>
      <c r="C1158">
        <v>34560</v>
      </c>
      <c r="D1158">
        <v>419.2</v>
      </c>
      <c r="E1158">
        <v>466.76</v>
      </c>
      <c r="F1158">
        <v>461.69</v>
      </c>
      <c r="G1158">
        <v>304.60000000000002</v>
      </c>
      <c r="H1158">
        <v>350.2</v>
      </c>
      <c r="I1158">
        <v>409.76</v>
      </c>
      <c r="J1158">
        <v>8</v>
      </c>
      <c r="K1158">
        <v>1873</v>
      </c>
      <c r="N1158" s="11"/>
    </row>
    <row r="1159" spans="2:14">
      <c r="B1159" s="2">
        <f t="shared" si="19"/>
        <v>0.81054398148148143</v>
      </c>
      <c r="C1159">
        <v>34590</v>
      </c>
      <c r="D1159">
        <v>418.59</v>
      </c>
      <c r="E1159">
        <v>466.03</v>
      </c>
      <c r="F1159">
        <v>460.94</v>
      </c>
      <c r="G1159">
        <v>303.45999999999998</v>
      </c>
      <c r="H1159">
        <v>349.21</v>
      </c>
      <c r="I1159">
        <v>409.1</v>
      </c>
      <c r="J1159">
        <v>8</v>
      </c>
      <c r="K1159">
        <v>1873</v>
      </c>
      <c r="N1159" s="11"/>
    </row>
    <row r="1160" spans="2:14">
      <c r="B1160" s="2">
        <f t="shared" si="19"/>
        <v>0.81089120370370371</v>
      </c>
      <c r="C1160">
        <v>34620</v>
      </c>
      <c r="D1160">
        <v>418</v>
      </c>
      <c r="E1160">
        <v>464.14</v>
      </c>
      <c r="F1160">
        <v>460.21</v>
      </c>
      <c r="G1160">
        <v>302.26</v>
      </c>
      <c r="H1160">
        <v>348.24</v>
      </c>
      <c r="I1160">
        <v>411.11</v>
      </c>
      <c r="J1160">
        <v>8</v>
      </c>
      <c r="K1160">
        <v>1875</v>
      </c>
      <c r="N1160" s="11"/>
    </row>
    <row r="1161" spans="2:14">
      <c r="B1161" s="2">
        <f t="shared" si="19"/>
        <v>0.81123842592592599</v>
      </c>
      <c r="C1161">
        <v>34650</v>
      </c>
      <c r="D1161">
        <v>417.41</v>
      </c>
      <c r="E1161">
        <v>462.69</v>
      </c>
      <c r="F1161">
        <v>459.46</v>
      </c>
      <c r="G1161">
        <v>300.99</v>
      </c>
      <c r="H1161">
        <v>347.26</v>
      </c>
      <c r="I1161">
        <v>407.23</v>
      </c>
      <c r="J1161">
        <v>8</v>
      </c>
      <c r="K1161">
        <v>1875</v>
      </c>
      <c r="N1161" s="11"/>
    </row>
    <row r="1162" spans="2:14">
      <c r="B1162" s="2">
        <f t="shared" si="19"/>
        <v>0.81158564814814804</v>
      </c>
      <c r="C1162">
        <v>34680</v>
      </c>
      <c r="D1162">
        <v>416.82</v>
      </c>
      <c r="E1162">
        <v>462.47</v>
      </c>
      <c r="F1162">
        <v>458.71</v>
      </c>
      <c r="G1162">
        <v>299.95</v>
      </c>
      <c r="H1162">
        <v>346.27</v>
      </c>
      <c r="I1162">
        <v>407.29</v>
      </c>
      <c r="J1162">
        <v>8</v>
      </c>
      <c r="K1162">
        <v>1873</v>
      </c>
      <c r="N1162" s="11"/>
    </row>
    <row r="1163" spans="2:14">
      <c r="B1163" s="2">
        <f t="shared" si="19"/>
        <v>0.81193287037037032</v>
      </c>
      <c r="C1163">
        <v>34710</v>
      </c>
      <c r="D1163">
        <v>416.24</v>
      </c>
      <c r="E1163">
        <v>462.32</v>
      </c>
      <c r="F1163">
        <v>457.97</v>
      </c>
      <c r="G1163">
        <v>298.89</v>
      </c>
      <c r="H1163">
        <v>345.32</v>
      </c>
      <c r="I1163">
        <v>410.61</v>
      </c>
      <c r="J1163">
        <v>8</v>
      </c>
      <c r="K1163">
        <v>1875</v>
      </c>
      <c r="N1163" s="11"/>
    </row>
    <row r="1164" spans="2:14">
      <c r="B1164" s="2">
        <f t="shared" si="19"/>
        <v>0.8122800925925926</v>
      </c>
      <c r="C1164">
        <v>34740</v>
      </c>
      <c r="D1164">
        <v>415.63</v>
      </c>
      <c r="E1164">
        <v>463.28</v>
      </c>
      <c r="F1164">
        <v>457.23</v>
      </c>
      <c r="G1164">
        <v>297.8</v>
      </c>
      <c r="H1164">
        <v>344.35</v>
      </c>
      <c r="I1164">
        <v>408.99</v>
      </c>
      <c r="J1164">
        <v>8</v>
      </c>
      <c r="K1164">
        <v>1876</v>
      </c>
      <c r="N1164" s="11"/>
    </row>
    <row r="1165" spans="2:14">
      <c r="B1165" s="2">
        <f t="shared" si="19"/>
        <v>0.81262731481481476</v>
      </c>
      <c r="C1165">
        <v>34770</v>
      </c>
      <c r="D1165">
        <v>415.03</v>
      </c>
      <c r="E1165">
        <v>461.69</v>
      </c>
      <c r="F1165">
        <v>456.48</v>
      </c>
      <c r="G1165">
        <v>296.7</v>
      </c>
      <c r="H1165">
        <v>343.4</v>
      </c>
      <c r="I1165">
        <v>410.86</v>
      </c>
      <c r="J1165">
        <v>8</v>
      </c>
      <c r="K1165">
        <v>1875</v>
      </c>
      <c r="N1165" s="11"/>
    </row>
    <row r="1166" spans="2:14">
      <c r="B1166" s="2">
        <f t="shared" si="19"/>
        <v>0.81297453703703704</v>
      </c>
      <c r="C1166">
        <v>34800</v>
      </c>
      <c r="D1166">
        <v>414.46</v>
      </c>
      <c r="E1166">
        <v>460.83</v>
      </c>
      <c r="F1166">
        <v>455.74</v>
      </c>
      <c r="G1166">
        <v>295.61</v>
      </c>
      <c r="H1166">
        <v>342.46</v>
      </c>
      <c r="I1166">
        <v>406.91</v>
      </c>
      <c r="J1166">
        <v>8</v>
      </c>
      <c r="K1166">
        <v>1875</v>
      </c>
      <c r="N1166" s="11"/>
    </row>
    <row r="1167" spans="2:14">
      <c r="B1167" s="2">
        <f t="shared" si="19"/>
        <v>0.8133217592592592</v>
      </c>
      <c r="C1167">
        <v>34830</v>
      </c>
      <c r="D1167">
        <v>413.89</v>
      </c>
      <c r="E1167">
        <v>458.57</v>
      </c>
      <c r="F1167">
        <v>454.99</v>
      </c>
      <c r="G1167">
        <v>294.52999999999997</v>
      </c>
      <c r="H1167">
        <v>341.52</v>
      </c>
      <c r="I1167">
        <v>404.36</v>
      </c>
      <c r="J1167">
        <v>8</v>
      </c>
      <c r="K1167">
        <v>1874</v>
      </c>
      <c r="N1167" s="11"/>
    </row>
    <row r="1168" spans="2:14">
      <c r="B1168" s="2">
        <f t="shared" si="19"/>
        <v>0.81366898148148148</v>
      </c>
      <c r="C1168">
        <v>34860</v>
      </c>
      <c r="D1168">
        <v>413.33</v>
      </c>
      <c r="E1168">
        <v>459.26</v>
      </c>
      <c r="F1168">
        <v>454.25</v>
      </c>
      <c r="G1168">
        <v>293.45</v>
      </c>
      <c r="H1168">
        <v>340.58</v>
      </c>
      <c r="I1168">
        <v>400.67</v>
      </c>
      <c r="J1168">
        <v>8</v>
      </c>
      <c r="K1168">
        <v>1874</v>
      </c>
      <c r="N1168" s="11"/>
    </row>
    <row r="1169" spans="2:14">
      <c r="B1169" s="2">
        <f t="shared" si="19"/>
        <v>0.81401620370370376</v>
      </c>
      <c r="C1169">
        <v>34890</v>
      </c>
      <c r="D1169">
        <v>412.78</v>
      </c>
      <c r="E1169">
        <v>458</v>
      </c>
      <c r="F1169">
        <v>453.52</v>
      </c>
      <c r="G1169">
        <v>292.39</v>
      </c>
      <c r="H1169">
        <v>339.66</v>
      </c>
      <c r="I1169">
        <v>401.9</v>
      </c>
      <c r="J1169">
        <v>8</v>
      </c>
      <c r="K1169">
        <v>1874</v>
      </c>
      <c r="N1169" s="11"/>
    </row>
    <row r="1170" spans="2:14">
      <c r="B1170" s="2">
        <f t="shared" si="19"/>
        <v>0.81436342592592592</v>
      </c>
      <c r="C1170">
        <v>34920</v>
      </c>
      <c r="D1170">
        <v>412.21</v>
      </c>
      <c r="E1170">
        <v>457.54</v>
      </c>
      <c r="F1170">
        <v>452.78</v>
      </c>
      <c r="G1170">
        <v>291.31</v>
      </c>
      <c r="H1170">
        <v>338.74</v>
      </c>
      <c r="I1170">
        <v>405.39</v>
      </c>
      <c r="J1170">
        <v>8</v>
      </c>
      <c r="K1170">
        <v>1875</v>
      </c>
      <c r="N1170" s="11"/>
    </row>
    <row r="1171" spans="2:14">
      <c r="B1171" s="2">
        <f t="shared" si="19"/>
        <v>0.81471064814814809</v>
      </c>
      <c r="C1171">
        <v>34950</v>
      </c>
      <c r="D1171">
        <v>411.61</v>
      </c>
      <c r="E1171">
        <v>457.13</v>
      </c>
      <c r="F1171">
        <v>452.05</v>
      </c>
      <c r="G1171">
        <v>290.27</v>
      </c>
      <c r="H1171">
        <v>337.81</v>
      </c>
      <c r="I1171">
        <v>400.82</v>
      </c>
      <c r="J1171">
        <v>8</v>
      </c>
      <c r="K1171">
        <v>1874</v>
      </c>
      <c r="N1171" s="11"/>
    </row>
    <row r="1172" spans="2:14">
      <c r="B1172" s="2">
        <f t="shared" si="19"/>
        <v>0.81505787037037036</v>
      </c>
      <c r="C1172">
        <v>34980</v>
      </c>
      <c r="D1172">
        <v>411.07</v>
      </c>
      <c r="E1172">
        <v>457.67</v>
      </c>
      <c r="F1172">
        <v>451.32</v>
      </c>
      <c r="G1172">
        <v>289.25</v>
      </c>
      <c r="H1172">
        <v>336.92</v>
      </c>
      <c r="I1172">
        <v>399.21</v>
      </c>
      <c r="J1172">
        <v>8</v>
      </c>
      <c r="K1172">
        <v>1874</v>
      </c>
      <c r="N1172" s="11"/>
    </row>
    <row r="1173" spans="2:14">
      <c r="B1173" s="2">
        <f t="shared" si="19"/>
        <v>0.81540509259259264</v>
      </c>
      <c r="C1173">
        <v>35010</v>
      </c>
      <c r="D1173">
        <v>410.51</v>
      </c>
      <c r="E1173">
        <v>456.95</v>
      </c>
      <c r="F1173">
        <v>450.57</v>
      </c>
      <c r="G1173">
        <v>288.18</v>
      </c>
      <c r="H1173">
        <v>336.01</v>
      </c>
      <c r="I1173">
        <v>398.5</v>
      </c>
      <c r="J1173">
        <v>8</v>
      </c>
      <c r="K1173">
        <v>1875</v>
      </c>
      <c r="N1173" s="11"/>
    </row>
    <row r="1174" spans="2:14">
      <c r="B1174" s="2">
        <f t="shared" si="19"/>
        <v>0.81575231481481481</v>
      </c>
      <c r="C1174">
        <v>35040</v>
      </c>
      <c r="D1174">
        <v>409.92</v>
      </c>
      <c r="E1174">
        <v>456.28</v>
      </c>
      <c r="F1174">
        <v>449.83</v>
      </c>
      <c r="G1174">
        <v>287.11</v>
      </c>
      <c r="H1174">
        <v>335.1</v>
      </c>
      <c r="I1174">
        <v>401.52</v>
      </c>
      <c r="J1174">
        <v>8</v>
      </c>
      <c r="K1174">
        <v>1871</v>
      </c>
      <c r="N1174" s="11"/>
    </row>
    <row r="1175" spans="2:14">
      <c r="B1175" s="2">
        <f t="shared" si="19"/>
        <v>0.81609953703703697</v>
      </c>
      <c r="C1175">
        <v>35070</v>
      </c>
      <c r="D1175">
        <v>409.37</v>
      </c>
      <c r="E1175">
        <v>454.46</v>
      </c>
      <c r="F1175">
        <v>449.1</v>
      </c>
      <c r="G1175">
        <v>286.08</v>
      </c>
      <c r="H1175">
        <v>334.21</v>
      </c>
      <c r="I1175">
        <v>398.83</v>
      </c>
      <c r="J1175">
        <v>8</v>
      </c>
      <c r="K1175">
        <v>1873</v>
      </c>
      <c r="N1175" s="11"/>
    </row>
    <row r="1176" spans="2:14">
      <c r="B1176" s="2">
        <f t="shared" si="19"/>
        <v>0.81644675925925925</v>
      </c>
      <c r="C1176">
        <v>35100</v>
      </c>
      <c r="D1176">
        <v>408.78</v>
      </c>
      <c r="E1176">
        <v>453.58</v>
      </c>
      <c r="F1176">
        <v>448.38</v>
      </c>
      <c r="G1176">
        <v>285.04000000000002</v>
      </c>
      <c r="H1176">
        <v>333.32</v>
      </c>
      <c r="I1176">
        <v>397.94</v>
      </c>
      <c r="J1176">
        <v>8</v>
      </c>
      <c r="K1176">
        <v>1873</v>
      </c>
      <c r="N1176" s="11"/>
    </row>
    <row r="1177" spans="2:14">
      <c r="B1177" s="2">
        <f t="shared" si="19"/>
        <v>0.81679398148148152</v>
      </c>
      <c r="C1177">
        <v>35130</v>
      </c>
      <c r="D1177">
        <v>408.18</v>
      </c>
      <c r="E1177">
        <v>451.66</v>
      </c>
      <c r="F1177">
        <v>447.64</v>
      </c>
      <c r="G1177">
        <v>284</v>
      </c>
      <c r="H1177">
        <v>332.44</v>
      </c>
      <c r="I1177">
        <v>396.73</v>
      </c>
      <c r="J1177">
        <v>8</v>
      </c>
      <c r="K1177">
        <v>1874</v>
      </c>
      <c r="N1177" s="11"/>
    </row>
    <row r="1178" spans="2:14">
      <c r="B1178" s="2">
        <f t="shared" si="19"/>
        <v>0.81714120370370369</v>
      </c>
      <c r="C1178">
        <v>35160</v>
      </c>
      <c r="D1178">
        <v>407.6</v>
      </c>
      <c r="E1178">
        <v>452.25</v>
      </c>
      <c r="F1178">
        <v>446.93</v>
      </c>
      <c r="G1178">
        <v>283</v>
      </c>
      <c r="H1178">
        <v>331.57</v>
      </c>
      <c r="I1178">
        <v>395.76</v>
      </c>
      <c r="J1178">
        <v>8</v>
      </c>
      <c r="K1178">
        <v>1872</v>
      </c>
      <c r="N1178" s="11"/>
    </row>
    <row r="1179" spans="2:14">
      <c r="B1179" s="2">
        <f t="shared" si="19"/>
        <v>0.81748842592592585</v>
      </c>
      <c r="C1179">
        <v>35190</v>
      </c>
      <c r="D1179">
        <v>407.04</v>
      </c>
      <c r="E1179">
        <v>451.48</v>
      </c>
      <c r="F1179">
        <v>446.2</v>
      </c>
      <c r="G1179">
        <v>281.99</v>
      </c>
      <c r="H1179">
        <v>330.7</v>
      </c>
      <c r="I1179">
        <v>393.12</v>
      </c>
      <c r="J1179">
        <v>8</v>
      </c>
      <c r="K1179">
        <v>1871</v>
      </c>
      <c r="N1179" s="11"/>
    </row>
    <row r="1180" spans="2:14">
      <c r="B1180" s="2">
        <f t="shared" si="19"/>
        <v>0.81783564814814813</v>
      </c>
      <c r="C1180">
        <v>35220</v>
      </c>
      <c r="D1180">
        <v>406.49</v>
      </c>
      <c r="E1180">
        <v>451.54</v>
      </c>
      <c r="F1180">
        <v>445.47</v>
      </c>
      <c r="G1180">
        <v>280.98</v>
      </c>
      <c r="H1180">
        <v>329.82</v>
      </c>
      <c r="I1180">
        <v>399.83</v>
      </c>
      <c r="J1180">
        <v>8</v>
      </c>
      <c r="K1180">
        <v>1872</v>
      </c>
      <c r="N1180" s="11"/>
    </row>
    <row r="1181" spans="2:14">
      <c r="B1181" s="2">
        <f t="shared" si="19"/>
        <v>0.81818287037037041</v>
      </c>
      <c r="C1181">
        <v>35250</v>
      </c>
      <c r="D1181">
        <v>405.94</v>
      </c>
      <c r="E1181">
        <v>450.88</v>
      </c>
      <c r="F1181">
        <v>444.76</v>
      </c>
      <c r="G1181">
        <v>279.99</v>
      </c>
      <c r="H1181">
        <v>328.97</v>
      </c>
      <c r="I1181">
        <v>395.53</v>
      </c>
      <c r="J1181">
        <v>8</v>
      </c>
      <c r="K1181">
        <v>1870</v>
      </c>
      <c r="N1181" s="11"/>
    </row>
    <row r="1182" spans="2:14">
      <c r="B1182" s="2">
        <f t="shared" si="19"/>
        <v>0.81853009259259257</v>
      </c>
      <c r="C1182">
        <v>35280</v>
      </c>
      <c r="D1182">
        <v>405.38</v>
      </c>
      <c r="E1182">
        <v>450.19</v>
      </c>
      <c r="F1182">
        <v>444.04</v>
      </c>
      <c r="G1182">
        <v>278.99</v>
      </c>
      <c r="H1182">
        <v>328.1</v>
      </c>
      <c r="I1182">
        <v>391.66</v>
      </c>
      <c r="J1182">
        <v>8</v>
      </c>
      <c r="K1182">
        <v>1869</v>
      </c>
      <c r="N1182" s="11"/>
    </row>
    <row r="1183" spans="2:14">
      <c r="B1183" s="2">
        <f t="shared" si="19"/>
        <v>0.81887731481481474</v>
      </c>
      <c r="C1183">
        <v>35310</v>
      </c>
      <c r="D1183">
        <v>404.84</v>
      </c>
      <c r="E1183">
        <v>449.18</v>
      </c>
      <c r="F1183">
        <v>443.33</v>
      </c>
      <c r="G1183">
        <v>277.95999999999998</v>
      </c>
      <c r="H1183">
        <v>327.24</v>
      </c>
      <c r="I1183">
        <v>387.31</v>
      </c>
      <c r="J1183">
        <v>8</v>
      </c>
      <c r="K1183">
        <v>1868</v>
      </c>
      <c r="N1183" s="11"/>
    </row>
    <row r="1184" spans="2:14">
      <c r="B1184" s="2">
        <f t="shared" si="19"/>
        <v>0.81922453703703701</v>
      </c>
      <c r="C1184">
        <v>35340</v>
      </c>
      <c r="D1184">
        <v>404.35</v>
      </c>
      <c r="E1184">
        <v>448.9</v>
      </c>
      <c r="F1184">
        <v>442.61</v>
      </c>
      <c r="G1184">
        <v>276.95999999999998</v>
      </c>
      <c r="H1184">
        <v>326.39</v>
      </c>
      <c r="I1184">
        <v>390.02</v>
      </c>
      <c r="J1184">
        <v>8</v>
      </c>
      <c r="K1184">
        <v>1867</v>
      </c>
      <c r="N1184" s="11"/>
    </row>
    <row r="1185" spans="2:14">
      <c r="B1185" s="2">
        <f t="shared" si="19"/>
        <v>0.81957175925925929</v>
      </c>
      <c r="C1185">
        <v>35370</v>
      </c>
      <c r="D1185">
        <v>403.82</v>
      </c>
      <c r="E1185">
        <v>448.25</v>
      </c>
      <c r="F1185">
        <v>441.88</v>
      </c>
      <c r="G1185">
        <v>275.97000000000003</v>
      </c>
      <c r="H1185">
        <v>325.54000000000002</v>
      </c>
      <c r="I1185">
        <v>387.54</v>
      </c>
      <c r="J1185">
        <v>8</v>
      </c>
      <c r="K1185">
        <v>1866</v>
      </c>
      <c r="N1185" s="11"/>
    </row>
    <row r="1186" spans="2:14">
      <c r="B1186" s="2">
        <f t="shared" si="19"/>
        <v>0.81991898148148146</v>
      </c>
      <c r="C1186">
        <v>35400</v>
      </c>
      <c r="D1186">
        <v>403.32</v>
      </c>
      <c r="E1186">
        <v>447.16</v>
      </c>
      <c r="F1186">
        <v>441.18</v>
      </c>
      <c r="G1186">
        <v>275.02999999999997</v>
      </c>
      <c r="H1186">
        <v>324.72000000000003</v>
      </c>
      <c r="I1186">
        <v>384.12</v>
      </c>
      <c r="J1186">
        <v>8</v>
      </c>
      <c r="K1186">
        <v>1866</v>
      </c>
      <c r="N1186" s="11"/>
    </row>
    <row r="1187" spans="2:14">
      <c r="B1187" s="2">
        <f t="shared" si="19"/>
        <v>0.82026620370370373</v>
      </c>
      <c r="C1187">
        <v>35430</v>
      </c>
      <c r="D1187">
        <v>402.8</v>
      </c>
      <c r="E1187">
        <v>446.33</v>
      </c>
      <c r="F1187">
        <v>440.47</v>
      </c>
      <c r="G1187">
        <v>274.08</v>
      </c>
      <c r="H1187">
        <v>323.88</v>
      </c>
      <c r="I1187">
        <v>387.98</v>
      </c>
      <c r="J1187">
        <v>8</v>
      </c>
      <c r="K1187">
        <v>1864</v>
      </c>
      <c r="N1187" s="11"/>
    </row>
    <row r="1188" spans="2:14">
      <c r="B1188" s="2">
        <f t="shared" ref="B1188:B1228" si="20">C1188/24/60/60+$B$3</f>
        <v>0.8206134259259259</v>
      </c>
      <c r="C1188">
        <v>35460</v>
      </c>
      <c r="D1188">
        <v>402.3</v>
      </c>
      <c r="E1188">
        <v>444.05</v>
      </c>
      <c r="F1188">
        <v>439.76</v>
      </c>
      <c r="G1188">
        <v>273.10000000000002</v>
      </c>
      <c r="H1188">
        <v>323.05</v>
      </c>
      <c r="I1188">
        <v>390.25</v>
      </c>
      <c r="J1188">
        <v>8</v>
      </c>
      <c r="K1188">
        <v>1863</v>
      </c>
      <c r="N1188" s="11"/>
    </row>
    <row r="1189" spans="2:14">
      <c r="B1189" s="2">
        <f t="shared" si="20"/>
        <v>0.82096064814814818</v>
      </c>
      <c r="C1189">
        <v>35490</v>
      </c>
      <c r="D1189">
        <v>401.77</v>
      </c>
      <c r="E1189">
        <v>444.04</v>
      </c>
      <c r="F1189">
        <v>439.04</v>
      </c>
      <c r="G1189">
        <v>272.16000000000003</v>
      </c>
      <c r="H1189">
        <v>322.24</v>
      </c>
      <c r="I1189">
        <v>392.76</v>
      </c>
      <c r="J1189">
        <v>8</v>
      </c>
      <c r="K1189">
        <v>1862</v>
      </c>
      <c r="N1189" s="11"/>
    </row>
    <row r="1190" spans="2:14">
      <c r="B1190" s="2">
        <f t="shared" si="20"/>
        <v>0.82130787037037045</v>
      </c>
      <c r="C1190">
        <v>35520</v>
      </c>
      <c r="D1190">
        <v>401.25</v>
      </c>
      <c r="E1190">
        <v>443.53</v>
      </c>
      <c r="F1190">
        <v>438.33</v>
      </c>
      <c r="G1190">
        <v>271.19</v>
      </c>
      <c r="H1190">
        <v>321.41000000000003</v>
      </c>
      <c r="I1190">
        <v>386.67</v>
      </c>
      <c r="J1190">
        <v>8</v>
      </c>
      <c r="K1190">
        <v>1861</v>
      </c>
      <c r="N1190" s="11"/>
    </row>
    <row r="1191" spans="2:14">
      <c r="B1191" s="2">
        <f t="shared" si="20"/>
        <v>0.82165509259259251</v>
      </c>
      <c r="C1191">
        <v>35550</v>
      </c>
      <c r="D1191">
        <v>400.73</v>
      </c>
      <c r="E1191">
        <v>443.11</v>
      </c>
      <c r="F1191">
        <v>437.63</v>
      </c>
      <c r="G1191">
        <v>270.24</v>
      </c>
      <c r="H1191">
        <v>320.58999999999997</v>
      </c>
      <c r="I1191">
        <v>384.05</v>
      </c>
      <c r="J1191">
        <v>8</v>
      </c>
      <c r="K1191">
        <v>1860</v>
      </c>
      <c r="N1191" s="11"/>
    </row>
    <row r="1192" spans="2:14">
      <c r="B1192" s="2">
        <f t="shared" si="20"/>
        <v>0.82200231481481478</v>
      </c>
      <c r="C1192">
        <v>35580</v>
      </c>
      <c r="D1192">
        <v>400.25</v>
      </c>
      <c r="E1192">
        <v>441.66</v>
      </c>
      <c r="F1192">
        <v>436.93</v>
      </c>
      <c r="G1192">
        <v>269.3</v>
      </c>
      <c r="H1192">
        <v>319.79000000000002</v>
      </c>
      <c r="I1192">
        <v>385.4</v>
      </c>
      <c r="J1192">
        <v>8</v>
      </c>
      <c r="K1192">
        <v>1861</v>
      </c>
      <c r="N1192" s="11"/>
    </row>
    <row r="1193" spans="2:14">
      <c r="B1193" s="2">
        <f t="shared" si="20"/>
        <v>0.82234953703703706</v>
      </c>
      <c r="C1193">
        <v>35610</v>
      </c>
      <c r="D1193">
        <v>399.71</v>
      </c>
      <c r="E1193">
        <v>441.54</v>
      </c>
      <c r="F1193">
        <v>436.21</v>
      </c>
      <c r="G1193">
        <v>268.33999999999997</v>
      </c>
      <c r="H1193">
        <v>318.97000000000003</v>
      </c>
      <c r="I1193">
        <v>382.87</v>
      </c>
      <c r="J1193">
        <v>8</v>
      </c>
      <c r="K1193">
        <v>1859</v>
      </c>
      <c r="N1193" s="11"/>
    </row>
    <row r="1194" spans="2:14">
      <c r="B1194" s="2">
        <f t="shared" si="20"/>
        <v>0.82269675925925922</v>
      </c>
      <c r="C1194">
        <v>35640</v>
      </c>
      <c r="D1194">
        <v>399.19</v>
      </c>
      <c r="E1194">
        <v>442.05</v>
      </c>
      <c r="F1194">
        <v>435.52</v>
      </c>
      <c r="G1194">
        <v>267.41000000000003</v>
      </c>
      <c r="H1194">
        <v>318.17</v>
      </c>
      <c r="I1194">
        <v>381.04</v>
      </c>
      <c r="J1194">
        <v>8</v>
      </c>
      <c r="K1194">
        <v>1859</v>
      </c>
      <c r="N1194" s="11"/>
    </row>
    <row r="1195" spans="2:14">
      <c r="B1195" s="2">
        <f t="shared" si="20"/>
        <v>0.82304398148148139</v>
      </c>
      <c r="C1195">
        <v>35670</v>
      </c>
      <c r="D1195">
        <v>398.7</v>
      </c>
      <c r="E1195">
        <v>440.45</v>
      </c>
      <c r="F1195">
        <v>434.82</v>
      </c>
      <c r="G1195">
        <v>266.49</v>
      </c>
      <c r="H1195">
        <v>317.37</v>
      </c>
      <c r="I1195">
        <v>386.88</v>
      </c>
      <c r="J1195">
        <v>8</v>
      </c>
      <c r="K1195">
        <v>1859</v>
      </c>
      <c r="N1195" s="11"/>
    </row>
    <row r="1196" spans="2:14">
      <c r="B1196" s="2">
        <f t="shared" si="20"/>
        <v>0.82339120370370367</v>
      </c>
      <c r="C1196">
        <v>35700</v>
      </c>
      <c r="D1196">
        <v>398.22</v>
      </c>
      <c r="E1196">
        <v>438.75</v>
      </c>
      <c r="F1196">
        <v>434.11</v>
      </c>
      <c r="G1196">
        <v>265.56</v>
      </c>
      <c r="H1196">
        <v>316.58</v>
      </c>
      <c r="I1196">
        <v>385.39</v>
      </c>
      <c r="J1196">
        <v>8</v>
      </c>
      <c r="K1196">
        <v>1859</v>
      </c>
      <c r="N1196" s="11"/>
    </row>
    <row r="1197" spans="2:14">
      <c r="B1197" s="2">
        <f t="shared" si="20"/>
        <v>0.82373842592592594</v>
      </c>
      <c r="C1197" s="3">
        <v>35730</v>
      </c>
      <c r="D1197" s="3">
        <v>397.74</v>
      </c>
      <c r="E1197" s="3">
        <v>438.97</v>
      </c>
      <c r="F1197" s="3">
        <v>433.39</v>
      </c>
      <c r="G1197" s="3">
        <v>264.64999999999998</v>
      </c>
      <c r="H1197" s="3">
        <v>315.79000000000002</v>
      </c>
      <c r="I1197" s="3">
        <v>383.03</v>
      </c>
      <c r="J1197" s="3">
        <v>8</v>
      </c>
      <c r="K1197" s="3">
        <v>1858</v>
      </c>
      <c r="N1197" s="11"/>
    </row>
    <row r="1198" spans="2:14">
      <c r="B1198" s="2">
        <f t="shared" si="20"/>
        <v>0.82408564814814811</v>
      </c>
      <c r="C1198" s="3">
        <v>35760</v>
      </c>
      <c r="D1198" s="3">
        <v>397.22</v>
      </c>
      <c r="E1198" s="3">
        <v>437.78</v>
      </c>
      <c r="F1198" s="3">
        <v>432.7</v>
      </c>
      <c r="G1198" s="3">
        <v>263.74</v>
      </c>
      <c r="H1198" s="3">
        <v>315.01</v>
      </c>
      <c r="I1198" s="3">
        <v>378.26</v>
      </c>
      <c r="J1198" s="3">
        <v>8</v>
      </c>
      <c r="K1198" s="3">
        <v>1856</v>
      </c>
      <c r="N1198" s="11"/>
    </row>
    <row r="1199" spans="2:14">
      <c r="B1199" s="2">
        <f t="shared" si="20"/>
        <v>0.82443287037037039</v>
      </c>
      <c r="C1199" s="3">
        <v>35790</v>
      </c>
      <c r="D1199" s="3">
        <v>396.71</v>
      </c>
      <c r="E1199" s="3">
        <v>436.12</v>
      </c>
      <c r="F1199" s="3">
        <v>432</v>
      </c>
      <c r="G1199" s="3">
        <v>262.85000000000002</v>
      </c>
      <c r="H1199" s="3">
        <v>314.23</v>
      </c>
      <c r="I1199" s="3">
        <v>379.51</v>
      </c>
      <c r="J1199" s="3">
        <v>8</v>
      </c>
      <c r="K1199" s="3">
        <v>1855</v>
      </c>
      <c r="N1199" s="11"/>
    </row>
    <row r="1200" spans="2:14">
      <c r="B1200" s="2">
        <f t="shared" si="20"/>
        <v>0.82478009259259255</v>
      </c>
      <c r="C1200" s="3">
        <v>35820</v>
      </c>
      <c r="D1200" s="3">
        <v>396.19</v>
      </c>
      <c r="E1200" s="3">
        <v>435.14</v>
      </c>
      <c r="F1200" s="3">
        <v>431.3</v>
      </c>
      <c r="G1200" s="3">
        <v>261.95</v>
      </c>
      <c r="H1200" s="3">
        <v>313.45999999999998</v>
      </c>
      <c r="I1200" s="3">
        <v>375.87</v>
      </c>
      <c r="J1200" s="3">
        <v>8</v>
      </c>
      <c r="K1200" s="3">
        <v>1857</v>
      </c>
      <c r="N1200" s="11"/>
    </row>
    <row r="1201" spans="2:14">
      <c r="B1201" s="2">
        <f t="shared" si="20"/>
        <v>0.82512731481481483</v>
      </c>
      <c r="C1201" s="3">
        <v>35850</v>
      </c>
      <c r="D1201" s="3">
        <v>395.72</v>
      </c>
      <c r="E1201" s="3">
        <v>433.31</v>
      </c>
      <c r="F1201" s="3">
        <v>430.62</v>
      </c>
      <c r="G1201" s="3">
        <v>261.07</v>
      </c>
      <c r="H1201" s="3">
        <v>312.70999999999998</v>
      </c>
      <c r="I1201" s="3">
        <v>376.21</v>
      </c>
      <c r="J1201" s="3">
        <v>8</v>
      </c>
      <c r="K1201" s="3">
        <v>1855</v>
      </c>
      <c r="N1201" s="11"/>
    </row>
    <row r="1202" spans="2:14">
      <c r="B1202" s="2">
        <f t="shared" si="20"/>
        <v>0.8254745370370371</v>
      </c>
      <c r="C1202" s="3">
        <v>35880</v>
      </c>
      <c r="D1202" s="3">
        <v>395.24</v>
      </c>
      <c r="E1202" s="3">
        <v>434.48</v>
      </c>
      <c r="F1202" s="3">
        <v>429.93</v>
      </c>
      <c r="G1202" s="3">
        <v>260.18</v>
      </c>
      <c r="H1202" s="3">
        <v>311.94</v>
      </c>
      <c r="I1202" s="3">
        <v>378.96</v>
      </c>
      <c r="J1202" s="3">
        <v>8</v>
      </c>
      <c r="K1202" s="3">
        <v>1853</v>
      </c>
      <c r="N1202" s="11"/>
    </row>
    <row r="1203" spans="2:14">
      <c r="B1203" s="2">
        <f t="shared" si="20"/>
        <v>0.82582175925925927</v>
      </c>
      <c r="C1203" s="3">
        <v>35910</v>
      </c>
      <c r="D1203" s="3">
        <v>394.71</v>
      </c>
      <c r="E1203" s="3">
        <v>432.71</v>
      </c>
      <c r="F1203" s="3">
        <v>429.22</v>
      </c>
      <c r="G1203" s="3">
        <v>259.29000000000002</v>
      </c>
      <c r="H1203" s="3">
        <v>311.17</v>
      </c>
      <c r="I1203" s="3">
        <v>376.22</v>
      </c>
      <c r="J1203" s="3">
        <v>8</v>
      </c>
      <c r="K1203" s="3">
        <v>1852</v>
      </c>
      <c r="N1203" s="11"/>
    </row>
    <row r="1204" spans="2:14">
      <c r="B1204" s="2">
        <f t="shared" si="20"/>
        <v>0.82616898148148143</v>
      </c>
      <c r="C1204" s="3">
        <v>35940</v>
      </c>
      <c r="D1204" s="3">
        <v>394.21</v>
      </c>
      <c r="E1204" s="3">
        <v>431.11</v>
      </c>
      <c r="F1204" s="3">
        <v>428.54</v>
      </c>
      <c r="G1204" s="3">
        <v>258.39999999999998</v>
      </c>
      <c r="H1204" s="3">
        <v>310.42</v>
      </c>
      <c r="I1204" s="3">
        <v>379.16</v>
      </c>
      <c r="J1204" s="3">
        <v>8</v>
      </c>
      <c r="K1204" s="3">
        <v>1852</v>
      </c>
      <c r="N1204" s="11"/>
    </row>
    <row r="1205" spans="2:14">
      <c r="B1205" s="2">
        <f t="shared" si="20"/>
        <v>0.82651620370370371</v>
      </c>
      <c r="C1205" s="3">
        <v>35970</v>
      </c>
      <c r="D1205" s="3">
        <v>393.73</v>
      </c>
      <c r="E1205" s="3">
        <v>432.62</v>
      </c>
      <c r="F1205" s="3">
        <v>427.86</v>
      </c>
      <c r="G1205" s="3">
        <v>257.52999999999997</v>
      </c>
      <c r="H1205" s="3">
        <v>309.67</v>
      </c>
      <c r="I1205" s="3">
        <v>379.14</v>
      </c>
      <c r="J1205" s="3">
        <v>8</v>
      </c>
      <c r="K1205" s="3">
        <v>1851</v>
      </c>
      <c r="N1205" s="11"/>
    </row>
    <row r="1206" spans="2:14">
      <c r="B1206" s="2">
        <f t="shared" si="20"/>
        <v>0.82686342592592599</v>
      </c>
      <c r="C1206" s="3">
        <v>36000</v>
      </c>
      <c r="D1206" s="3">
        <v>393.28</v>
      </c>
      <c r="E1206" s="3">
        <v>431.88</v>
      </c>
      <c r="F1206" s="3">
        <v>427.18</v>
      </c>
      <c r="G1206" s="3">
        <v>256.66000000000003</v>
      </c>
      <c r="H1206" s="3">
        <v>308.92</v>
      </c>
      <c r="I1206" s="3">
        <v>375.68</v>
      </c>
      <c r="J1206" s="3">
        <v>8</v>
      </c>
      <c r="K1206" s="3">
        <v>1849</v>
      </c>
      <c r="N1206" s="11"/>
    </row>
    <row r="1207" spans="2:14">
      <c r="B1207" s="2">
        <f t="shared" si="20"/>
        <v>0.82721064814814804</v>
      </c>
      <c r="C1207" s="3">
        <v>36030</v>
      </c>
      <c r="D1207" s="3">
        <v>392.82</v>
      </c>
      <c r="E1207" s="3">
        <v>431.63</v>
      </c>
      <c r="F1207" s="3">
        <v>426.49</v>
      </c>
      <c r="G1207" s="3">
        <v>255.8</v>
      </c>
      <c r="H1207" s="3">
        <v>308.19</v>
      </c>
      <c r="I1207" s="3">
        <v>374.93</v>
      </c>
      <c r="J1207" s="3">
        <v>8</v>
      </c>
      <c r="K1207" s="3">
        <v>1849</v>
      </c>
      <c r="N1207" s="11"/>
    </row>
    <row r="1208" spans="2:14">
      <c r="B1208" s="2">
        <f t="shared" si="20"/>
        <v>0.82755787037037032</v>
      </c>
      <c r="C1208" s="3">
        <v>36060</v>
      </c>
      <c r="D1208" s="3">
        <v>392.35</v>
      </c>
      <c r="E1208" s="3">
        <v>431.02</v>
      </c>
      <c r="F1208" s="3">
        <v>425.81</v>
      </c>
      <c r="G1208" s="3">
        <v>254.94</v>
      </c>
      <c r="H1208" s="3">
        <v>307.44</v>
      </c>
      <c r="I1208" s="3">
        <v>372.18</v>
      </c>
      <c r="J1208" s="3">
        <v>8</v>
      </c>
      <c r="K1208" s="3">
        <v>1848</v>
      </c>
      <c r="N1208" s="11"/>
    </row>
    <row r="1209" spans="2:14">
      <c r="B1209" s="2">
        <f t="shared" si="20"/>
        <v>0.8279050925925926</v>
      </c>
      <c r="C1209" s="3">
        <v>36090</v>
      </c>
      <c r="D1209" s="3">
        <v>391.88</v>
      </c>
      <c r="E1209" s="3">
        <v>431.2</v>
      </c>
      <c r="F1209" s="3">
        <v>425.15</v>
      </c>
      <c r="G1209" s="3">
        <v>254.07</v>
      </c>
      <c r="H1209" s="3">
        <v>306.69</v>
      </c>
      <c r="I1209" s="3">
        <v>371.2</v>
      </c>
      <c r="J1209" s="3">
        <v>8</v>
      </c>
      <c r="K1209" s="3">
        <v>1847</v>
      </c>
      <c r="N1209" s="11"/>
    </row>
    <row r="1210" spans="2:14">
      <c r="B1210" s="2">
        <f t="shared" si="20"/>
        <v>0.82825231481481476</v>
      </c>
      <c r="C1210" s="3">
        <v>36120</v>
      </c>
      <c r="D1210" s="3">
        <v>391.38</v>
      </c>
      <c r="E1210" s="3">
        <v>430.48</v>
      </c>
      <c r="F1210" s="3">
        <v>424.46</v>
      </c>
      <c r="G1210" s="3">
        <v>253.23</v>
      </c>
      <c r="H1210" s="3">
        <v>305.94</v>
      </c>
      <c r="I1210" s="3">
        <v>374.74</v>
      </c>
      <c r="J1210" s="3">
        <v>8</v>
      </c>
      <c r="K1210" s="3">
        <v>1844</v>
      </c>
      <c r="N1210" s="11"/>
    </row>
    <row r="1211" spans="2:14">
      <c r="B1211" s="2">
        <f t="shared" si="20"/>
        <v>0.82859953703703704</v>
      </c>
      <c r="C1211" s="3">
        <v>36150</v>
      </c>
      <c r="D1211" s="3">
        <v>390.87</v>
      </c>
      <c r="E1211" s="3">
        <v>428.29</v>
      </c>
      <c r="F1211" s="3">
        <v>423.77</v>
      </c>
      <c r="G1211" s="3">
        <v>252.38</v>
      </c>
      <c r="H1211" s="3">
        <v>305.19</v>
      </c>
      <c r="I1211" s="3">
        <v>372.47</v>
      </c>
      <c r="J1211" s="3">
        <v>8</v>
      </c>
      <c r="K1211" s="3">
        <v>1842</v>
      </c>
      <c r="N1211" s="11"/>
    </row>
    <row r="1212" spans="2:14">
      <c r="B1212" s="2">
        <f t="shared" si="20"/>
        <v>0.8289467592592592</v>
      </c>
      <c r="C1212" s="3">
        <v>36180</v>
      </c>
      <c r="D1212" s="3">
        <v>390.39</v>
      </c>
      <c r="E1212" s="3">
        <v>428.34</v>
      </c>
      <c r="F1212" s="3">
        <v>423.1</v>
      </c>
      <c r="G1212" s="3">
        <v>251.54</v>
      </c>
      <c r="H1212" s="3">
        <v>304.44</v>
      </c>
      <c r="I1212" s="3">
        <v>363.56</v>
      </c>
      <c r="J1212" s="3">
        <v>8</v>
      </c>
      <c r="K1212" s="3">
        <v>1842</v>
      </c>
      <c r="N1212" s="11"/>
    </row>
    <row r="1213" spans="2:14">
      <c r="B1213" s="2">
        <f t="shared" si="20"/>
        <v>0.82929398148148148</v>
      </c>
      <c r="C1213" s="3">
        <v>36210</v>
      </c>
      <c r="D1213" s="3">
        <v>389.91</v>
      </c>
      <c r="E1213" s="3">
        <v>426.41</v>
      </c>
      <c r="F1213" s="3">
        <v>422.42</v>
      </c>
      <c r="G1213" s="3">
        <v>250.71</v>
      </c>
      <c r="H1213" s="3">
        <v>303.70999999999998</v>
      </c>
      <c r="I1213" s="3">
        <v>364.03</v>
      </c>
      <c r="J1213" s="3">
        <v>8</v>
      </c>
      <c r="K1213" s="3">
        <v>1841</v>
      </c>
      <c r="N1213" s="11"/>
    </row>
    <row r="1214" spans="2:14">
      <c r="B1214" s="2">
        <f t="shared" si="20"/>
        <v>0.82964120370370376</v>
      </c>
      <c r="C1214" s="3">
        <v>36240</v>
      </c>
      <c r="D1214" s="3">
        <v>389.43</v>
      </c>
      <c r="E1214" s="3">
        <v>425.68</v>
      </c>
      <c r="F1214" s="3">
        <v>421.74</v>
      </c>
      <c r="G1214" s="3">
        <v>249.87</v>
      </c>
      <c r="H1214" s="3">
        <v>302.98</v>
      </c>
      <c r="I1214" s="3">
        <v>368.03</v>
      </c>
      <c r="J1214" s="3">
        <v>8</v>
      </c>
      <c r="K1214" s="3">
        <v>1841</v>
      </c>
      <c r="N1214" s="11"/>
    </row>
    <row r="1215" spans="2:14">
      <c r="B1215" s="2">
        <f t="shared" si="20"/>
        <v>0.82998842592592592</v>
      </c>
      <c r="C1215" s="3">
        <v>36270</v>
      </c>
      <c r="D1215" s="3">
        <v>388.91</v>
      </c>
      <c r="E1215" s="3">
        <v>425.95</v>
      </c>
      <c r="F1215" s="3">
        <v>421.07</v>
      </c>
      <c r="G1215" s="3">
        <v>249.03</v>
      </c>
      <c r="H1215" s="3">
        <v>302.24</v>
      </c>
      <c r="I1215" s="3">
        <v>360.14</v>
      </c>
      <c r="J1215" s="3">
        <v>8</v>
      </c>
      <c r="K1215" s="3">
        <v>1838</v>
      </c>
      <c r="N1215" s="11"/>
    </row>
    <row r="1216" spans="2:14">
      <c r="B1216" s="2">
        <f t="shared" si="20"/>
        <v>0.83033564814814809</v>
      </c>
      <c r="C1216" s="3">
        <v>36300</v>
      </c>
      <c r="D1216" s="3">
        <v>388.45</v>
      </c>
      <c r="E1216" s="3">
        <v>425.5</v>
      </c>
      <c r="F1216" s="3">
        <v>420.4</v>
      </c>
      <c r="G1216" s="3">
        <v>248.19</v>
      </c>
      <c r="H1216" s="3">
        <v>301.52999999999997</v>
      </c>
      <c r="I1216" s="3">
        <v>369.23</v>
      </c>
      <c r="J1216" s="3">
        <v>8</v>
      </c>
      <c r="K1216" s="3">
        <v>1836</v>
      </c>
      <c r="N1216" s="11"/>
    </row>
    <row r="1217" spans="2:14">
      <c r="B1217" s="2">
        <f t="shared" si="20"/>
        <v>0.83068287037037036</v>
      </c>
      <c r="C1217" s="3">
        <v>36330</v>
      </c>
      <c r="D1217" s="3">
        <v>387.97</v>
      </c>
      <c r="E1217" s="3">
        <v>424.99</v>
      </c>
      <c r="F1217" s="3">
        <v>419.73</v>
      </c>
      <c r="G1217" s="3">
        <v>247.37</v>
      </c>
      <c r="H1217" s="3">
        <v>300.81</v>
      </c>
      <c r="I1217" s="3">
        <v>367.7</v>
      </c>
      <c r="J1217" s="3">
        <v>8</v>
      </c>
      <c r="K1217" s="3">
        <v>1836</v>
      </c>
      <c r="N1217" s="11"/>
    </row>
    <row r="1218" spans="2:14">
      <c r="B1218" s="2">
        <f t="shared" si="20"/>
        <v>0.83103009259259264</v>
      </c>
      <c r="C1218" s="3">
        <v>36360</v>
      </c>
      <c r="D1218" s="3">
        <v>387.5</v>
      </c>
      <c r="E1218" s="3">
        <v>425.28</v>
      </c>
      <c r="F1218" s="3">
        <v>419.07</v>
      </c>
      <c r="G1218" s="3">
        <v>246.54</v>
      </c>
      <c r="H1218" s="3">
        <v>300.08999999999997</v>
      </c>
      <c r="I1218" s="3">
        <v>364.79</v>
      </c>
      <c r="J1218" s="3">
        <v>8</v>
      </c>
      <c r="K1218" s="3">
        <v>1833</v>
      </c>
      <c r="N1218" s="11"/>
    </row>
    <row r="1219" spans="2:14">
      <c r="B1219" s="2">
        <f t="shared" si="20"/>
        <v>0.83137731481481481</v>
      </c>
      <c r="C1219" s="3">
        <v>36390</v>
      </c>
      <c r="D1219" s="3">
        <v>387.06</v>
      </c>
      <c r="E1219" s="3">
        <v>424.4</v>
      </c>
      <c r="F1219" s="3">
        <v>418.4</v>
      </c>
      <c r="G1219" s="3">
        <v>245.73</v>
      </c>
      <c r="H1219" s="3">
        <v>299.38</v>
      </c>
      <c r="I1219" s="3">
        <v>364.66</v>
      </c>
      <c r="J1219" s="3">
        <v>8</v>
      </c>
      <c r="K1219" s="3">
        <v>1833</v>
      </c>
      <c r="N1219" s="11"/>
    </row>
    <row r="1220" spans="2:14">
      <c r="B1220" s="2">
        <f t="shared" si="20"/>
        <v>0.83172453703703697</v>
      </c>
      <c r="C1220" s="3">
        <v>36420</v>
      </c>
      <c r="D1220" s="3">
        <v>386.6</v>
      </c>
      <c r="E1220" s="3">
        <v>421.61</v>
      </c>
      <c r="F1220" s="3">
        <v>417.73</v>
      </c>
      <c r="G1220" s="3">
        <v>244.92</v>
      </c>
      <c r="H1220" s="3">
        <v>298.67</v>
      </c>
      <c r="I1220" s="3">
        <v>364.38</v>
      </c>
      <c r="J1220" s="3">
        <v>8</v>
      </c>
      <c r="K1220" s="3">
        <v>1832</v>
      </c>
      <c r="N1220" s="11"/>
    </row>
    <row r="1221" spans="2:14">
      <c r="B1221" s="2">
        <f t="shared" si="20"/>
        <v>0.83207175925925925</v>
      </c>
      <c r="C1221" s="3">
        <v>36450</v>
      </c>
      <c r="D1221" s="3">
        <v>386.15</v>
      </c>
      <c r="E1221" s="3">
        <v>420.91</v>
      </c>
      <c r="F1221" s="3">
        <v>417.06</v>
      </c>
      <c r="G1221" s="3">
        <v>244.12</v>
      </c>
      <c r="H1221" s="3">
        <v>297.98</v>
      </c>
      <c r="I1221" s="3">
        <v>361.8</v>
      </c>
      <c r="J1221" s="3">
        <v>8</v>
      </c>
      <c r="K1221" s="3">
        <v>1829</v>
      </c>
      <c r="N1221" s="11"/>
    </row>
    <row r="1222" spans="2:14">
      <c r="B1222" s="2">
        <f t="shared" si="20"/>
        <v>0.83241898148148152</v>
      </c>
      <c r="C1222" s="3">
        <v>36480</v>
      </c>
      <c r="D1222" s="3">
        <v>385.68</v>
      </c>
      <c r="E1222" s="3">
        <v>421.15</v>
      </c>
      <c r="F1222" s="3">
        <v>416.41</v>
      </c>
      <c r="G1222" s="3">
        <v>243.32</v>
      </c>
      <c r="H1222" s="3">
        <v>297.27999999999997</v>
      </c>
      <c r="I1222" s="3">
        <v>364.19</v>
      </c>
      <c r="J1222" s="3">
        <v>8</v>
      </c>
      <c r="K1222" s="3">
        <v>1828</v>
      </c>
      <c r="N1222" s="11"/>
    </row>
    <row r="1223" spans="2:14">
      <c r="B1223" s="2">
        <f t="shared" si="20"/>
        <v>0.83276620370370369</v>
      </c>
      <c r="C1223" s="3">
        <v>36510</v>
      </c>
      <c r="D1223" s="3">
        <v>385.21</v>
      </c>
      <c r="E1223" s="3">
        <v>420.69</v>
      </c>
      <c r="F1223" s="3">
        <v>415.74</v>
      </c>
      <c r="G1223" s="3">
        <v>242.51</v>
      </c>
      <c r="H1223" s="3">
        <v>296.60000000000002</v>
      </c>
      <c r="I1223" s="3">
        <v>363.98</v>
      </c>
      <c r="J1223" s="3">
        <v>8</v>
      </c>
      <c r="K1223" s="3">
        <v>1827</v>
      </c>
      <c r="N1223" s="11"/>
    </row>
    <row r="1224" spans="2:14">
      <c r="B1224" s="2">
        <f t="shared" si="20"/>
        <v>0.83311342592592585</v>
      </c>
      <c r="C1224" s="3">
        <v>36540</v>
      </c>
      <c r="D1224" s="3">
        <v>384.74</v>
      </c>
      <c r="E1224" s="3">
        <v>419.55</v>
      </c>
      <c r="F1224" s="3">
        <v>415.08</v>
      </c>
      <c r="G1224" s="3">
        <v>241.71</v>
      </c>
      <c r="H1224" s="3">
        <v>295.92</v>
      </c>
      <c r="I1224" s="3">
        <v>363.96</v>
      </c>
      <c r="J1224" s="3">
        <v>8</v>
      </c>
      <c r="K1224" s="3">
        <v>1826</v>
      </c>
      <c r="N1224" s="11"/>
    </row>
    <row r="1225" spans="2:14">
      <c r="B1225" s="2">
        <f t="shared" si="20"/>
        <v>0.83346064814814813</v>
      </c>
      <c r="C1225" s="3">
        <v>36570</v>
      </c>
      <c r="D1225" s="3">
        <v>384.27</v>
      </c>
      <c r="E1225" s="3">
        <v>418.34</v>
      </c>
      <c r="F1225" s="3">
        <v>414.44</v>
      </c>
      <c r="G1225" s="3">
        <v>240.94</v>
      </c>
      <c r="H1225" s="3">
        <v>295.26</v>
      </c>
      <c r="I1225" s="3">
        <v>354.28</v>
      </c>
      <c r="J1225" s="3">
        <v>8</v>
      </c>
      <c r="K1225" s="3">
        <v>1824</v>
      </c>
      <c r="N1225" s="11"/>
    </row>
    <row r="1226" spans="2:14">
      <c r="B1226" s="2">
        <f t="shared" si="20"/>
        <v>0.83380787037037041</v>
      </c>
      <c r="C1226" s="3">
        <v>36600</v>
      </c>
      <c r="D1226" s="3">
        <v>383.81</v>
      </c>
      <c r="E1226" s="3">
        <v>416.87</v>
      </c>
      <c r="F1226" s="3">
        <v>413.77</v>
      </c>
      <c r="G1226" s="3">
        <v>240.13</v>
      </c>
      <c r="H1226" s="3">
        <v>294.61</v>
      </c>
      <c r="I1226" s="3">
        <v>358.95</v>
      </c>
      <c r="J1226" s="3">
        <v>8</v>
      </c>
      <c r="K1226" s="3">
        <v>1821</v>
      </c>
      <c r="N1226" s="11"/>
    </row>
    <row r="1227" spans="2:14">
      <c r="B1227" s="2">
        <f t="shared" si="20"/>
        <v>0.83415509259259257</v>
      </c>
      <c r="C1227" s="3">
        <v>36630</v>
      </c>
      <c r="D1227" s="3">
        <v>383.37</v>
      </c>
      <c r="E1227" s="3">
        <v>417.1</v>
      </c>
      <c r="F1227" s="3">
        <v>413.11</v>
      </c>
      <c r="G1227" s="3">
        <v>239.34</v>
      </c>
      <c r="H1227" s="3">
        <v>293.95999999999998</v>
      </c>
      <c r="I1227" s="3">
        <v>356.57</v>
      </c>
      <c r="J1227" s="3">
        <v>8</v>
      </c>
      <c r="K1227" s="3">
        <v>1819</v>
      </c>
      <c r="N1227" s="11"/>
    </row>
    <row r="1228" spans="2:14">
      <c r="B1228" s="2">
        <f t="shared" si="20"/>
        <v>0.83450231481481474</v>
      </c>
      <c r="C1228" s="3">
        <v>36660</v>
      </c>
      <c r="D1228" s="3">
        <v>382.9</v>
      </c>
      <c r="E1228" s="3">
        <v>416.83</v>
      </c>
      <c r="F1228" s="3">
        <v>412.46</v>
      </c>
      <c r="G1228" s="3">
        <v>238.58</v>
      </c>
      <c r="H1228" s="3">
        <v>293.33</v>
      </c>
      <c r="I1228" s="3">
        <v>355.36</v>
      </c>
      <c r="J1228" s="3">
        <v>8</v>
      </c>
      <c r="K1228" s="3">
        <v>1819</v>
      </c>
      <c r="N1228" s="11"/>
    </row>
    <row r="1229" spans="2:14">
      <c r="B1229" s="2"/>
      <c r="N1229" s="11"/>
    </row>
    <row r="1230" spans="2:14">
      <c r="B1230" s="2"/>
      <c r="N1230" s="11"/>
    </row>
    <row r="1231" spans="2:14">
      <c r="B1231" s="2"/>
      <c r="N1231" s="11"/>
    </row>
    <row r="1232" spans="2:14">
      <c r="B1232" s="2"/>
      <c r="N1232" s="11"/>
    </row>
    <row r="1233" spans="2:14">
      <c r="B1233" s="2"/>
      <c r="N1233" s="11"/>
    </row>
    <row r="1234" spans="2:14">
      <c r="B1234" s="2"/>
      <c r="N1234" s="11"/>
    </row>
    <row r="1235" spans="2:14">
      <c r="B1235" s="2"/>
      <c r="N1235" s="11"/>
    </row>
    <row r="1236" spans="2:14">
      <c r="B1236" s="2"/>
      <c r="N1236" s="11"/>
    </row>
    <row r="1237" spans="2:14">
      <c r="B1237" s="2"/>
      <c r="N1237" s="11"/>
    </row>
    <row r="1238" spans="2:14">
      <c r="B1238" s="2"/>
      <c r="N1238" s="11"/>
    </row>
    <row r="1239" spans="2:14">
      <c r="B1239" s="2"/>
      <c r="N1239" s="11"/>
    </row>
    <row r="1240" spans="2:14">
      <c r="B1240" s="2"/>
      <c r="N1240" s="11"/>
    </row>
    <row r="1241" spans="2:14">
      <c r="B1241" s="2"/>
      <c r="N1241" s="11"/>
    </row>
    <row r="1242" spans="2:14">
      <c r="B1242" s="2"/>
      <c r="N1242" s="11"/>
    </row>
    <row r="1243" spans="2:14">
      <c r="B1243" s="2"/>
      <c r="N1243" s="11"/>
    </row>
    <row r="1244" spans="2:14">
      <c r="B1244" s="2"/>
      <c r="N1244" s="11"/>
    </row>
    <row r="1245" spans="2:14">
      <c r="B1245" s="2"/>
      <c r="N1245" s="11"/>
    </row>
    <row r="1246" spans="2:14">
      <c r="B1246" s="2"/>
      <c r="N1246" s="11"/>
    </row>
    <row r="1247" spans="2:14">
      <c r="B1247" s="2"/>
      <c r="N1247" s="11"/>
    </row>
    <row r="1248" spans="2:14">
      <c r="B1248" s="2"/>
      <c r="N1248" s="11"/>
    </row>
    <row r="1249" spans="2:14">
      <c r="B1249" s="2"/>
      <c r="N1249" s="11"/>
    </row>
    <row r="1250" spans="2:14">
      <c r="B1250" s="2"/>
      <c r="N1250" s="11"/>
    </row>
    <row r="1251" spans="2:14">
      <c r="B1251" s="2"/>
      <c r="N1251" s="11"/>
    </row>
    <row r="1252" spans="2:14">
      <c r="B1252" s="2"/>
      <c r="N1252" s="11"/>
    </row>
    <row r="1253" spans="2:14">
      <c r="B1253" s="2"/>
      <c r="N1253" s="11"/>
    </row>
    <row r="1254" spans="2:14">
      <c r="B1254" s="2"/>
      <c r="N1254" s="11"/>
    </row>
    <row r="1255" spans="2:14">
      <c r="B1255" s="2"/>
      <c r="N1255" s="11"/>
    </row>
    <row r="1256" spans="2:14">
      <c r="B1256" s="2"/>
      <c r="N1256" s="11"/>
    </row>
    <row r="1257" spans="2:14">
      <c r="B1257" s="2"/>
      <c r="N1257" s="11"/>
    </row>
    <row r="1258" spans="2:14">
      <c r="B1258" s="2"/>
      <c r="N1258" s="11"/>
    </row>
    <row r="1259" spans="2:14">
      <c r="B1259" s="2"/>
      <c r="N1259" s="11"/>
    </row>
    <row r="1260" spans="2:14">
      <c r="B1260" s="2"/>
      <c r="N1260" s="11"/>
    </row>
    <row r="1261" spans="2:14">
      <c r="B1261" s="2"/>
      <c r="N1261" s="11"/>
    </row>
    <row r="1262" spans="2:14">
      <c r="B1262" s="2"/>
      <c r="N1262" s="11"/>
    </row>
    <row r="1263" spans="2:14">
      <c r="B1263" s="2"/>
      <c r="N1263" s="11"/>
    </row>
    <row r="1264" spans="2:14">
      <c r="B1264" s="2"/>
      <c r="N1264" s="11"/>
    </row>
    <row r="1265" spans="2:14">
      <c r="B1265" s="2"/>
      <c r="N1265" s="11"/>
    </row>
    <row r="1266" spans="2:14">
      <c r="B1266" s="2"/>
      <c r="N1266" s="11"/>
    </row>
    <row r="1267" spans="2:14">
      <c r="B1267" s="2"/>
      <c r="N1267" s="11"/>
    </row>
    <row r="1268" spans="2:14">
      <c r="B1268" s="2"/>
      <c r="N1268" s="11"/>
    </row>
    <row r="1269" spans="2:14">
      <c r="B1269" s="2"/>
      <c r="N1269" s="11"/>
    </row>
    <row r="1270" spans="2:14">
      <c r="B1270" s="2"/>
      <c r="N1270" s="11"/>
    </row>
    <row r="1271" spans="2:14">
      <c r="B1271" s="2"/>
      <c r="N1271" s="11"/>
    </row>
    <row r="1272" spans="2:14">
      <c r="B1272" s="2"/>
      <c r="N1272" s="11"/>
    </row>
    <row r="1273" spans="2:14">
      <c r="B1273" s="2"/>
      <c r="N1273" s="11"/>
    </row>
    <row r="1274" spans="2:14">
      <c r="B1274" s="2"/>
      <c r="N1274" s="11"/>
    </row>
    <row r="1275" spans="2:14">
      <c r="B1275" s="2"/>
      <c r="N1275" s="11"/>
    </row>
    <row r="1276" spans="2:14">
      <c r="B1276" s="2"/>
      <c r="N1276" s="11"/>
    </row>
    <row r="1277" spans="2:14">
      <c r="B1277" s="2"/>
      <c r="N1277" s="11"/>
    </row>
    <row r="1278" spans="2:14">
      <c r="B1278" s="2"/>
      <c r="N1278" s="11"/>
    </row>
    <row r="1279" spans="2:14">
      <c r="B1279" s="2"/>
      <c r="N1279" s="11"/>
    </row>
    <row r="1280" spans="2:14">
      <c r="B1280" s="2"/>
      <c r="N1280" s="11"/>
    </row>
    <row r="1281" spans="2:14">
      <c r="B1281" s="2"/>
      <c r="N1281" s="11"/>
    </row>
    <row r="1282" spans="2:14">
      <c r="B1282" s="2"/>
      <c r="N1282" s="11"/>
    </row>
    <row r="1283" spans="2:14">
      <c r="B1283" s="2"/>
      <c r="N1283" s="11"/>
    </row>
    <row r="1284" spans="2:14">
      <c r="B1284" s="2"/>
      <c r="N1284" s="11"/>
    </row>
    <row r="1285" spans="2:14">
      <c r="B1285" s="2"/>
      <c r="N1285" s="11"/>
    </row>
    <row r="1286" spans="2:14">
      <c r="B1286" s="2"/>
      <c r="N1286" s="11"/>
    </row>
    <row r="1287" spans="2:14">
      <c r="B1287" s="2"/>
      <c r="N1287" s="11"/>
    </row>
    <row r="1288" spans="2:14">
      <c r="B1288" s="2"/>
      <c r="N1288" s="11"/>
    </row>
    <row r="1289" spans="2:14">
      <c r="B1289" s="2"/>
      <c r="N1289" s="11"/>
    </row>
    <row r="1290" spans="2:14">
      <c r="B1290" s="2"/>
      <c r="N1290" s="11"/>
    </row>
    <row r="1291" spans="2:14">
      <c r="B1291" s="2"/>
      <c r="N1291" s="11"/>
    </row>
    <row r="1292" spans="2:14">
      <c r="B1292" s="2"/>
      <c r="N1292" s="11"/>
    </row>
    <row r="1293" spans="2:14">
      <c r="B1293" s="2"/>
      <c r="N1293" s="11"/>
    </row>
    <row r="1294" spans="2:14">
      <c r="B1294" s="2"/>
      <c r="N1294" s="11"/>
    </row>
    <row r="1295" spans="2:14">
      <c r="B1295" s="2"/>
      <c r="N1295" s="11"/>
    </row>
    <row r="1296" spans="2:14">
      <c r="B1296" s="2"/>
      <c r="N1296" s="11"/>
    </row>
    <row r="1297" spans="2:14">
      <c r="B1297" s="2"/>
      <c r="N1297" s="11"/>
    </row>
    <row r="1298" spans="2:14">
      <c r="B1298" s="2"/>
      <c r="N1298" s="11"/>
    </row>
    <row r="1299" spans="2:14">
      <c r="B1299" s="2"/>
      <c r="N1299" s="11"/>
    </row>
    <row r="1300" spans="2:14">
      <c r="B1300" s="2"/>
      <c r="N1300" s="11"/>
    </row>
    <row r="1301" spans="2:14">
      <c r="B1301" s="2"/>
      <c r="N1301" s="11"/>
    </row>
    <row r="1302" spans="2:14">
      <c r="B1302" s="2"/>
      <c r="N1302" s="11"/>
    </row>
    <row r="1303" spans="2:14">
      <c r="B1303" s="2"/>
      <c r="N1303" s="11"/>
    </row>
    <row r="1304" spans="2:14">
      <c r="B1304" s="2"/>
      <c r="N1304" s="11"/>
    </row>
    <row r="1305" spans="2:14">
      <c r="B1305" s="2"/>
      <c r="N1305" s="11"/>
    </row>
    <row r="1306" spans="2:14">
      <c r="B1306" s="2"/>
      <c r="N1306" s="11"/>
    </row>
    <row r="1307" spans="2:14">
      <c r="B1307" s="2"/>
      <c r="N1307" s="11"/>
    </row>
    <row r="1308" spans="2:14">
      <c r="B1308" s="2"/>
      <c r="N1308" s="11"/>
    </row>
    <row r="1309" spans="2:14">
      <c r="B1309" s="2"/>
      <c r="N1309" s="11"/>
    </row>
    <row r="1310" spans="2:14">
      <c r="B1310" s="2"/>
      <c r="N1310" s="11"/>
    </row>
    <row r="1311" spans="2:14">
      <c r="B1311" s="2"/>
      <c r="N1311" s="11"/>
    </row>
    <row r="1312" spans="2:14">
      <c r="B1312" s="2"/>
      <c r="N1312" s="11"/>
    </row>
    <row r="1313" spans="2:14">
      <c r="B1313" s="2"/>
      <c r="N1313" s="11"/>
    </row>
    <row r="1314" spans="2:14">
      <c r="B1314" s="2"/>
      <c r="N1314" s="11"/>
    </row>
    <row r="1315" spans="2:14">
      <c r="B1315" s="2"/>
      <c r="N1315" s="11"/>
    </row>
    <row r="1316" spans="2:14">
      <c r="B1316" s="2"/>
      <c r="N1316" s="11"/>
    </row>
    <row r="1317" spans="2:14">
      <c r="B1317" s="2"/>
      <c r="N1317" s="11"/>
    </row>
    <row r="1318" spans="2:14">
      <c r="B1318" s="2"/>
      <c r="N1318" s="11"/>
    </row>
    <row r="1319" spans="2:14">
      <c r="B1319" s="2"/>
      <c r="N1319" s="11"/>
    </row>
    <row r="1320" spans="2:14">
      <c r="B1320" s="2"/>
      <c r="N1320" s="11"/>
    </row>
    <row r="1321" spans="2:14">
      <c r="B1321" s="2"/>
      <c r="N1321" s="11"/>
    </row>
    <row r="1322" spans="2:14">
      <c r="B1322" s="2"/>
      <c r="N1322" s="11"/>
    </row>
    <row r="1323" spans="2:14">
      <c r="B1323" s="2"/>
      <c r="N1323" s="11"/>
    </row>
    <row r="1324" spans="2:14">
      <c r="B1324" s="2"/>
      <c r="N1324" s="11"/>
    </row>
    <row r="1325" spans="2:14">
      <c r="B1325" s="2"/>
      <c r="N1325" s="11"/>
    </row>
    <row r="1326" spans="2:14">
      <c r="B1326" s="2"/>
      <c r="N1326" s="11"/>
    </row>
    <row r="1327" spans="2:14">
      <c r="B1327" s="2"/>
      <c r="N1327" s="11"/>
    </row>
    <row r="1328" spans="2:14">
      <c r="B1328" s="2"/>
      <c r="N1328" s="11"/>
    </row>
    <row r="1329" spans="2:14">
      <c r="B1329" s="2"/>
      <c r="N1329" s="11"/>
    </row>
    <row r="1330" spans="2:14">
      <c r="B1330" s="2"/>
      <c r="N1330" s="11"/>
    </row>
    <row r="1331" spans="2:14">
      <c r="B1331" s="2"/>
      <c r="N1331" s="11"/>
    </row>
    <row r="1332" spans="2:14">
      <c r="B1332" s="2"/>
      <c r="N1332" s="11"/>
    </row>
    <row r="1333" spans="2:14">
      <c r="B1333" s="2"/>
      <c r="N1333" s="11"/>
    </row>
    <row r="1334" spans="2:14">
      <c r="B1334" s="2"/>
      <c r="N1334" s="11"/>
    </row>
    <row r="1335" spans="2:14">
      <c r="B1335" s="2"/>
      <c r="N1335" s="11"/>
    </row>
    <row r="1336" spans="2:14">
      <c r="B1336" s="2"/>
      <c r="N1336" s="11"/>
    </row>
    <row r="1337" spans="2:14">
      <c r="B1337" s="2"/>
      <c r="N1337" s="11"/>
    </row>
    <row r="1338" spans="2:14">
      <c r="B1338" s="2"/>
      <c r="N1338" s="11"/>
    </row>
    <row r="1339" spans="2:14">
      <c r="B1339" s="2"/>
      <c r="N1339" s="11"/>
    </row>
    <row r="1340" spans="2:14">
      <c r="B1340" s="2"/>
      <c r="N1340" s="11"/>
    </row>
    <row r="1341" spans="2:14">
      <c r="B1341" s="2"/>
      <c r="N1341" s="11"/>
    </row>
    <row r="1342" spans="2:14">
      <c r="B1342" s="2"/>
      <c r="N1342" s="11"/>
    </row>
    <row r="1343" spans="2:14">
      <c r="B1343" s="2"/>
      <c r="N1343" s="11"/>
    </row>
    <row r="1344" spans="2:14">
      <c r="B1344" s="2"/>
      <c r="N1344" s="11"/>
    </row>
    <row r="1345" spans="2:14">
      <c r="B1345" s="2"/>
      <c r="N1345" s="11"/>
    </row>
    <row r="1346" spans="2:14">
      <c r="B1346" s="2"/>
      <c r="N1346" s="11"/>
    </row>
    <row r="1347" spans="2:14">
      <c r="B1347" s="2"/>
      <c r="N1347" s="11"/>
    </row>
    <row r="1348" spans="2:14">
      <c r="B1348" s="2"/>
      <c r="N1348" s="11"/>
    </row>
    <row r="1349" spans="2:14">
      <c r="B1349" s="2"/>
      <c r="N1349" s="11"/>
    </row>
    <row r="1350" spans="2:14">
      <c r="B1350" s="2"/>
      <c r="N1350" s="11"/>
    </row>
    <row r="1351" spans="2:14">
      <c r="B1351" s="2"/>
      <c r="N1351" s="11"/>
    </row>
    <row r="1352" spans="2:14">
      <c r="B1352" s="2"/>
      <c r="N1352" s="11"/>
    </row>
    <row r="1353" spans="2:14">
      <c r="B1353" s="2"/>
      <c r="N1353" s="11"/>
    </row>
    <row r="1354" spans="2:14">
      <c r="B1354" s="2"/>
      <c r="N1354" s="11"/>
    </row>
    <row r="1355" spans="2:14">
      <c r="B1355" s="2"/>
      <c r="N1355" s="11"/>
    </row>
    <row r="1356" spans="2:14">
      <c r="B1356" s="2"/>
      <c r="N1356" s="11"/>
    </row>
    <row r="1357" spans="2:14">
      <c r="B1357" s="2"/>
      <c r="N1357" s="11"/>
    </row>
    <row r="1358" spans="2:14">
      <c r="B1358" s="2"/>
      <c r="N1358" s="11"/>
    </row>
    <row r="1359" spans="2:14">
      <c r="B1359" s="2"/>
      <c r="N1359" s="11"/>
    </row>
    <row r="1360" spans="2:14">
      <c r="B1360" s="2"/>
      <c r="N1360" s="11"/>
    </row>
    <row r="1361" spans="2:14">
      <c r="B1361" s="2"/>
      <c r="N1361" s="11"/>
    </row>
    <row r="1362" spans="2:14">
      <c r="B1362" s="2"/>
      <c r="N1362" s="11"/>
    </row>
    <row r="1363" spans="2:14">
      <c r="B1363" s="2"/>
      <c r="N1363" s="11"/>
    </row>
    <row r="1364" spans="2:14">
      <c r="B1364" s="2"/>
      <c r="N1364" s="11"/>
    </row>
    <row r="1365" spans="2:14">
      <c r="B1365" s="2"/>
      <c r="N1365" s="11"/>
    </row>
    <row r="1366" spans="2:14">
      <c r="B1366" s="2"/>
      <c r="N1366" s="11"/>
    </row>
    <row r="1367" spans="2:14">
      <c r="B1367" s="2"/>
      <c r="N1367" s="11"/>
    </row>
    <row r="1368" spans="2:14">
      <c r="B1368" s="2"/>
      <c r="N1368" s="11"/>
    </row>
    <row r="1369" spans="2:14">
      <c r="B1369" s="2"/>
      <c r="N1369" s="11"/>
    </row>
    <row r="1370" spans="2:14">
      <c r="B1370" s="2"/>
      <c r="N1370" s="11"/>
    </row>
    <row r="1371" spans="2:14">
      <c r="B1371" s="2"/>
      <c r="N1371" s="11"/>
    </row>
    <row r="1372" spans="2:14">
      <c r="B1372" s="2"/>
      <c r="N1372" s="11"/>
    </row>
    <row r="1373" spans="2:14">
      <c r="B1373" s="2"/>
      <c r="N1373" s="11"/>
    </row>
    <row r="1374" spans="2:14">
      <c r="B1374" s="2"/>
      <c r="N1374" s="11"/>
    </row>
    <row r="1375" spans="2:14">
      <c r="B1375" s="2"/>
      <c r="N1375" s="11"/>
    </row>
    <row r="1376" spans="2:14">
      <c r="B1376" s="2"/>
      <c r="N1376" s="11"/>
    </row>
    <row r="1377" spans="2:14">
      <c r="B1377" s="2"/>
      <c r="N1377" s="11"/>
    </row>
    <row r="1378" spans="2:14">
      <c r="B1378" s="2"/>
      <c r="N1378" s="11"/>
    </row>
    <row r="1379" spans="2:14">
      <c r="B1379" s="2"/>
      <c r="N1379" s="11"/>
    </row>
    <row r="1380" spans="2:14">
      <c r="B1380" s="2"/>
      <c r="N1380" s="11"/>
    </row>
    <row r="1381" spans="2:14">
      <c r="B1381" s="2"/>
      <c r="N1381" s="11"/>
    </row>
    <row r="1382" spans="2:14">
      <c r="B1382" s="2"/>
      <c r="N1382" s="11"/>
    </row>
    <row r="1383" spans="2:14">
      <c r="B1383" s="2"/>
      <c r="N1383" s="11"/>
    </row>
    <row r="1384" spans="2:14">
      <c r="B1384" s="2"/>
      <c r="N1384" s="11"/>
    </row>
    <row r="1385" spans="2:14">
      <c r="B1385" s="2"/>
      <c r="N1385" s="11"/>
    </row>
    <row r="1386" spans="2:14">
      <c r="B1386" s="2"/>
      <c r="N1386" s="11"/>
    </row>
    <row r="1387" spans="2:14">
      <c r="B1387" s="2"/>
      <c r="N1387" s="11"/>
    </row>
    <row r="1388" spans="2:14">
      <c r="B1388" s="2"/>
      <c r="N1388" s="11"/>
    </row>
    <row r="1389" spans="2:14">
      <c r="B1389" s="2"/>
      <c r="N1389" s="11"/>
    </row>
    <row r="1390" spans="2:14">
      <c r="B1390" s="2"/>
      <c r="N1390" s="11"/>
    </row>
    <row r="1391" spans="2:14">
      <c r="B1391" s="2"/>
      <c r="N1391" s="11"/>
    </row>
    <row r="1392" spans="2:14">
      <c r="B1392" s="2"/>
      <c r="N1392" s="11"/>
    </row>
    <row r="1393" spans="2:14">
      <c r="B1393" s="2"/>
      <c r="N1393" s="11"/>
    </row>
    <row r="1394" spans="2:14">
      <c r="B1394" s="2"/>
      <c r="N1394" s="11"/>
    </row>
    <row r="1395" spans="2:14">
      <c r="B1395" s="2"/>
      <c r="N1395" s="11"/>
    </row>
    <row r="1396" spans="2:14">
      <c r="B1396" s="2"/>
      <c r="N1396" s="11"/>
    </row>
    <row r="1397" spans="2:14">
      <c r="B1397" s="2"/>
      <c r="N1397" s="11"/>
    </row>
    <row r="1398" spans="2:14">
      <c r="B1398" s="2"/>
      <c r="N1398" s="11"/>
    </row>
    <row r="1399" spans="2:14">
      <c r="B1399" s="2"/>
      <c r="N1399" s="11"/>
    </row>
    <row r="1400" spans="2:14">
      <c r="B1400" s="2"/>
      <c r="N1400" s="11"/>
    </row>
    <row r="1401" spans="2:14">
      <c r="B1401" s="2"/>
      <c r="N1401" s="11"/>
    </row>
    <row r="1402" spans="2:14">
      <c r="B1402" s="2"/>
      <c r="N1402" s="11"/>
    </row>
    <row r="1403" spans="2:14">
      <c r="B1403" s="2"/>
      <c r="N1403" s="11"/>
    </row>
    <row r="1404" spans="2:14">
      <c r="B1404" s="2"/>
      <c r="N1404" s="11"/>
    </row>
    <row r="1405" spans="2:14">
      <c r="B1405" s="2"/>
      <c r="N1405" s="11"/>
    </row>
    <row r="1406" spans="2:14">
      <c r="B1406" s="2"/>
      <c r="N1406" s="11"/>
    </row>
    <row r="1407" spans="2:14">
      <c r="B1407" s="2"/>
      <c r="N1407" s="11"/>
    </row>
    <row r="1408" spans="2:14">
      <c r="B1408" s="2"/>
      <c r="N1408" s="11"/>
    </row>
    <row r="1409" spans="2:14">
      <c r="B1409" s="2"/>
      <c r="N1409" s="11"/>
    </row>
    <row r="1410" spans="2:14">
      <c r="B1410" s="2"/>
      <c r="N1410" s="11"/>
    </row>
    <row r="1411" spans="2:14">
      <c r="B1411" s="2"/>
      <c r="N1411" s="11"/>
    </row>
    <row r="1412" spans="2:14">
      <c r="B1412" s="2"/>
      <c r="N1412" s="11"/>
    </row>
    <row r="1413" spans="2:14">
      <c r="B1413" s="2"/>
      <c r="N1413" s="11"/>
    </row>
    <row r="1414" spans="2:14">
      <c r="B1414" s="2"/>
      <c r="N1414" s="11"/>
    </row>
    <row r="1415" spans="2:14">
      <c r="B1415" s="2"/>
      <c r="N1415" s="11"/>
    </row>
    <row r="1416" spans="2:14">
      <c r="B1416" s="2"/>
      <c r="N1416" s="11"/>
    </row>
    <row r="1417" spans="2:14">
      <c r="B1417" s="2"/>
      <c r="N1417" s="11"/>
    </row>
    <row r="1418" spans="2:14">
      <c r="B1418" s="2"/>
      <c r="N1418" s="11"/>
    </row>
    <row r="1419" spans="2:14">
      <c r="B1419" s="2"/>
      <c r="N1419" s="11"/>
    </row>
    <row r="1420" spans="2:14">
      <c r="B1420" s="2"/>
      <c r="N1420" s="11"/>
    </row>
    <row r="1421" spans="2:14">
      <c r="B1421" s="2"/>
      <c r="N1421" s="11"/>
    </row>
    <row r="1422" spans="2:14">
      <c r="B1422" s="2"/>
      <c r="N1422" s="11"/>
    </row>
    <row r="1423" spans="2:14">
      <c r="B1423" s="2"/>
      <c r="N1423" s="11"/>
    </row>
    <row r="1424" spans="2:14">
      <c r="B1424" s="2"/>
      <c r="N1424" s="11"/>
    </row>
    <row r="1425" spans="2:14">
      <c r="B1425" s="2"/>
      <c r="N1425" s="11"/>
    </row>
    <row r="1426" spans="2:14">
      <c r="B1426" s="2"/>
      <c r="N1426" s="11"/>
    </row>
    <row r="1427" spans="2:14">
      <c r="B1427" s="2"/>
      <c r="N1427" s="11"/>
    </row>
    <row r="1428" spans="2:14">
      <c r="B1428" s="2"/>
      <c r="N1428" s="11"/>
    </row>
    <row r="1429" spans="2:14">
      <c r="B1429" s="2"/>
      <c r="N1429" s="11"/>
    </row>
    <row r="1430" spans="2:14">
      <c r="B1430" s="2"/>
      <c r="N1430" s="11"/>
    </row>
    <row r="1431" spans="2:14">
      <c r="B1431" s="2"/>
      <c r="N1431" s="11"/>
    </row>
    <row r="1432" spans="2:14">
      <c r="B1432" s="2"/>
      <c r="N1432" s="11"/>
    </row>
    <row r="1433" spans="2:14">
      <c r="B1433" s="2"/>
      <c r="N1433" s="11"/>
    </row>
    <row r="1434" spans="2:14">
      <c r="B1434" s="2"/>
      <c r="N1434" s="11"/>
    </row>
    <row r="1435" spans="2:14">
      <c r="B1435" s="2"/>
      <c r="N1435" s="11"/>
    </row>
    <row r="1436" spans="2:14">
      <c r="B1436" s="2"/>
      <c r="N1436" s="11"/>
    </row>
    <row r="1437" spans="2:14">
      <c r="B1437" s="2"/>
      <c r="N1437" s="11"/>
    </row>
    <row r="1438" spans="2:14">
      <c r="B1438" s="2"/>
      <c r="N1438" s="11"/>
    </row>
    <row r="1439" spans="2:14">
      <c r="B1439" s="2"/>
      <c r="N1439" s="11"/>
    </row>
    <row r="1440" spans="2:14">
      <c r="B1440" s="2"/>
      <c r="N1440" s="11"/>
    </row>
    <row r="1441" spans="2:14">
      <c r="B1441" s="2"/>
      <c r="N1441" s="11"/>
    </row>
    <row r="1442" spans="2:14">
      <c r="B1442" s="2"/>
      <c r="N1442" s="11"/>
    </row>
    <row r="1443" spans="2:14">
      <c r="B1443" s="2"/>
      <c r="N1443" s="11"/>
    </row>
    <row r="1444" spans="2:14">
      <c r="B1444" s="2"/>
      <c r="N1444" s="11"/>
    </row>
    <row r="1445" spans="2:14">
      <c r="B1445" s="2"/>
      <c r="N1445" s="11"/>
    </row>
    <row r="1446" spans="2:14">
      <c r="B1446" s="2"/>
      <c r="N1446" s="11"/>
    </row>
    <row r="1447" spans="2:14">
      <c r="B1447" s="2"/>
      <c r="N1447" s="11"/>
    </row>
    <row r="1448" spans="2:14">
      <c r="B1448" s="2"/>
      <c r="N1448" s="11"/>
    </row>
    <row r="1449" spans="2:14">
      <c r="B1449" s="2"/>
      <c r="N1449" s="11"/>
    </row>
    <row r="1450" spans="2:14">
      <c r="B1450" s="2"/>
      <c r="N1450" s="11"/>
    </row>
    <row r="1451" spans="2:14">
      <c r="B1451" s="2"/>
      <c r="N1451" s="11"/>
    </row>
    <row r="1452" spans="2:14">
      <c r="B1452" s="2"/>
      <c r="N1452" s="11"/>
    </row>
    <row r="1453" spans="2:14">
      <c r="B1453" s="2"/>
      <c r="N1453" s="11"/>
    </row>
    <row r="1454" spans="2:14">
      <c r="B1454" s="2"/>
      <c r="N1454" s="11"/>
    </row>
    <row r="1455" spans="2:14">
      <c r="B1455" s="2"/>
      <c r="N1455" s="11"/>
    </row>
    <row r="1456" spans="2:14">
      <c r="B1456" s="2"/>
      <c r="N1456" s="11"/>
    </row>
    <row r="1457" spans="2:14">
      <c r="B1457" s="2"/>
      <c r="N1457" s="11"/>
    </row>
    <row r="1458" spans="2:14">
      <c r="B1458" s="2"/>
      <c r="N1458" s="11"/>
    </row>
    <row r="1459" spans="2:14">
      <c r="B1459" s="2"/>
      <c r="N1459" s="11"/>
    </row>
    <row r="1460" spans="2:14">
      <c r="B1460" s="2"/>
      <c r="N1460" s="11"/>
    </row>
    <row r="1461" spans="2:14">
      <c r="B1461" s="2"/>
      <c r="N1461" s="11"/>
    </row>
    <row r="1462" spans="2:14">
      <c r="B1462" s="2"/>
      <c r="N1462" s="11"/>
    </row>
    <row r="1463" spans="2:14">
      <c r="B1463" s="2"/>
      <c r="N1463" s="11"/>
    </row>
    <row r="1464" spans="2:14">
      <c r="B1464" s="2"/>
      <c r="N1464" s="11"/>
    </row>
    <row r="1465" spans="2:14">
      <c r="B1465" s="2"/>
      <c r="N1465" s="11"/>
    </row>
    <row r="1466" spans="2:14">
      <c r="B1466" s="2"/>
      <c r="N1466" s="11"/>
    </row>
    <row r="1467" spans="2:14">
      <c r="B1467" s="2"/>
      <c r="N1467" s="11"/>
    </row>
    <row r="1468" spans="2:14">
      <c r="B1468" s="2"/>
      <c r="N1468" s="11"/>
    </row>
    <row r="1469" spans="2:14">
      <c r="B1469" s="2"/>
      <c r="N1469" s="11"/>
    </row>
    <row r="1470" spans="2:14">
      <c r="B1470" s="2"/>
      <c r="N1470" s="11"/>
    </row>
    <row r="1471" spans="2:14">
      <c r="B1471" s="2"/>
      <c r="N1471" s="11"/>
    </row>
    <row r="1472" spans="2:14">
      <c r="B1472" s="2"/>
      <c r="N1472" s="11"/>
    </row>
    <row r="1473" spans="2:14">
      <c r="B1473" s="2"/>
      <c r="N1473" s="11"/>
    </row>
    <row r="1474" spans="2:14">
      <c r="B1474" s="2"/>
      <c r="N1474" s="11"/>
    </row>
    <row r="1475" spans="2:14">
      <c r="B1475" s="2"/>
      <c r="N1475" s="11"/>
    </row>
    <row r="1476" spans="2:14">
      <c r="B1476" s="2"/>
      <c r="N1476" s="11"/>
    </row>
    <row r="1477" spans="2:14">
      <c r="B1477" s="2"/>
      <c r="N1477" s="11"/>
    </row>
    <row r="1478" spans="2:14">
      <c r="B1478" s="2"/>
      <c r="N1478" s="11"/>
    </row>
    <row r="1479" spans="2:14">
      <c r="B1479" s="2"/>
      <c r="N1479" s="11"/>
    </row>
    <row r="1480" spans="2:14">
      <c r="B1480" s="2"/>
      <c r="N1480" s="11"/>
    </row>
    <row r="1481" spans="2:14">
      <c r="B1481" s="2"/>
      <c r="N1481" s="11"/>
    </row>
    <row r="1482" spans="2:14">
      <c r="B1482" s="2"/>
      <c r="N1482" s="11"/>
    </row>
    <row r="1483" spans="2:14">
      <c r="B1483" s="2"/>
      <c r="N1483" s="11"/>
    </row>
    <row r="1484" spans="2:14">
      <c r="B1484" s="2"/>
      <c r="N1484" s="11"/>
    </row>
    <row r="1485" spans="2:14">
      <c r="B1485" s="2"/>
      <c r="N1485" s="11"/>
    </row>
    <row r="1486" spans="2:14">
      <c r="B1486" s="2"/>
      <c r="N1486" s="11"/>
    </row>
    <row r="1487" spans="2:14">
      <c r="B1487" s="2"/>
      <c r="N1487" s="11"/>
    </row>
    <row r="1488" spans="2:14">
      <c r="B1488" s="2"/>
      <c r="N1488" s="11"/>
    </row>
    <row r="1489" spans="2:14">
      <c r="B1489" s="2"/>
      <c r="N1489" s="11"/>
    </row>
    <row r="1490" spans="2:14">
      <c r="B1490" s="2"/>
      <c r="N1490" s="11"/>
    </row>
    <row r="1491" spans="2:14">
      <c r="B1491" s="2"/>
      <c r="N1491" s="11"/>
    </row>
    <row r="1492" spans="2:14">
      <c r="B1492" s="2"/>
      <c r="N1492" s="11"/>
    </row>
    <row r="1493" spans="2:14">
      <c r="B1493" s="2"/>
      <c r="N1493" s="11"/>
    </row>
    <row r="1494" spans="2:14">
      <c r="B1494" s="2"/>
      <c r="N1494" s="11"/>
    </row>
    <row r="1495" spans="2:14">
      <c r="B1495" s="2"/>
      <c r="N1495" s="11"/>
    </row>
    <row r="1496" spans="2:14">
      <c r="B1496" s="2"/>
      <c r="N1496" s="11"/>
    </row>
    <row r="1497" spans="2:14">
      <c r="B1497" s="2"/>
      <c r="N1497" s="11"/>
    </row>
    <row r="1498" spans="2:14">
      <c r="B1498" s="2"/>
      <c r="N1498" s="11"/>
    </row>
    <row r="1499" spans="2:14">
      <c r="B1499" s="2"/>
      <c r="N1499" s="11"/>
    </row>
    <row r="1500" spans="2:14">
      <c r="B1500" s="2"/>
      <c r="N1500" s="11"/>
    </row>
    <row r="1501" spans="2:14">
      <c r="B1501" s="2"/>
      <c r="N1501" s="11"/>
    </row>
    <row r="1502" spans="2:14">
      <c r="B1502" s="2"/>
      <c r="N1502" s="11"/>
    </row>
    <row r="1503" spans="2:14">
      <c r="B1503" s="2"/>
      <c r="N1503" s="11"/>
    </row>
    <row r="1504" spans="2:14">
      <c r="B1504" s="2"/>
      <c r="N1504" s="11"/>
    </row>
    <row r="1505" spans="2:14">
      <c r="B1505" s="2"/>
      <c r="N1505" s="11"/>
    </row>
    <row r="1506" spans="2:14">
      <c r="B1506" s="2"/>
      <c r="N1506" s="11"/>
    </row>
    <row r="1507" spans="2:14">
      <c r="B1507" s="2"/>
      <c r="N1507" s="11"/>
    </row>
    <row r="1508" spans="2:14">
      <c r="B1508" s="2"/>
      <c r="N1508" s="11"/>
    </row>
    <row r="1509" spans="2:14">
      <c r="B1509" s="2"/>
      <c r="N1509" s="11"/>
    </row>
    <row r="1510" spans="2:14">
      <c r="B1510" s="2"/>
      <c r="N1510" s="11"/>
    </row>
    <row r="1511" spans="2:14">
      <c r="B1511" s="2"/>
      <c r="N1511" s="11"/>
    </row>
    <row r="1512" spans="2:14">
      <c r="B1512" s="2"/>
      <c r="N1512" s="11"/>
    </row>
    <row r="1513" spans="2:14">
      <c r="B1513" s="2"/>
      <c r="N1513" s="11"/>
    </row>
    <row r="1514" spans="2:14">
      <c r="B1514" s="2"/>
      <c r="N1514" s="11"/>
    </row>
    <row r="1515" spans="2:14">
      <c r="B1515" s="2"/>
      <c r="N1515" s="11"/>
    </row>
    <row r="1516" spans="2:14">
      <c r="B1516" s="2"/>
      <c r="N1516" s="11"/>
    </row>
    <row r="1517" spans="2:14">
      <c r="B1517" s="2"/>
      <c r="N1517" s="11"/>
    </row>
    <row r="1518" spans="2:14">
      <c r="B1518" s="2"/>
      <c r="N1518" s="11"/>
    </row>
    <row r="1519" spans="2:14">
      <c r="B1519" s="2"/>
      <c r="N1519" s="11"/>
    </row>
    <row r="1520" spans="2:14">
      <c r="B1520" s="2"/>
      <c r="N1520" s="11"/>
    </row>
    <row r="1521" spans="2:14">
      <c r="B1521" s="2"/>
      <c r="N1521" s="11"/>
    </row>
    <row r="1522" spans="2:14">
      <c r="B1522" s="2"/>
      <c r="N1522" s="11"/>
    </row>
    <row r="1523" spans="2:14">
      <c r="B1523" s="2"/>
      <c r="N1523" s="11"/>
    </row>
    <row r="1524" spans="2:14">
      <c r="B1524" s="2"/>
      <c r="N1524" s="11"/>
    </row>
    <row r="1525" spans="2:14">
      <c r="B1525" s="2"/>
      <c r="N1525" s="11"/>
    </row>
    <row r="1526" spans="2:14">
      <c r="B1526" s="2"/>
      <c r="N1526" s="11"/>
    </row>
    <row r="1527" spans="2:14">
      <c r="B1527" s="2"/>
      <c r="N1527" s="11"/>
    </row>
    <row r="1528" spans="2:14">
      <c r="B1528" s="2"/>
      <c r="N1528" s="11"/>
    </row>
    <row r="1529" spans="2:14">
      <c r="B1529" s="2"/>
      <c r="N1529" s="11"/>
    </row>
    <row r="1530" spans="2:14">
      <c r="B1530" s="2"/>
      <c r="N1530" s="11"/>
    </row>
    <row r="1531" spans="2:14">
      <c r="B1531" s="2"/>
      <c r="N1531" s="11"/>
    </row>
    <row r="1532" spans="2:14">
      <c r="B1532" s="2"/>
      <c r="N1532" s="11"/>
    </row>
    <row r="1533" spans="2:14">
      <c r="B1533" s="2"/>
      <c r="N1533" s="11"/>
    </row>
    <row r="1534" spans="2:14">
      <c r="B1534" s="2"/>
      <c r="N1534" s="11"/>
    </row>
    <row r="1535" spans="2:14">
      <c r="B1535" s="2"/>
      <c r="N1535" s="11"/>
    </row>
    <row r="1536" spans="2:14">
      <c r="B1536" s="2"/>
      <c r="N1536" s="11"/>
    </row>
    <row r="1537" spans="2:14">
      <c r="B1537" s="2"/>
      <c r="N1537" s="11"/>
    </row>
    <row r="1538" spans="2:14">
      <c r="B1538" s="2"/>
      <c r="N1538" s="11"/>
    </row>
    <row r="1539" spans="2:14">
      <c r="B1539" s="2"/>
      <c r="N1539" s="11"/>
    </row>
    <row r="1540" spans="2:14">
      <c r="B1540" s="2"/>
      <c r="N1540" s="11"/>
    </row>
    <row r="1541" spans="2:14">
      <c r="B1541" s="2"/>
      <c r="N1541" s="11"/>
    </row>
    <row r="1542" spans="2:14">
      <c r="B1542" s="2"/>
      <c r="N1542" s="11"/>
    </row>
    <row r="1543" spans="2:14">
      <c r="B1543" s="2"/>
      <c r="N1543" s="11"/>
    </row>
    <row r="1544" spans="2:14">
      <c r="B1544" s="2"/>
      <c r="N1544" s="11"/>
    </row>
    <row r="1545" spans="2:14">
      <c r="B1545" s="2"/>
      <c r="N1545" s="11"/>
    </row>
    <row r="1546" spans="2:14">
      <c r="B1546" s="2"/>
      <c r="N1546" s="11"/>
    </row>
    <row r="1547" spans="2:14">
      <c r="B1547" s="2"/>
      <c r="N1547" s="11"/>
    </row>
    <row r="1548" spans="2:14">
      <c r="B1548" s="2"/>
      <c r="N1548" s="11"/>
    </row>
    <row r="1549" spans="2:14">
      <c r="B1549" s="2"/>
      <c r="N1549" s="11"/>
    </row>
    <row r="1550" spans="2:14">
      <c r="B1550" s="2"/>
      <c r="N1550" s="11"/>
    </row>
    <row r="1551" spans="2:14">
      <c r="B1551" s="2"/>
      <c r="N1551" s="11"/>
    </row>
    <row r="1552" spans="2:14">
      <c r="B1552" s="2"/>
      <c r="N1552" s="11"/>
    </row>
    <row r="1553" spans="2:14">
      <c r="B1553" s="2"/>
      <c r="N1553" s="11"/>
    </row>
    <row r="1554" spans="2:14">
      <c r="B1554" s="2"/>
      <c r="N1554" s="11"/>
    </row>
    <row r="1555" spans="2:14">
      <c r="B1555" s="2"/>
      <c r="N1555" s="11"/>
    </row>
    <row r="1556" spans="2:14">
      <c r="B1556" s="2"/>
      <c r="N1556" s="11"/>
    </row>
    <row r="1557" spans="2:14">
      <c r="B1557" s="2"/>
      <c r="N1557" s="11"/>
    </row>
    <row r="1558" spans="2:14">
      <c r="B1558" s="2"/>
      <c r="N1558" s="11"/>
    </row>
    <row r="1559" spans="2:14">
      <c r="B1559" s="2"/>
      <c r="N1559" s="11"/>
    </row>
    <row r="1560" spans="2:14">
      <c r="B1560" s="2"/>
      <c r="N1560" s="11"/>
    </row>
    <row r="1561" spans="2:14">
      <c r="B1561" s="2"/>
      <c r="N1561" s="11"/>
    </row>
    <row r="1562" spans="2:14">
      <c r="B1562" s="2"/>
      <c r="N1562" s="11"/>
    </row>
    <row r="1563" spans="2:14">
      <c r="B1563" s="2"/>
      <c r="N1563" s="11"/>
    </row>
    <row r="1564" spans="2:14">
      <c r="B1564" s="2"/>
      <c r="N1564" s="11"/>
    </row>
    <row r="1565" spans="2:14">
      <c r="B1565" s="2"/>
      <c r="N1565" s="11"/>
    </row>
    <row r="1566" spans="2:14">
      <c r="B1566" s="2"/>
      <c r="N1566" s="11"/>
    </row>
    <row r="1567" spans="2:14">
      <c r="B1567" s="2"/>
      <c r="N1567" s="11"/>
    </row>
    <row r="1568" spans="2:14">
      <c r="B1568" s="2"/>
      <c r="N1568" s="11"/>
    </row>
    <row r="1569" spans="2:14">
      <c r="B1569" s="2"/>
      <c r="N1569" s="11"/>
    </row>
    <row r="1570" spans="2:14">
      <c r="B1570" s="2"/>
      <c r="N1570" s="11"/>
    </row>
    <row r="1571" spans="2:14">
      <c r="B1571" s="2"/>
      <c r="N1571" s="11"/>
    </row>
    <row r="1572" spans="2:14">
      <c r="B1572" s="2"/>
      <c r="N1572" s="11"/>
    </row>
    <row r="1573" spans="2:14">
      <c r="B1573" s="2"/>
      <c r="N1573" s="11"/>
    </row>
    <row r="1574" spans="2:14">
      <c r="B1574" s="2"/>
      <c r="N1574" s="11"/>
    </row>
    <row r="1575" spans="2:14">
      <c r="B1575" s="2"/>
      <c r="N1575" s="11"/>
    </row>
    <row r="1576" spans="2:14">
      <c r="B1576" s="2"/>
      <c r="N1576" s="11"/>
    </row>
    <row r="1577" spans="2:14">
      <c r="B1577" s="2"/>
      <c r="N1577" s="11"/>
    </row>
    <row r="1578" spans="2:14">
      <c r="B1578" s="2"/>
      <c r="N1578" s="11"/>
    </row>
    <row r="1579" spans="2:14">
      <c r="B1579" s="2"/>
      <c r="N1579" s="11"/>
    </row>
    <row r="1580" spans="2:14">
      <c r="B1580" s="2"/>
      <c r="N1580" s="11"/>
    </row>
    <row r="1581" spans="2:14">
      <c r="B1581" s="2"/>
      <c r="N1581" s="11"/>
    </row>
    <row r="1582" spans="2:14">
      <c r="B1582" s="2"/>
      <c r="N1582" s="11"/>
    </row>
    <row r="1583" spans="2:14">
      <c r="B1583" s="2"/>
      <c r="N1583" s="11"/>
    </row>
    <row r="1584" spans="2:14">
      <c r="B1584" s="2"/>
      <c r="N1584" s="11"/>
    </row>
    <row r="1585" spans="2:14">
      <c r="B1585" s="2"/>
      <c r="N1585" s="11"/>
    </row>
    <row r="1586" spans="2:14">
      <c r="B1586" s="2"/>
      <c r="N1586" s="11"/>
    </row>
    <row r="1587" spans="2:14">
      <c r="B1587" s="2"/>
      <c r="N1587" s="11"/>
    </row>
    <row r="1588" spans="2:14">
      <c r="B1588" s="2"/>
      <c r="N1588" s="11"/>
    </row>
    <row r="1589" spans="2:14">
      <c r="B1589" s="2"/>
      <c r="N1589" s="11"/>
    </row>
    <row r="1590" spans="2:14">
      <c r="B1590" s="2"/>
      <c r="N1590" s="11"/>
    </row>
    <row r="1591" spans="2:14">
      <c r="B1591" s="2"/>
      <c r="N1591" s="11"/>
    </row>
    <row r="1592" spans="2:14">
      <c r="B1592" s="2"/>
      <c r="N1592" s="11"/>
    </row>
    <row r="1593" spans="2:14">
      <c r="B1593" s="2"/>
      <c r="N1593" s="11"/>
    </row>
    <row r="1594" spans="2:14">
      <c r="B1594" s="2"/>
      <c r="N1594" s="11"/>
    </row>
    <row r="1595" spans="2:14">
      <c r="B1595" s="2"/>
      <c r="N1595" s="11"/>
    </row>
    <row r="1596" spans="2:14">
      <c r="B1596" s="2"/>
      <c r="N1596" s="11"/>
    </row>
    <row r="1597" spans="2:14">
      <c r="B1597" s="2"/>
      <c r="N1597" s="11"/>
    </row>
    <row r="1598" spans="2:14">
      <c r="B1598" s="2"/>
      <c r="N1598" s="11"/>
    </row>
    <row r="1599" spans="2:14">
      <c r="B1599" s="2"/>
      <c r="N1599" s="11"/>
    </row>
    <row r="1600" spans="2:14">
      <c r="B1600" s="2"/>
      <c r="N1600" s="11"/>
    </row>
    <row r="1601" spans="2:14">
      <c r="B1601" s="2"/>
      <c r="N1601" s="11"/>
    </row>
    <row r="1602" spans="2:14">
      <c r="B1602" s="2"/>
      <c r="N1602" s="11"/>
    </row>
    <row r="1603" spans="2:14">
      <c r="B1603" s="2"/>
      <c r="N1603" s="11"/>
    </row>
    <row r="1604" spans="2:14">
      <c r="B1604" s="2"/>
      <c r="N1604" s="11"/>
    </row>
    <row r="1605" spans="2:14">
      <c r="B1605" s="2"/>
      <c r="N1605" s="11"/>
    </row>
    <row r="1606" spans="2:14">
      <c r="B1606" s="2"/>
      <c r="N1606" s="11"/>
    </row>
    <row r="1607" spans="2:14">
      <c r="B1607" s="2"/>
      <c r="N1607" s="11"/>
    </row>
    <row r="1608" spans="2:14">
      <c r="B1608" s="2"/>
      <c r="N1608" s="11"/>
    </row>
    <row r="1609" spans="2:14">
      <c r="B1609" s="2"/>
      <c r="N1609" s="11"/>
    </row>
    <row r="1610" spans="2:14">
      <c r="B1610" s="2"/>
      <c r="N1610" s="11"/>
    </row>
    <row r="1611" spans="2:14">
      <c r="B1611" s="2"/>
      <c r="N1611" s="11"/>
    </row>
    <row r="1612" spans="2:14">
      <c r="B1612" s="2"/>
      <c r="N1612" s="11"/>
    </row>
    <row r="1613" spans="2:14">
      <c r="B1613" s="2"/>
      <c r="N1613" s="11"/>
    </row>
    <row r="1614" spans="2:14">
      <c r="B1614" s="2"/>
      <c r="N1614" s="11"/>
    </row>
    <row r="1615" spans="2:14">
      <c r="B1615" s="2"/>
      <c r="N1615" s="11"/>
    </row>
    <row r="1616" spans="2:14">
      <c r="B1616" s="2"/>
      <c r="N1616" s="11"/>
    </row>
    <row r="1617" spans="2:14">
      <c r="B1617" s="2"/>
      <c r="N1617" s="11"/>
    </row>
    <row r="1618" spans="2:14">
      <c r="B1618" s="2"/>
      <c r="N1618" s="11"/>
    </row>
    <row r="1619" spans="2:14">
      <c r="B1619" s="2"/>
      <c r="N1619" s="11"/>
    </row>
    <row r="1620" spans="2:14">
      <c r="B1620" s="2"/>
      <c r="N1620" s="11"/>
    </row>
    <row r="1621" spans="2:14">
      <c r="B1621" s="2"/>
      <c r="N1621" s="11"/>
    </row>
    <row r="1622" spans="2:14">
      <c r="B1622" s="2"/>
      <c r="N1622" s="11"/>
    </row>
    <row r="1623" spans="2:14">
      <c r="B1623" s="2"/>
      <c r="N1623" s="11"/>
    </row>
    <row r="1624" spans="2:14">
      <c r="B1624" s="2"/>
      <c r="N1624" s="11"/>
    </row>
    <row r="1625" spans="2:14">
      <c r="B1625" s="2"/>
      <c r="N1625" s="11"/>
    </row>
    <row r="1626" spans="2:14">
      <c r="B1626" s="2"/>
      <c r="N1626" s="11"/>
    </row>
    <row r="1627" spans="2:14">
      <c r="B1627" s="2"/>
      <c r="N1627" s="11"/>
    </row>
    <row r="1628" spans="2:14">
      <c r="B1628" s="2"/>
      <c r="N1628" s="11"/>
    </row>
    <row r="1629" spans="2:14">
      <c r="B1629" s="2"/>
      <c r="N1629" s="11"/>
    </row>
    <row r="1630" spans="2:14">
      <c r="B1630" s="2"/>
      <c r="N1630" s="11"/>
    </row>
    <row r="1631" spans="2:14">
      <c r="B1631" s="2"/>
      <c r="N1631" s="11"/>
    </row>
    <row r="1632" spans="2:14">
      <c r="B1632" s="2"/>
      <c r="N1632" s="11"/>
    </row>
    <row r="1633" spans="2:14">
      <c r="B1633" s="2"/>
      <c r="N1633" s="11"/>
    </row>
    <row r="1634" spans="2:14">
      <c r="B1634" s="2"/>
      <c r="N1634" s="11"/>
    </row>
    <row r="1635" spans="2:14">
      <c r="B1635" s="2"/>
      <c r="N1635" s="11"/>
    </row>
    <row r="1636" spans="2:14">
      <c r="B1636" s="2"/>
      <c r="N1636" s="11"/>
    </row>
    <row r="1637" spans="2:14">
      <c r="B1637" s="2"/>
      <c r="N1637" s="11"/>
    </row>
    <row r="1638" spans="2:14">
      <c r="B1638" s="2"/>
      <c r="N1638" s="11"/>
    </row>
    <row r="1639" spans="2:14">
      <c r="B1639" s="2"/>
      <c r="N1639" s="11"/>
    </row>
    <row r="1640" spans="2:14">
      <c r="B1640" s="2"/>
      <c r="N1640" s="11"/>
    </row>
    <row r="1641" spans="2:14">
      <c r="B1641" s="2"/>
      <c r="N1641" s="11"/>
    </row>
    <row r="1642" spans="2:14">
      <c r="B1642" s="2"/>
      <c r="N1642" s="11"/>
    </row>
    <row r="1643" spans="2:14">
      <c r="B1643" s="2"/>
      <c r="N1643" s="11"/>
    </row>
    <row r="1644" spans="2:14">
      <c r="B1644" s="2"/>
      <c r="N1644" s="11"/>
    </row>
    <row r="1645" spans="2:14">
      <c r="B1645" s="2"/>
      <c r="N1645" s="11"/>
    </row>
    <row r="1646" spans="2:14">
      <c r="B1646" s="2"/>
      <c r="N1646" s="11"/>
    </row>
    <row r="1647" spans="2:14">
      <c r="B1647" s="2"/>
      <c r="N1647" s="11"/>
    </row>
    <row r="1648" spans="2:14">
      <c r="B1648" s="2"/>
      <c r="N1648" s="11"/>
    </row>
    <row r="1649" spans="2:14">
      <c r="B1649" s="2"/>
      <c r="N1649" s="11"/>
    </row>
    <row r="1650" spans="2:14">
      <c r="B1650" s="2"/>
      <c r="N1650" s="11"/>
    </row>
    <row r="1651" spans="2:14">
      <c r="B1651" s="2"/>
      <c r="N1651" s="11"/>
    </row>
    <row r="1652" spans="2:14">
      <c r="B1652" s="2"/>
      <c r="N1652" s="11"/>
    </row>
    <row r="1653" spans="2:14">
      <c r="B1653" s="2"/>
      <c r="N1653" s="11"/>
    </row>
    <row r="1654" spans="2:14">
      <c r="B1654" s="2"/>
      <c r="N1654" s="11"/>
    </row>
    <row r="1655" spans="2:14">
      <c r="B1655" s="2"/>
      <c r="N1655" s="11"/>
    </row>
    <row r="1656" spans="2:14">
      <c r="B1656" s="2"/>
      <c r="N1656" s="11"/>
    </row>
    <row r="1657" spans="2:14">
      <c r="B1657" s="2"/>
      <c r="N1657" s="11"/>
    </row>
    <row r="1658" spans="2:14">
      <c r="B1658" s="2"/>
      <c r="N1658" s="11"/>
    </row>
    <row r="1659" spans="2:14">
      <c r="B1659" s="2"/>
      <c r="N1659" s="11"/>
    </row>
    <row r="1660" spans="2:14">
      <c r="B1660" s="2"/>
      <c r="N1660" s="11"/>
    </row>
    <row r="1661" spans="2:14">
      <c r="B1661" s="2"/>
      <c r="N1661" s="11"/>
    </row>
    <row r="1662" spans="2:14">
      <c r="B1662" s="2"/>
      <c r="N1662" s="11"/>
    </row>
    <row r="1663" spans="2:14">
      <c r="B1663" s="2"/>
      <c r="N1663" s="11"/>
    </row>
    <row r="1664" spans="2:14">
      <c r="B1664" s="2"/>
      <c r="N1664" s="11"/>
    </row>
    <row r="1665" spans="2:14">
      <c r="B1665" s="2"/>
      <c r="N1665" s="11"/>
    </row>
    <row r="1666" spans="2:14">
      <c r="B1666" s="2"/>
      <c r="N1666" s="11"/>
    </row>
    <row r="1667" spans="2:14">
      <c r="B1667" s="2"/>
      <c r="N1667" s="11"/>
    </row>
    <row r="1668" spans="2:14">
      <c r="B1668" s="2"/>
      <c r="N1668" s="11"/>
    </row>
    <row r="1669" spans="2:14">
      <c r="B1669" s="2"/>
      <c r="N1669" s="11"/>
    </row>
    <row r="1670" spans="2:14">
      <c r="B1670" s="2"/>
      <c r="N1670" s="11"/>
    </row>
    <row r="1671" spans="2:14">
      <c r="B1671" s="2"/>
      <c r="N1671" s="11"/>
    </row>
    <row r="1672" spans="2:14">
      <c r="B1672" s="2"/>
      <c r="N1672" s="11"/>
    </row>
    <row r="1673" spans="2:14">
      <c r="B1673" s="2"/>
      <c r="N1673" s="11"/>
    </row>
    <row r="1674" spans="2:14">
      <c r="B1674" s="2"/>
      <c r="N1674" s="11"/>
    </row>
    <row r="1675" spans="2:14">
      <c r="B1675" s="2"/>
      <c r="N1675" s="11"/>
    </row>
    <row r="1676" spans="2:14">
      <c r="B1676" s="2"/>
      <c r="N1676" s="11"/>
    </row>
    <row r="1677" spans="2:14">
      <c r="B1677" s="2"/>
      <c r="N1677" s="11"/>
    </row>
    <row r="1678" spans="2:14">
      <c r="B1678" s="2"/>
      <c r="N1678" s="11"/>
    </row>
    <row r="1679" spans="2:14">
      <c r="B1679" s="2"/>
      <c r="N1679" s="11"/>
    </row>
    <row r="1680" spans="2:14">
      <c r="B1680" s="2"/>
      <c r="N1680" s="11"/>
    </row>
    <row r="1681" spans="2:14">
      <c r="B1681" s="2"/>
      <c r="N1681" s="11"/>
    </row>
    <row r="1682" spans="2:14">
      <c r="B1682" s="2"/>
      <c r="N1682" s="11"/>
    </row>
    <row r="1683" spans="2:14">
      <c r="B1683" s="2"/>
      <c r="N1683" s="11"/>
    </row>
    <row r="1684" spans="2:14">
      <c r="B1684" s="2"/>
      <c r="N1684" s="11"/>
    </row>
    <row r="1685" spans="2:14">
      <c r="B1685" s="2"/>
      <c r="N1685" s="11"/>
    </row>
    <row r="1686" spans="2:14">
      <c r="B1686" s="2"/>
      <c r="N1686" s="11"/>
    </row>
    <row r="1687" spans="2:14">
      <c r="B1687" s="2"/>
      <c r="N1687" s="11"/>
    </row>
    <row r="1688" spans="2:14">
      <c r="B1688" s="2"/>
      <c r="N1688" s="11"/>
    </row>
    <row r="1689" spans="2:14">
      <c r="B1689" s="2"/>
      <c r="N1689" s="11"/>
    </row>
    <row r="1690" spans="2:14">
      <c r="B1690" s="2"/>
      <c r="N1690" s="11"/>
    </row>
    <row r="1691" spans="2:14">
      <c r="B1691" s="2"/>
      <c r="N1691" s="11"/>
    </row>
    <row r="1692" spans="2:14">
      <c r="B1692" s="2"/>
      <c r="N1692" s="11"/>
    </row>
    <row r="1693" spans="2:14">
      <c r="B1693" s="2"/>
      <c r="N1693" s="11"/>
    </row>
    <row r="1694" spans="2:14">
      <c r="B1694" s="2"/>
      <c r="N1694" s="11"/>
    </row>
    <row r="1695" spans="2:14">
      <c r="B1695" s="2"/>
      <c r="N1695" s="11"/>
    </row>
    <row r="1696" spans="2:14">
      <c r="B1696" s="2"/>
      <c r="N1696" s="11"/>
    </row>
    <row r="1697" spans="2:14">
      <c r="B1697" s="2"/>
      <c r="N1697" s="11"/>
    </row>
    <row r="1698" spans="2:14">
      <c r="B1698" s="2"/>
      <c r="N1698" s="11"/>
    </row>
    <row r="1699" spans="2:14">
      <c r="B1699" s="2"/>
      <c r="N1699" s="11"/>
    </row>
    <row r="1700" spans="2:14">
      <c r="B1700" s="2"/>
      <c r="N1700" s="11"/>
    </row>
    <row r="1701" spans="2:14">
      <c r="B1701" s="2"/>
      <c r="N1701" s="11"/>
    </row>
    <row r="1702" spans="2:14">
      <c r="B1702" s="2"/>
      <c r="N1702" s="11"/>
    </row>
    <row r="1703" spans="2:14">
      <c r="B1703" s="2"/>
      <c r="N1703" s="11"/>
    </row>
    <row r="1704" spans="2:14">
      <c r="B1704" s="2"/>
      <c r="N1704" s="11"/>
    </row>
    <row r="1705" spans="2:14">
      <c r="B1705" s="2"/>
      <c r="N1705" s="11"/>
    </row>
    <row r="1706" spans="2:14">
      <c r="B1706" s="2"/>
      <c r="N1706" s="11"/>
    </row>
    <row r="1707" spans="2:14">
      <c r="B1707" s="2"/>
      <c r="N1707" s="11"/>
    </row>
    <row r="1708" spans="2:14">
      <c r="B1708" s="2"/>
      <c r="N1708" s="11"/>
    </row>
    <row r="1709" spans="2:14">
      <c r="B1709" s="2"/>
      <c r="N1709" s="11"/>
    </row>
    <row r="1710" spans="2:14">
      <c r="B1710" s="2"/>
      <c r="N1710" s="11"/>
    </row>
    <row r="1711" spans="2:14">
      <c r="B1711" s="2"/>
      <c r="N1711" s="11"/>
    </row>
    <row r="1712" spans="2:14">
      <c r="B1712" s="2"/>
      <c r="N1712" s="11"/>
    </row>
    <row r="1713" spans="2:14">
      <c r="B1713" s="2"/>
      <c r="N1713" s="11"/>
    </row>
    <row r="1714" spans="2:14">
      <c r="B1714" s="2"/>
      <c r="N1714" s="11"/>
    </row>
    <row r="1715" spans="2:14">
      <c r="B1715" s="2"/>
      <c r="N1715" s="11"/>
    </row>
    <row r="1716" spans="2:14">
      <c r="B1716" s="2"/>
      <c r="N1716" s="11"/>
    </row>
    <row r="1717" spans="2:14">
      <c r="B1717" s="2"/>
      <c r="N1717" s="11"/>
    </row>
    <row r="1718" spans="2:14">
      <c r="B1718" s="2"/>
      <c r="N1718" s="11"/>
    </row>
    <row r="1719" spans="2:14">
      <c r="B1719" s="2"/>
      <c r="N1719" s="11"/>
    </row>
    <row r="1720" spans="2:14">
      <c r="B1720" s="2"/>
      <c r="N1720" s="11"/>
    </row>
    <row r="1721" spans="2:14">
      <c r="B1721" s="2"/>
      <c r="N1721" s="11"/>
    </row>
    <row r="1722" spans="2:14">
      <c r="B1722" s="2"/>
      <c r="N1722" s="11"/>
    </row>
    <row r="1723" spans="2:14">
      <c r="B1723" s="2"/>
      <c r="N1723" s="11"/>
    </row>
    <row r="1724" spans="2:14">
      <c r="B1724" s="2"/>
      <c r="N1724" s="11"/>
    </row>
    <row r="1725" spans="2:14">
      <c r="B1725" s="2"/>
      <c r="N1725" s="11"/>
    </row>
    <row r="1726" spans="2:14">
      <c r="B1726" s="2"/>
      <c r="N1726" s="11"/>
    </row>
    <row r="1727" spans="2:14">
      <c r="B1727" s="2"/>
      <c r="N1727" s="11"/>
    </row>
    <row r="1728" spans="2:14">
      <c r="B1728" s="2"/>
      <c r="N1728" s="11"/>
    </row>
    <row r="1729" spans="2:14">
      <c r="B1729" s="2"/>
      <c r="N1729" s="11"/>
    </row>
    <row r="1730" spans="2:14">
      <c r="B1730" s="2"/>
      <c r="N1730" s="11"/>
    </row>
    <row r="1731" spans="2:14">
      <c r="B1731" s="2"/>
      <c r="N1731" s="11"/>
    </row>
    <row r="1732" spans="2:14">
      <c r="B1732" s="2"/>
      <c r="N1732" s="11"/>
    </row>
    <row r="1733" spans="2:14">
      <c r="B1733" s="2"/>
      <c r="N1733" s="11"/>
    </row>
    <row r="1734" spans="2:14">
      <c r="B1734" s="2"/>
      <c r="N1734" s="11"/>
    </row>
    <row r="1735" spans="2:14">
      <c r="B1735" s="2"/>
      <c r="N1735" s="11"/>
    </row>
    <row r="1736" spans="2:14">
      <c r="B1736" s="2"/>
      <c r="N1736" s="11"/>
    </row>
    <row r="1737" spans="2:14">
      <c r="B1737" s="2"/>
      <c r="N1737" s="11"/>
    </row>
    <row r="1738" spans="2:14">
      <c r="B1738" s="2"/>
      <c r="N1738" s="11"/>
    </row>
    <row r="1739" spans="2:14">
      <c r="B1739" s="2"/>
      <c r="N1739" s="11"/>
    </row>
    <row r="1740" spans="2:14">
      <c r="B1740" s="2"/>
      <c r="N1740" s="11"/>
    </row>
    <row r="1741" spans="2:14">
      <c r="B1741" s="2"/>
      <c r="N1741" s="11"/>
    </row>
    <row r="1742" spans="2:14">
      <c r="B1742" s="2"/>
      <c r="N1742" s="11"/>
    </row>
    <row r="1743" spans="2:14">
      <c r="B1743" s="2"/>
      <c r="N1743" s="11"/>
    </row>
    <row r="1744" spans="2:14">
      <c r="B1744" s="2"/>
      <c r="N1744" s="11"/>
    </row>
    <row r="1745" spans="2:14">
      <c r="B1745" s="2"/>
      <c r="N1745" s="11"/>
    </row>
    <row r="1746" spans="2:14">
      <c r="B1746" s="2"/>
      <c r="N1746" s="11"/>
    </row>
    <row r="1747" spans="2:14">
      <c r="B1747" s="2"/>
      <c r="N1747" s="11"/>
    </row>
    <row r="1748" spans="2:14">
      <c r="B1748" s="2"/>
      <c r="N1748" s="11"/>
    </row>
    <row r="1749" spans="2:14">
      <c r="B1749" s="2"/>
      <c r="N1749" s="11"/>
    </row>
    <row r="1750" spans="2:14">
      <c r="B1750" s="2"/>
      <c r="N1750" s="11"/>
    </row>
    <row r="1751" spans="2:14">
      <c r="B1751" s="2"/>
      <c r="N1751" s="11"/>
    </row>
    <row r="1752" spans="2:14">
      <c r="B1752" s="2"/>
      <c r="N1752" s="11"/>
    </row>
    <row r="1753" spans="2:14">
      <c r="B1753" s="2"/>
      <c r="N1753" s="11"/>
    </row>
    <row r="1754" spans="2:14">
      <c r="B1754" s="2"/>
      <c r="N1754" s="11"/>
    </row>
    <row r="1755" spans="2:14">
      <c r="B1755" s="2"/>
      <c r="N1755" s="11"/>
    </row>
    <row r="1756" spans="2:14">
      <c r="B1756" s="2"/>
      <c r="N1756" s="11"/>
    </row>
    <row r="1757" spans="2:14">
      <c r="B1757" s="2"/>
      <c r="N1757" s="11"/>
    </row>
    <row r="1758" spans="2:14">
      <c r="B1758" s="2"/>
      <c r="N1758" s="11"/>
    </row>
    <row r="1759" spans="2:14">
      <c r="B1759" s="2"/>
      <c r="N1759" s="11"/>
    </row>
    <row r="1760" spans="2:14">
      <c r="B1760" s="2"/>
      <c r="N1760" s="11"/>
    </row>
    <row r="1761" spans="2:14">
      <c r="B1761" s="2"/>
      <c r="N1761" s="11"/>
    </row>
    <row r="1762" spans="2:14">
      <c r="B1762" s="2"/>
      <c r="N1762" s="11"/>
    </row>
    <row r="1763" spans="2:14">
      <c r="B1763" s="2"/>
      <c r="N1763" s="11"/>
    </row>
    <row r="1764" spans="2:14">
      <c r="B1764" s="2"/>
      <c r="N1764" s="11"/>
    </row>
    <row r="1765" spans="2:14">
      <c r="B1765" s="2"/>
      <c r="N1765" s="11"/>
    </row>
    <row r="1766" spans="2:14">
      <c r="B1766" s="2"/>
      <c r="N1766" s="11"/>
    </row>
    <row r="1767" spans="2:14">
      <c r="B1767" s="2"/>
      <c r="N1767" s="11"/>
    </row>
    <row r="1768" spans="2:14">
      <c r="B1768" s="2"/>
      <c r="N1768" s="11"/>
    </row>
    <row r="1769" spans="2:14">
      <c r="B1769" s="2"/>
      <c r="N1769" s="11"/>
    </row>
    <row r="1770" spans="2:14">
      <c r="B1770" s="2"/>
      <c r="N1770" s="11"/>
    </row>
    <row r="1771" spans="2:14">
      <c r="B1771" s="2"/>
      <c r="N1771" s="11"/>
    </row>
    <row r="1772" spans="2:14">
      <c r="B1772" s="2"/>
      <c r="N1772" s="11"/>
    </row>
    <row r="1773" spans="2:14">
      <c r="B1773" s="2"/>
      <c r="N1773" s="11"/>
    </row>
    <row r="1774" spans="2:14">
      <c r="B1774" s="2"/>
      <c r="N1774" s="11"/>
    </row>
    <row r="1775" spans="2:14">
      <c r="B1775" s="2"/>
      <c r="N1775" s="11"/>
    </row>
    <row r="1776" spans="2:14">
      <c r="B1776" s="2"/>
      <c r="N1776" s="11"/>
    </row>
    <row r="1777" spans="2:14">
      <c r="B1777" s="2"/>
      <c r="N1777" s="11"/>
    </row>
    <row r="1778" spans="2:14">
      <c r="B1778" s="2"/>
      <c r="N1778" s="11"/>
    </row>
    <row r="1779" spans="2:14">
      <c r="B1779" s="2"/>
      <c r="N1779" s="11"/>
    </row>
    <row r="1780" spans="2:14">
      <c r="B1780" s="2"/>
      <c r="N1780" s="11"/>
    </row>
    <row r="1781" spans="2:14">
      <c r="B1781" s="2"/>
      <c r="N1781" s="11"/>
    </row>
    <row r="1782" spans="2:14">
      <c r="B1782" s="2"/>
      <c r="N1782" s="11"/>
    </row>
    <row r="1783" spans="2:14">
      <c r="B1783" s="2"/>
      <c r="N1783" s="11"/>
    </row>
    <row r="1784" spans="2:14">
      <c r="B1784" s="2"/>
      <c r="N1784" s="11"/>
    </row>
    <row r="1785" spans="2:14">
      <c r="B1785" s="2"/>
      <c r="N1785" s="11"/>
    </row>
    <row r="1786" spans="2:14">
      <c r="B1786" s="2"/>
      <c r="N1786" s="11"/>
    </row>
    <row r="1787" spans="2:14">
      <c r="B1787" s="2"/>
      <c r="N1787" s="11"/>
    </row>
    <row r="1788" spans="2:14">
      <c r="B1788" s="2"/>
      <c r="N1788" s="11"/>
    </row>
    <row r="1789" spans="2:14">
      <c r="B1789" s="2"/>
      <c r="N1789" s="11"/>
    </row>
    <row r="1790" spans="2:14">
      <c r="B1790" s="2"/>
      <c r="N1790" s="11"/>
    </row>
    <row r="1791" spans="2:14">
      <c r="B1791" s="2"/>
      <c r="N1791" s="11"/>
    </row>
    <row r="1792" spans="2:14">
      <c r="B1792" s="2"/>
      <c r="N1792" s="11"/>
    </row>
    <row r="1793" spans="2:14">
      <c r="B1793" s="2"/>
      <c r="N1793" s="11"/>
    </row>
    <row r="1794" spans="2:14">
      <c r="B1794" s="2"/>
      <c r="N1794" s="11"/>
    </row>
    <row r="1795" spans="2:14">
      <c r="B1795" s="2"/>
      <c r="N1795" s="11"/>
    </row>
    <row r="1796" spans="2:14">
      <c r="B1796" s="2"/>
      <c r="N1796" s="11"/>
    </row>
    <row r="1797" spans="2:14">
      <c r="B1797" s="2"/>
      <c r="N1797" s="11"/>
    </row>
    <row r="1798" spans="2:14">
      <c r="B1798" s="2"/>
      <c r="N1798" s="11"/>
    </row>
    <row r="1799" spans="2:14">
      <c r="B1799" s="2"/>
      <c r="N1799" s="11"/>
    </row>
    <row r="1800" spans="2:14">
      <c r="B1800" s="2"/>
      <c r="N1800" s="11"/>
    </row>
    <row r="1801" spans="2:14">
      <c r="B1801" s="2"/>
      <c r="N1801" s="11"/>
    </row>
    <row r="1802" spans="2:14">
      <c r="B1802" s="2"/>
      <c r="N1802" s="11"/>
    </row>
    <row r="1803" spans="2:14">
      <c r="B1803" s="2"/>
      <c r="N1803" s="11"/>
    </row>
    <row r="1804" spans="2:14">
      <c r="B1804" s="2"/>
      <c r="N1804" s="11"/>
    </row>
    <row r="1805" spans="2:14">
      <c r="B1805" s="2"/>
      <c r="N1805" s="11"/>
    </row>
    <row r="1806" spans="2:14">
      <c r="B1806" s="2"/>
      <c r="N1806" s="11"/>
    </row>
    <row r="1807" spans="2:14">
      <c r="B1807" s="2"/>
      <c r="N1807" s="11"/>
    </row>
    <row r="1808" spans="2:14">
      <c r="B1808" s="2"/>
      <c r="N1808" s="11"/>
    </row>
    <row r="1809" spans="2:14">
      <c r="B1809" s="2"/>
      <c r="N1809" s="11"/>
    </row>
    <row r="1810" spans="2:14">
      <c r="B1810" s="2"/>
      <c r="N1810" s="11"/>
    </row>
    <row r="1811" spans="2:14">
      <c r="B1811" s="2"/>
      <c r="N1811" s="11"/>
    </row>
    <row r="1812" spans="2:14">
      <c r="B1812" s="2"/>
      <c r="N1812" s="11"/>
    </row>
    <row r="1813" spans="2:14">
      <c r="B1813" s="2"/>
      <c r="N1813" s="11"/>
    </row>
    <row r="1814" spans="2:14">
      <c r="B1814" s="2"/>
      <c r="N1814" s="11"/>
    </row>
    <row r="1815" spans="2:14">
      <c r="B1815" s="2"/>
      <c r="N1815" s="11"/>
    </row>
    <row r="1816" spans="2:14">
      <c r="B1816" s="2"/>
      <c r="N1816" s="11"/>
    </row>
    <row r="1817" spans="2:14">
      <c r="B1817" s="2"/>
      <c r="N1817" s="11"/>
    </row>
    <row r="1818" spans="2:14">
      <c r="B1818" s="2"/>
      <c r="N1818" s="11"/>
    </row>
    <row r="1819" spans="2:14">
      <c r="B1819" s="2"/>
      <c r="N1819" s="11"/>
    </row>
    <row r="1820" spans="2:14">
      <c r="B1820" s="2"/>
      <c r="N1820" s="11"/>
    </row>
    <row r="1821" spans="2:14">
      <c r="B1821" s="2"/>
      <c r="N1821" s="11"/>
    </row>
    <row r="1822" spans="2:14">
      <c r="B1822" s="2"/>
      <c r="N1822" s="11"/>
    </row>
    <row r="1823" spans="2:14">
      <c r="B1823" s="2"/>
      <c r="N1823" s="11"/>
    </row>
    <row r="1824" spans="2:14">
      <c r="B1824" s="2"/>
      <c r="N1824" s="11"/>
    </row>
    <row r="1825" spans="2:14">
      <c r="B1825" s="2"/>
      <c r="N1825" s="11"/>
    </row>
    <row r="1826" spans="2:14">
      <c r="B1826" s="2"/>
      <c r="N1826" s="11"/>
    </row>
    <row r="1827" spans="2:14">
      <c r="B1827" s="2"/>
      <c r="N1827" s="11"/>
    </row>
    <row r="1828" spans="2:14">
      <c r="B1828" s="2"/>
      <c r="N1828" s="11"/>
    </row>
    <row r="1829" spans="2:14">
      <c r="B1829" s="2"/>
      <c r="N1829" s="11"/>
    </row>
    <row r="1830" spans="2:14">
      <c r="B1830" s="2"/>
      <c r="N1830" s="11"/>
    </row>
    <row r="1831" spans="2:14">
      <c r="B1831" s="2"/>
      <c r="N1831" s="11"/>
    </row>
    <row r="1832" spans="2:14">
      <c r="B1832" s="2"/>
      <c r="N1832" s="11"/>
    </row>
    <row r="1833" spans="2:14">
      <c r="B1833" s="2"/>
      <c r="N1833" s="11"/>
    </row>
    <row r="1834" spans="2:14">
      <c r="B1834" s="2"/>
      <c r="N1834" s="11"/>
    </row>
    <row r="1835" spans="2:14">
      <c r="B1835" s="2"/>
      <c r="N1835" s="11"/>
    </row>
    <row r="1836" spans="2:14">
      <c r="B1836" s="2"/>
      <c r="N1836" s="11"/>
    </row>
    <row r="1837" spans="2:14">
      <c r="B1837" s="2"/>
      <c r="N1837" s="11"/>
    </row>
    <row r="1838" spans="2:14">
      <c r="B1838" s="2"/>
      <c r="N1838" s="11"/>
    </row>
    <row r="1839" spans="2:14">
      <c r="B1839" s="2"/>
      <c r="N1839" s="11"/>
    </row>
    <row r="1840" spans="2:14">
      <c r="B1840" s="2"/>
      <c r="N1840" s="11"/>
    </row>
    <row r="1841" spans="2:14">
      <c r="B1841" s="2"/>
      <c r="N1841" s="11"/>
    </row>
    <row r="1842" spans="2:14">
      <c r="B1842" s="2"/>
      <c r="N1842" s="11"/>
    </row>
    <row r="1843" spans="2:14">
      <c r="B1843" s="2"/>
      <c r="N1843" s="11"/>
    </row>
    <row r="1844" spans="2:14">
      <c r="B1844" s="2"/>
      <c r="N1844" s="11"/>
    </row>
    <row r="1845" spans="2:14">
      <c r="B1845" s="2"/>
      <c r="N1845" s="11"/>
    </row>
    <row r="1846" spans="2:14">
      <c r="B1846" s="2"/>
      <c r="N1846" s="11"/>
    </row>
    <row r="1847" spans="2:14">
      <c r="B1847" s="2"/>
      <c r="N1847" s="11"/>
    </row>
    <row r="1848" spans="2:14">
      <c r="B1848" s="2"/>
      <c r="N1848" s="11"/>
    </row>
    <row r="1849" spans="2:14">
      <c r="B1849" s="2"/>
      <c r="N1849" s="11"/>
    </row>
    <row r="1850" spans="2:14">
      <c r="B1850" s="2"/>
      <c r="N1850" s="11"/>
    </row>
    <row r="1851" spans="2:14">
      <c r="B1851" s="2"/>
      <c r="N1851" s="11"/>
    </row>
    <row r="1852" spans="2:14">
      <c r="B1852" s="2"/>
      <c r="N1852" s="11"/>
    </row>
    <row r="1853" spans="2:14">
      <c r="B1853" s="2"/>
      <c r="N1853" s="11"/>
    </row>
    <row r="1854" spans="2:14">
      <c r="B1854" s="2"/>
      <c r="N1854" s="11"/>
    </row>
    <row r="1855" spans="2:14">
      <c r="B1855" s="2"/>
      <c r="N1855" s="11"/>
    </row>
    <row r="1856" spans="2:14">
      <c r="B1856" s="2"/>
      <c r="N1856" s="11"/>
    </row>
    <row r="1857" spans="2:14">
      <c r="B1857" s="2"/>
      <c r="N1857" s="11"/>
    </row>
    <row r="1858" spans="2:14">
      <c r="B1858" s="2"/>
      <c r="N1858" s="11"/>
    </row>
    <row r="1859" spans="2:14">
      <c r="B1859" s="2"/>
      <c r="N1859" s="11"/>
    </row>
    <row r="1860" spans="2:14">
      <c r="B1860" s="2"/>
      <c r="N1860" s="11"/>
    </row>
    <row r="1861" spans="2:14">
      <c r="B1861" s="2"/>
      <c r="N1861" s="11"/>
    </row>
    <row r="1862" spans="2:14">
      <c r="B1862" s="2"/>
      <c r="N1862" s="11"/>
    </row>
    <row r="1863" spans="2:14">
      <c r="B1863" s="2"/>
      <c r="N1863" s="11"/>
    </row>
    <row r="1864" spans="2:14">
      <c r="B1864" s="2"/>
      <c r="N1864" s="11"/>
    </row>
    <row r="1865" spans="2:14">
      <c r="B1865" s="2"/>
      <c r="N1865" s="11"/>
    </row>
    <row r="1866" spans="2:14">
      <c r="B1866" s="2"/>
      <c r="N1866" s="11"/>
    </row>
    <row r="1867" spans="2:14">
      <c r="B1867" s="2"/>
      <c r="N1867" s="11"/>
    </row>
    <row r="1868" spans="2:14">
      <c r="B1868" s="2"/>
      <c r="N1868" s="11"/>
    </row>
    <row r="1869" spans="2:14">
      <c r="B1869" s="2"/>
      <c r="N1869" s="11"/>
    </row>
    <row r="1870" spans="2:14">
      <c r="B1870" s="2"/>
      <c r="N1870" s="11"/>
    </row>
    <row r="1871" spans="2:14">
      <c r="B1871" s="2"/>
      <c r="N1871" s="11"/>
    </row>
    <row r="1872" spans="2:14">
      <c r="B1872" s="2"/>
      <c r="N1872" s="11"/>
    </row>
    <row r="1873" spans="2:14">
      <c r="B1873" s="2"/>
      <c r="N1873" s="11"/>
    </row>
    <row r="1874" spans="2:14">
      <c r="B1874" s="2"/>
      <c r="N1874" s="11"/>
    </row>
    <row r="1875" spans="2:14">
      <c r="B1875" s="2"/>
      <c r="N1875" s="11"/>
    </row>
    <row r="1876" spans="2:14">
      <c r="B1876" s="2"/>
      <c r="N1876" s="11"/>
    </row>
    <row r="1877" spans="2:14">
      <c r="B1877" s="2"/>
      <c r="N1877" s="11"/>
    </row>
    <row r="1878" spans="2:14">
      <c r="B1878" s="2"/>
      <c r="N1878" s="11"/>
    </row>
    <row r="1879" spans="2:14">
      <c r="B1879" s="2"/>
      <c r="N1879" s="11"/>
    </row>
    <row r="1880" spans="2:14">
      <c r="B1880" s="2"/>
      <c r="N1880" s="11"/>
    </row>
    <row r="1881" spans="2:14">
      <c r="B1881" s="2"/>
      <c r="N1881" s="11"/>
    </row>
    <row r="1882" spans="2:14">
      <c r="B1882" s="2"/>
      <c r="N1882" s="11"/>
    </row>
    <row r="1883" spans="2:14">
      <c r="B1883" s="2"/>
      <c r="N1883" s="11"/>
    </row>
    <row r="1884" spans="2:14">
      <c r="B1884" s="2"/>
      <c r="N1884" s="11"/>
    </row>
    <row r="1885" spans="2:14">
      <c r="B1885" s="2"/>
      <c r="N1885" s="11"/>
    </row>
    <row r="1886" spans="2:14">
      <c r="B1886" s="2"/>
      <c r="N1886" s="11"/>
    </row>
    <row r="1887" spans="2:14">
      <c r="B1887" s="2"/>
      <c r="N1887" s="11"/>
    </row>
    <row r="1888" spans="2:14">
      <c r="B1888" s="2"/>
      <c r="N1888" s="11"/>
    </row>
    <row r="1889" spans="2:14">
      <c r="B1889" s="2"/>
      <c r="N1889" s="11"/>
    </row>
    <row r="1890" spans="2:14">
      <c r="B1890" s="2"/>
      <c r="N1890" s="11"/>
    </row>
    <row r="1891" spans="2:14">
      <c r="B1891" s="2"/>
      <c r="N1891" s="11"/>
    </row>
    <row r="1892" spans="2:14">
      <c r="B1892" s="2"/>
      <c r="N1892" s="11"/>
    </row>
    <row r="1893" spans="2:14">
      <c r="B1893" s="2"/>
      <c r="N1893" s="11"/>
    </row>
    <row r="1894" spans="2:14">
      <c r="B1894" s="2"/>
      <c r="N1894" s="11"/>
    </row>
    <row r="1895" spans="2:14">
      <c r="B1895" s="2"/>
      <c r="N1895" s="11"/>
    </row>
    <row r="1896" spans="2:14">
      <c r="B1896" s="2"/>
      <c r="N1896" s="11"/>
    </row>
    <row r="1897" spans="2:14">
      <c r="B1897" s="2"/>
      <c r="N1897" s="11"/>
    </row>
    <row r="1898" spans="2:14">
      <c r="B1898" s="2"/>
      <c r="N1898" s="11"/>
    </row>
    <row r="1899" spans="2:14">
      <c r="B1899" s="2"/>
      <c r="N1899" s="11"/>
    </row>
    <row r="1900" spans="2:14">
      <c r="B1900" s="2"/>
      <c r="N1900" s="11"/>
    </row>
    <row r="1901" spans="2:14">
      <c r="B1901" s="2"/>
      <c r="N1901" s="11"/>
    </row>
    <row r="1902" spans="2:14">
      <c r="B1902" s="2"/>
      <c r="N1902" s="11"/>
    </row>
    <row r="1903" spans="2:14">
      <c r="B1903" s="2"/>
      <c r="N1903" s="11"/>
    </row>
    <row r="1904" spans="2:14">
      <c r="B1904" s="2"/>
      <c r="N1904" s="11"/>
    </row>
    <row r="1905" spans="2:14">
      <c r="B1905" s="2"/>
      <c r="N1905" s="11"/>
    </row>
    <row r="1906" spans="2:14">
      <c r="B1906" s="2"/>
      <c r="N1906" s="11"/>
    </row>
    <row r="1907" spans="2:14">
      <c r="B1907" s="2"/>
      <c r="N1907" s="11"/>
    </row>
    <row r="1908" spans="2:14">
      <c r="B1908" s="2"/>
      <c r="N1908" s="11"/>
    </row>
    <row r="1909" spans="2:14">
      <c r="B1909" s="2"/>
      <c r="N1909" s="11"/>
    </row>
    <row r="1910" spans="2:14">
      <c r="B1910" s="2"/>
      <c r="N1910" s="11"/>
    </row>
    <row r="1911" spans="2:14">
      <c r="B1911" s="2"/>
      <c r="N1911" s="11"/>
    </row>
    <row r="1912" spans="2:14">
      <c r="B1912" s="2"/>
      <c r="N1912" s="11"/>
    </row>
    <row r="1913" spans="2:14">
      <c r="B1913" s="2"/>
      <c r="N1913" s="11"/>
    </row>
    <row r="1914" spans="2:14">
      <c r="B1914" s="2"/>
      <c r="N1914" s="11"/>
    </row>
    <row r="1915" spans="2:14">
      <c r="B1915" s="2"/>
      <c r="N1915" s="11"/>
    </row>
    <row r="1916" spans="2:14">
      <c r="B1916" s="2"/>
      <c r="N1916" s="11"/>
    </row>
    <row r="1917" spans="2:14">
      <c r="B1917" s="2"/>
      <c r="N1917" s="11"/>
    </row>
    <row r="1918" spans="2:14">
      <c r="B1918" s="2"/>
      <c r="N1918" s="11"/>
    </row>
    <row r="1919" spans="2:14">
      <c r="B1919" s="2"/>
      <c r="N1919" s="11"/>
    </row>
    <row r="1920" spans="2:14">
      <c r="B1920" s="2"/>
      <c r="N1920" s="11"/>
    </row>
    <row r="1921" spans="2:14">
      <c r="B1921" s="2"/>
      <c r="N1921" s="11"/>
    </row>
    <row r="1922" spans="2:14">
      <c r="B1922" s="2"/>
      <c r="N1922" s="11"/>
    </row>
    <row r="1923" spans="2:14">
      <c r="B1923" s="2"/>
      <c r="N1923" s="11"/>
    </row>
    <row r="1924" spans="2:14">
      <c r="B1924" s="2"/>
      <c r="N1924" s="11"/>
    </row>
    <row r="1925" spans="2:14">
      <c r="B1925" s="2"/>
      <c r="N1925" s="11"/>
    </row>
    <row r="1926" spans="2:14">
      <c r="B1926" s="2"/>
      <c r="N1926" s="11"/>
    </row>
    <row r="1927" spans="2:14">
      <c r="B1927" s="2"/>
      <c r="N1927" s="11"/>
    </row>
    <row r="1928" spans="2:14">
      <c r="B1928" s="2"/>
      <c r="N1928" s="11"/>
    </row>
    <row r="1929" spans="2:14">
      <c r="B1929" s="2"/>
      <c r="N1929" s="11"/>
    </row>
    <row r="1930" spans="2:14">
      <c r="B1930" s="2"/>
      <c r="N1930" s="11"/>
    </row>
    <row r="1931" spans="2:14">
      <c r="B1931" s="2"/>
      <c r="N1931" s="11"/>
    </row>
    <row r="1932" spans="2:14">
      <c r="B1932" s="2"/>
      <c r="N1932" s="11"/>
    </row>
    <row r="1933" spans="2:14">
      <c r="B1933" s="2"/>
      <c r="N1933" s="11"/>
    </row>
    <row r="1934" spans="2:14">
      <c r="B1934" s="2"/>
      <c r="N1934" s="11"/>
    </row>
    <row r="1935" spans="2:14">
      <c r="B1935" s="2"/>
      <c r="N1935" s="11"/>
    </row>
    <row r="1936" spans="2:14">
      <c r="B1936" s="2"/>
      <c r="N1936" s="11"/>
    </row>
    <row r="1937" spans="2:14">
      <c r="B1937" s="2"/>
      <c r="N1937" s="11"/>
    </row>
    <row r="1938" spans="2:14">
      <c r="B1938" s="2"/>
      <c r="N1938" s="11"/>
    </row>
    <row r="1939" spans="2:14">
      <c r="B1939" s="2"/>
      <c r="N1939" s="11"/>
    </row>
    <row r="1940" spans="2:14">
      <c r="B1940" s="2"/>
      <c r="N1940" s="11"/>
    </row>
    <row r="1941" spans="2:14">
      <c r="B1941" s="2"/>
      <c r="N1941" s="11"/>
    </row>
    <row r="1942" spans="2:14">
      <c r="B1942" s="2"/>
      <c r="N1942" s="11"/>
    </row>
    <row r="1943" spans="2:14">
      <c r="B1943" s="2"/>
      <c r="N1943" s="11"/>
    </row>
    <row r="1944" spans="2:14">
      <c r="B1944" s="2"/>
      <c r="N1944" s="11"/>
    </row>
    <row r="1945" spans="2:14">
      <c r="B1945" s="2"/>
      <c r="N1945" s="11"/>
    </row>
    <row r="1946" spans="2:14">
      <c r="B1946" s="2"/>
      <c r="N1946" s="11"/>
    </row>
    <row r="1947" spans="2:14">
      <c r="B1947" s="2"/>
      <c r="N1947" s="11"/>
    </row>
    <row r="1948" spans="2:14">
      <c r="B1948" s="2"/>
      <c r="N1948" s="11"/>
    </row>
    <row r="1949" spans="2:14">
      <c r="B1949" s="2"/>
      <c r="N1949" s="11"/>
    </row>
    <row r="1950" spans="2:14">
      <c r="B1950" s="2"/>
      <c r="N1950" s="11"/>
    </row>
    <row r="1951" spans="2:14">
      <c r="B1951" s="2"/>
      <c r="N1951" s="11"/>
    </row>
    <row r="1952" spans="2:14">
      <c r="B1952" s="2"/>
      <c r="N1952" s="11"/>
    </row>
    <row r="1953" spans="2:14">
      <c r="B1953" s="2"/>
      <c r="N1953" s="11"/>
    </row>
    <row r="1954" spans="2:14">
      <c r="B1954" s="2"/>
      <c r="N1954" s="11"/>
    </row>
    <row r="1955" spans="2:14">
      <c r="B1955" s="2"/>
      <c r="N1955" s="11"/>
    </row>
    <row r="1956" spans="2:14">
      <c r="B1956" s="2"/>
      <c r="N1956" s="11"/>
    </row>
    <row r="1957" spans="2:14">
      <c r="B1957" s="2"/>
      <c r="N1957" s="11"/>
    </row>
    <row r="1958" spans="2:14">
      <c r="B1958" s="2"/>
      <c r="N1958" s="11"/>
    </row>
    <row r="1959" spans="2:14">
      <c r="B1959" s="2"/>
      <c r="N1959" s="11"/>
    </row>
    <row r="1960" spans="2:14">
      <c r="B1960" s="2"/>
      <c r="N1960" s="11"/>
    </row>
    <row r="1961" spans="2:14">
      <c r="B1961" s="2"/>
      <c r="N1961" s="11"/>
    </row>
    <row r="1962" spans="2:14">
      <c r="B1962" s="2"/>
      <c r="N1962" s="11"/>
    </row>
    <row r="1963" spans="2:14">
      <c r="B1963" s="2"/>
      <c r="N1963" s="11"/>
    </row>
    <row r="1964" spans="2:14">
      <c r="B1964" s="2"/>
      <c r="N1964" s="11"/>
    </row>
    <row r="1965" spans="2:14">
      <c r="B1965" s="2"/>
      <c r="N1965" s="11"/>
    </row>
    <row r="1966" spans="2:14">
      <c r="B1966" s="2"/>
      <c r="N1966" s="11"/>
    </row>
    <row r="1967" spans="2:14">
      <c r="B1967" s="2"/>
      <c r="N1967" s="11"/>
    </row>
    <row r="1968" spans="2:14">
      <c r="B1968" s="2"/>
      <c r="N1968" s="11"/>
    </row>
    <row r="1969" spans="2:14">
      <c r="B1969" s="2"/>
      <c r="N1969" s="11"/>
    </row>
    <row r="1970" spans="2:14">
      <c r="B1970" s="2"/>
      <c r="N1970" s="11"/>
    </row>
    <row r="1971" spans="2:14">
      <c r="B1971" s="2"/>
      <c r="N1971" s="11"/>
    </row>
    <row r="1972" spans="2:14">
      <c r="B1972" s="2"/>
      <c r="N1972" s="11"/>
    </row>
    <row r="1973" spans="2:14">
      <c r="B1973" s="2"/>
      <c r="N1973" s="11"/>
    </row>
    <row r="1974" spans="2:14">
      <c r="B1974" s="2"/>
      <c r="N1974" s="11"/>
    </row>
    <row r="1975" spans="2:14">
      <c r="B1975" s="2"/>
      <c r="N1975" s="11"/>
    </row>
    <row r="1976" spans="2:14">
      <c r="B1976" s="2"/>
      <c r="N1976" s="11"/>
    </row>
    <row r="1977" spans="2:14">
      <c r="B1977" s="2"/>
      <c r="N1977" s="11"/>
    </row>
    <row r="1978" spans="2:14">
      <c r="B1978" s="2"/>
      <c r="N1978" s="11"/>
    </row>
    <row r="1979" spans="2:14">
      <c r="B1979" s="2"/>
      <c r="N1979" s="11"/>
    </row>
    <row r="1980" spans="2:14">
      <c r="B1980" s="2"/>
      <c r="N1980" s="11"/>
    </row>
    <row r="1981" spans="2:14">
      <c r="B1981" s="2"/>
      <c r="N1981" s="11"/>
    </row>
    <row r="1982" spans="2:14">
      <c r="B1982" s="2"/>
      <c r="N1982" s="11"/>
    </row>
    <row r="1983" spans="2:14">
      <c r="B1983" s="2"/>
      <c r="N1983" s="11"/>
    </row>
    <row r="1984" spans="2:14">
      <c r="B1984" s="2"/>
      <c r="N1984" s="11"/>
    </row>
    <row r="1985" spans="2:14">
      <c r="B1985" s="2"/>
      <c r="N1985" s="11"/>
    </row>
    <row r="1986" spans="2:14">
      <c r="B1986" s="2"/>
      <c r="N1986" s="11"/>
    </row>
    <row r="1987" spans="2:14">
      <c r="B1987" s="2"/>
      <c r="N1987" s="11"/>
    </row>
    <row r="1988" spans="2:14">
      <c r="B1988" s="2"/>
      <c r="N1988" s="11"/>
    </row>
    <row r="1989" spans="2:14">
      <c r="B1989" s="2"/>
      <c r="N1989" s="11"/>
    </row>
    <row r="1990" spans="2:14">
      <c r="B1990" s="2"/>
      <c r="N1990" s="11"/>
    </row>
    <row r="1991" spans="2:14">
      <c r="B1991" s="2"/>
      <c r="N1991" s="11"/>
    </row>
    <row r="1992" spans="2:14">
      <c r="B1992" s="2"/>
      <c r="N1992" s="11"/>
    </row>
    <row r="1993" spans="2:14">
      <c r="B1993" s="2"/>
      <c r="N1993" s="11"/>
    </row>
    <row r="1994" spans="2:14">
      <c r="B1994" s="2"/>
      <c r="N1994" s="11"/>
    </row>
    <row r="1995" spans="2:14">
      <c r="B1995" s="2"/>
      <c r="N1995" s="11"/>
    </row>
    <row r="1996" spans="2:14">
      <c r="B1996" s="2"/>
      <c r="N1996" s="11"/>
    </row>
    <row r="1997" spans="2:14">
      <c r="B1997" s="2"/>
      <c r="N1997" s="11"/>
    </row>
    <row r="1998" spans="2:14">
      <c r="B1998" s="2"/>
      <c r="N1998" s="11"/>
    </row>
    <row r="1999" spans="2:14">
      <c r="B1999" s="2"/>
      <c r="N1999" s="11"/>
    </row>
    <row r="2000" spans="2:14">
      <c r="B2000" s="2"/>
      <c r="N2000" s="11"/>
    </row>
    <row r="2001" spans="2:14">
      <c r="B2001" s="2"/>
      <c r="N2001" s="11"/>
    </row>
    <row r="2002" spans="2:14">
      <c r="B2002" s="2"/>
      <c r="N2002" s="11"/>
    </row>
    <row r="2003" spans="2:14">
      <c r="B2003" s="2"/>
      <c r="N2003" s="11"/>
    </row>
    <row r="2004" spans="2:14">
      <c r="B2004" s="2"/>
      <c r="N2004" s="11"/>
    </row>
    <row r="2005" spans="2:14">
      <c r="B2005" s="2"/>
      <c r="N2005" s="11"/>
    </row>
    <row r="2006" spans="2:14">
      <c r="B2006" s="2"/>
      <c r="N2006" s="11"/>
    </row>
    <row r="2007" spans="2:14">
      <c r="B2007" s="2"/>
      <c r="N2007" s="11"/>
    </row>
    <row r="2008" spans="2:14">
      <c r="B2008" s="2"/>
      <c r="N2008" s="11"/>
    </row>
    <row r="2009" spans="2:14">
      <c r="B2009" s="2"/>
      <c r="N2009" s="11"/>
    </row>
    <row r="2010" spans="2:14">
      <c r="B2010" s="2"/>
      <c r="N2010" s="11"/>
    </row>
    <row r="2011" spans="2:14">
      <c r="B2011" s="2"/>
      <c r="N2011" s="11"/>
    </row>
    <row r="2012" spans="2:14">
      <c r="B2012" s="2"/>
      <c r="N2012" s="11"/>
    </row>
    <row r="2013" spans="2:14">
      <c r="B2013" s="2"/>
      <c r="N2013" s="11"/>
    </row>
    <row r="2014" spans="2:14">
      <c r="B2014" s="2"/>
      <c r="N2014" s="11"/>
    </row>
    <row r="2015" spans="2:14">
      <c r="B2015" s="2"/>
      <c r="N2015" s="11"/>
    </row>
    <row r="2016" spans="2:14">
      <c r="B2016" s="2"/>
      <c r="N2016" s="11"/>
    </row>
    <row r="2017" spans="2:14">
      <c r="B2017" s="2"/>
      <c r="N2017" s="11"/>
    </row>
    <row r="2018" spans="2:14">
      <c r="B2018" s="2"/>
      <c r="N2018" s="11"/>
    </row>
    <row r="2019" spans="2:14">
      <c r="B2019" s="2"/>
      <c r="N2019" s="11"/>
    </row>
    <row r="2020" spans="2:14">
      <c r="B2020" s="2"/>
      <c r="N2020" s="11"/>
    </row>
    <row r="2021" spans="2:14">
      <c r="B2021" s="2"/>
      <c r="N2021" s="11"/>
    </row>
    <row r="2022" spans="2:14">
      <c r="B2022" s="2"/>
      <c r="N2022" s="11"/>
    </row>
    <row r="2023" spans="2:14">
      <c r="B2023" s="2"/>
      <c r="N2023" s="11"/>
    </row>
    <row r="2024" spans="2:14">
      <c r="B2024" s="2"/>
      <c r="N2024" s="11"/>
    </row>
    <row r="2025" spans="2:14">
      <c r="B2025" s="2"/>
      <c r="N2025" s="11"/>
    </row>
    <row r="2026" spans="2:14">
      <c r="B2026" s="2"/>
      <c r="N2026" s="11"/>
    </row>
    <row r="2027" spans="2:14">
      <c r="B2027" s="2"/>
      <c r="N2027" s="11"/>
    </row>
    <row r="2028" spans="2:14">
      <c r="B2028" s="2"/>
      <c r="N2028" s="11"/>
    </row>
    <row r="2029" spans="2:14">
      <c r="B2029" s="2"/>
      <c r="N2029" s="11"/>
    </row>
    <row r="2030" spans="2:14">
      <c r="B2030" s="2"/>
      <c r="N2030" s="11"/>
    </row>
    <row r="2031" spans="2:14">
      <c r="B2031" s="2"/>
      <c r="N2031" s="11"/>
    </row>
    <row r="2032" spans="2:14">
      <c r="B2032" s="2"/>
      <c r="N2032" s="11"/>
    </row>
    <row r="2033" spans="2:14">
      <c r="B2033" s="2"/>
      <c r="N2033" s="11"/>
    </row>
    <row r="2034" spans="2:14">
      <c r="B2034" s="2"/>
      <c r="N2034" s="11"/>
    </row>
    <row r="2035" spans="2:14">
      <c r="B2035" s="2"/>
      <c r="N2035" s="11"/>
    </row>
    <row r="2036" spans="2:14">
      <c r="B2036" s="2"/>
      <c r="N2036" s="11"/>
    </row>
    <row r="2037" spans="2:14">
      <c r="B2037" s="2"/>
      <c r="N2037" s="11"/>
    </row>
    <row r="2038" spans="2:14">
      <c r="B2038" s="2"/>
      <c r="N2038" s="11"/>
    </row>
    <row r="2039" spans="2:14">
      <c r="B2039" s="2"/>
      <c r="N2039" s="11"/>
    </row>
    <row r="2040" spans="2:14">
      <c r="B2040" s="2"/>
      <c r="N2040" s="11"/>
    </row>
    <row r="2041" spans="2:14">
      <c r="B2041" s="2"/>
      <c r="N2041" s="11"/>
    </row>
    <row r="2042" spans="2:14">
      <c r="B2042" s="2"/>
      <c r="N2042" s="11"/>
    </row>
    <row r="2043" spans="2:14">
      <c r="B2043" s="2"/>
      <c r="N2043" s="11"/>
    </row>
    <row r="2044" spans="2:14">
      <c r="B2044" s="2"/>
      <c r="N2044" s="11"/>
    </row>
    <row r="2045" spans="2:14">
      <c r="B2045" s="2"/>
      <c r="N2045" s="11"/>
    </row>
    <row r="2046" spans="2:14">
      <c r="B2046" s="2"/>
      <c r="N2046" s="11"/>
    </row>
    <row r="2047" spans="2:14">
      <c r="B2047" s="2"/>
      <c r="N2047" s="11"/>
    </row>
    <row r="2048" spans="2:14">
      <c r="B2048" s="2"/>
      <c r="N2048" s="11"/>
    </row>
    <row r="2049" spans="2:14">
      <c r="B2049" s="2"/>
      <c r="N2049" s="11"/>
    </row>
    <row r="2050" spans="2:14">
      <c r="B2050" s="2"/>
      <c r="N2050" s="11"/>
    </row>
    <row r="2051" spans="2:14">
      <c r="B2051" s="2"/>
      <c r="N2051" s="11"/>
    </row>
    <row r="2052" spans="2:14">
      <c r="B2052" s="2"/>
      <c r="N2052" s="11"/>
    </row>
    <row r="2053" spans="2:14">
      <c r="B2053" s="2"/>
      <c r="N2053" s="11"/>
    </row>
    <row r="2054" spans="2:14">
      <c r="B2054" s="2"/>
      <c r="N2054" s="11"/>
    </row>
    <row r="2055" spans="2:14">
      <c r="B2055" s="2"/>
      <c r="N2055" s="11"/>
    </row>
    <row r="2056" spans="2:14">
      <c r="B2056" s="2"/>
      <c r="N2056" s="11"/>
    </row>
    <row r="2057" spans="2:14">
      <c r="B2057" s="2"/>
      <c r="N2057" s="11"/>
    </row>
    <row r="2058" spans="2:14">
      <c r="B2058" s="2"/>
      <c r="N2058" s="11"/>
    </row>
    <row r="2059" spans="2:14">
      <c r="B2059" s="2"/>
      <c r="N2059" s="11"/>
    </row>
    <row r="2060" spans="2:14">
      <c r="B2060" s="2"/>
      <c r="N2060" s="11"/>
    </row>
    <row r="2061" spans="2:14">
      <c r="B2061" s="2"/>
      <c r="N2061" s="11"/>
    </row>
    <row r="2062" spans="2:14">
      <c r="B2062" s="2"/>
      <c r="N2062" s="11"/>
    </row>
    <row r="2063" spans="2:14">
      <c r="B2063" s="2"/>
      <c r="N2063" s="11"/>
    </row>
    <row r="2064" spans="2:14">
      <c r="B2064" s="2"/>
      <c r="N2064" s="11"/>
    </row>
    <row r="2065" spans="2:14">
      <c r="B2065" s="2"/>
      <c r="N2065" s="11"/>
    </row>
    <row r="2066" spans="2:14">
      <c r="B2066" s="2"/>
      <c r="N2066" s="11"/>
    </row>
    <row r="2067" spans="2:14">
      <c r="B2067" s="2"/>
      <c r="N2067" s="11"/>
    </row>
    <row r="2068" spans="2:14">
      <c r="B2068" s="2"/>
      <c r="N2068" s="11"/>
    </row>
    <row r="2069" spans="2:14">
      <c r="B2069" s="2"/>
      <c r="N2069" s="11"/>
    </row>
    <row r="2070" spans="2:14">
      <c r="B2070" s="2"/>
      <c r="N2070" s="11"/>
    </row>
    <row r="2071" spans="2:14">
      <c r="B2071" s="2"/>
      <c r="N2071" s="11"/>
    </row>
    <row r="2072" spans="2:14">
      <c r="B2072" s="2"/>
      <c r="N2072" s="11"/>
    </row>
    <row r="2073" spans="2:14">
      <c r="B2073" s="2"/>
      <c r="N2073" s="11"/>
    </row>
    <row r="2074" spans="2:14">
      <c r="B2074" s="2"/>
      <c r="N2074" s="11"/>
    </row>
    <row r="2075" spans="2:14">
      <c r="B2075" s="2"/>
      <c r="N2075" s="11"/>
    </row>
    <row r="2076" spans="2:14">
      <c r="B2076" s="2"/>
      <c r="N2076" s="11"/>
    </row>
    <row r="2077" spans="2:14">
      <c r="B2077" s="2"/>
      <c r="N2077" s="11"/>
    </row>
    <row r="2078" spans="2:14">
      <c r="B2078" s="2"/>
      <c r="N2078" s="11"/>
    </row>
    <row r="2079" spans="2:14">
      <c r="B2079" s="2"/>
      <c r="N2079" s="11"/>
    </row>
    <row r="2080" spans="2:14">
      <c r="B2080" s="2"/>
      <c r="N2080" s="11"/>
    </row>
    <row r="2081" spans="2:14">
      <c r="B2081" s="2"/>
      <c r="N2081" s="11"/>
    </row>
    <row r="2082" spans="2:14">
      <c r="B2082" s="2"/>
      <c r="N2082" s="11"/>
    </row>
    <row r="2083" spans="2:14">
      <c r="B2083" s="2"/>
      <c r="N2083" s="11"/>
    </row>
    <row r="2084" spans="2:14">
      <c r="B2084" s="2"/>
      <c r="N2084" s="11"/>
    </row>
    <row r="2085" spans="2:14">
      <c r="B2085" s="2"/>
      <c r="N2085" s="11"/>
    </row>
    <row r="2086" spans="2:14">
      <c r="B2086" s="2"/>
      <c r="N2086" s="11"/>
    </row>
    <row r="2087" spans="2:14">
      <c r="B2087" s="2"/>
      <c r="N2087" s="11"/>
    </row>
    <row r="2088" spans="2:14">
      <c r="B2088" s="2"/>
      <c r="N2088" s="11"/>
    </row>
    <row r="2089" spans="2:14">
      <c r="B2089" s="2"/>
      <c r="N2089" s="11"/>
    </row>
    <row r="2090" spans="2:14">
      <c r="B2090" s="2"/>
      <c r="N2090" s="11"/>
    </row>
    <row r="2091" spans="2:14">
      <c r="B2091" s="2"/>
      <c r="N2091" s="11"/>
    </row>
    <row r="2092" spans="2:14">
      <c r="B2092" s="2"/>
      <c r="N2092" s="11"/>
    </row>
    <row r="2093" spans="2:14">
      <c r="B2093" s="2"/>
      <c r="N2093" s="11"/>
    </row>
    <row r="2094" spans="2:14">
      <c r="B2094" s="2"/>
      <c r="N2094" s="11"/>
    </row>
    <row r="2095" spans="2:14">
      <c r="B2095" s="2"/>
      <c r="N2095" s="11"/>
    </row>
    <row r="2096" spans="2:14">
      <c r="B2096" s="2"/>
      <c r="N2096" s="11"/>
    </row>
    <row r="2097" spans="2:14">
      <c r="B2097" s="2"/>
      <c r="N2097" s="11"/>
    </row>
    <row r="2098" spans="2:14">
      <c r="B2098" s="2"/>
      <c r="N2098" s="11"/>
    </row>
    <row r="2099" spans="2:14">
      <c r="B2099" s="2"/>
      <c r="N2099" s="11"/>
    </row>
    <row r="2100" spans="2:14">
      <c r="B2100" s="2"/>
      <c r="N2100" s="11"/>
    </row>
    <row r="2101" spans="2:14">
      <c r="B2101" s="2"/>
      <c r="N2101" s="11"/>
    </row>
    <row r="2102" spans="2:14">
      <c r="B2102" s="2"/>
      <c r="N2102" s="11"/>
    </row>
    <row r="2103" spans="2:14">
      <c r="B2103" s="2"/>
      <c r="N2103" s="11"/>
    </row>
    <row r="2104" spans="2:14">
      <c r="B2104" s="2"/>
      <c r="N2104" s="11"/>
    </row>
    <row r="2105" spans="2:14">
      <c r="B2105" s="2"/>
      <c r="N2105" s="11"/>
    </row>
    <row r="2106" spans="2:14">
      <c r="B2106" s="2"/>
      <c r="N2106" s="11"/>
    </row>
    <row r="2107" spans="2:14">
      <c r="B2107" s="2"/>
      <c r="N2107" s="11"/>
    </row>
    <row r="2108" spans="2:14">
      <c r="B2108" s="2"/>
      <c r="N2108" s="11"/>
    </row>
    <row r="2109" spans="2:14">
      <c r="B2109" s="2"/>
      <c r="N2109" s="11"/>
    </row>
    <row r="2110" spans="2:14">
      <c r="B2110" s="2"/>
      <c r="N2110" s="11"/>
    </row>
    <row r="2111" spans="2:14">
      <c r="B2111" s="2"/>
      <c r="N2111" s="11"/>
    </row>
    <row r="2112" spans="2:14">
      <c r="B2112" s="2"/>
      <c r="N2112" s="11"/>
    </row>
    <row r="2113" spans="2:14">
      <c r="B2113" s="2"/>
      <c r="N2113" s="11"/>
    </row>
    <row r="2114" spans="2:14">
      <c r="B2114" s="2"/>
      <c r="N2114" s="11"/>
    </row>
    <row r="2115" spans="2:14">
      <c r="B2115" s="2"/>
      <c r="N2115" s="11"/>
    </row>
    <row r="2116" spans="2:14">
      <c r="B2116" s="2"/>
      <c r="N2116" s="11"/>
    </row>
    <row r="2117" spans="2:14">
      <c r="B2117" s="2"/>
      <c r="N2117" s="11"/>
    </row>
    <row r="2118" spans="2:14">
      <c r="B2118" s="2"/>
      <c r="N2118" s="11"/>
    </row>
    <row r="2119" spans="2:14">
      <c r="B2119" s="2"/>
      <c r="N2119" s="11"/>
    </row>
    <row r="2120" spans="2:14">
      <c r="B2120" s="2"/>
      <c r="N2120" s="11"/>
    </row>
    <row r="2121" spans="2:14">
      <c r="B2121" s="2"/>
      <c r="N2121" s="11"/>
    </row>
    <row r="2122" spans="2:14">
      <c r="B2122" s="2"/>
      <c r="N2122" s="11"/>
    </row>
    <row r="2123" spans="2:14">
      <c r="B2123" s="2"/>
      <c r="N2123" s="11"/>
    </row>
    <row r="2124" spans="2:14">
      <c r="B2124" s="2"/>
      <c r="N2124" s="11"/>
    </row>
    <row r="2125" spans="2:14">
      <c r="B2125" s="2"/>
      <c r="N2125" s="11"/>
    </row>
    <row r="2126" spans="2:14">
      <c r="B2126" s="2"/>
      <c r="N2126" s="11"/>
    </row>
    <row r="2127" spans="2:14">
      <c r="B2127" s="2"/>
      <c r="N2127" s="11"/>
    </row>
    <row r="2128" spans="2:14">
      <c r="B2128" s="2"/>
      <c r="N2128" s="11"/>
    </row>
    <row r="2129" spans="2:14">
      <c r="B2129" s="2"/>
      <c r="N2129" s="11"/>
    </row>
    <row r="2130" spans="2:14">
      <c r="B2130" s="2"/>
      <c r="N2130" s="11"/>
    </row>
    <row r="2131" spans="2:14">
      <c r="B2131" s="2"/>
      <c r="N2131" s="11"/>
    </row>
    <row r="2132" spans="2:14">
      <c r="B2132" s="2"/>
      <c r="N2132" s="11"/>
    </row>
    <row r="2133" spans="2:14">
      <c r="B2133" s="2"/>
      <c r="N2133" s="11"/>
    </row>
    <row r="2134" spans="2:14">
      <c r="B2134" s="2"/>
      <c r="N2134" s="11"/>
    </row>
    <row r="2135" spans="2:14">
      <c r="B2135" s="2"/>
      <c r="N2135" s="11"/>
    </row>
    <row r="2136" spans="2:14">
      <c r="B2136" s="2"/>
      <c r="N2136" s="11"/>
    </row>
    <row r="2137" spans="2:14">
      <c r="B2137" s="2"/>
      <c r="N2137" s="11"/>
    </row>
    <row r="2138" spans="2:14">
      <c r="B2138" s="2"/>
      <c r="N2138" s="11"/>
    </row>
    <row r="2139" spans="2:14">
      <c r="B2139" s="2"/>
      <c r="N2139" s="11"/>
    </row>
    <row r="2140" spans="2:14">
      <c r="B2140" s="2"/>
      <c r="N2140" s="11"/>
    </row>
    <row r="2141" spans="2:14">
      <c r="B2141" s="2"/>
      <c r="N2141" s="11"/>
    </row>
    <row r="2142" spans="2:14">
      <c r="B2142" s="2"/>
      <c r="N2142" s="11"/>
    </row>
    <row r="2143" spans="2:14">
      <c r="B2143" s="2"/>
      <c r="N2143" s="11"/>
    </row>
    <row r="2144" spans="2:14">
      <c r="B2144" s="2"/>
      <c r="N2144" s="11"/>
    </row>
    <row r="2145" spans="2:14">
      <c r="B2145" s="2"/>
      <c r="N2145" s="11"/>
    </row>
    <row r="2146" spans="2:14">
      <c r="B2146" s="2"/>
      <c r="N2146" s="11"/>
    </row>
    <row r="2147" spans="2:14">
      <c r="B2147" s="2"/>
      <c r="N2147" s="11"/>
    </row>
    <row r="2148" spans="2:14">
      <c r="B2148" s="2"/>
      <c r="N2148" s="11"/>
    </row>
    <row r="2149" spans="2:14">
      <c r="B2149" s="2"/>
      <c r="N2149" s="11"/>
    </row>
    <row r="2150" spans="2:14">
      <c r="B2150" s="2"/>
      <c r="N2150" s="11"/>
    </row>
    <row r="2151" spans="2:14">
      <c r="B2151" s="2"/>
      <c r="N2151" s="11"/>
    </row>
    <row r="2152" spans="2:14">
      <c r="B2152" s="2"/>
      <c r="N2152" s="11"/>
    </row>
    <row r="2153" spans="2:14">
      <c r="B2153" s="2"/>
      <c r="N2153" s="11"/>
    </row>
    <row r="2154" spans="2:14">
      <c r="B2154" s="2"/>
      <c r="N2154" s="11"/>
    </row>
    <row r="2155" spans="2:14">
      <c r="B2155" s="2"/>
      <c r="N2155" s="11"/>
    </row>
    <row r="2156" spans="2:14">
      <c r="B2156" s="2"/>
      <c r="N2156" s="11"/>
    </row>
    <row r="2157" spans="2:14">
      <c r="B2157" s="2"/>
      <c r="N2157" s="11"/>
    </row>
    <row r="2158" spans="2:14">
      <c r="B2158" s="2"/>
      <c r="N2158" s="11"/>
    </row>
    <row r="2159" spans="2:14">
      <c r="B2159" s="2"/>
      <c r="N2159" s="11"/>
    </row>
    <row r="2160" spans="2:14">
      <c r="B2160" s="2"/>
      <c r="N2160" s="11"/>
    </row>
    <row r="2161" spans="2:14">
      <c r="B2161" s="2"/>
      <c r="N2161" s="11"/>
    </row>
    <row r="2162" spans="2:14">
      <c r="B2162" s="2"/>
      <c r="N2162" s="11"/>
    </row>
    <row r="2163" spans="2:14">
      <c r="B2163" s="2"/>
      <c r="N2163" s="11"/>
    </row>
    <row r="2164" spans="2:14">
      <c r="B2164" s="2"/>
      <c r="N2164" s="11"/>
    </row>
    <row r="2165" spans="2:14">
      <c r="B2165" s="2"/>
      <c r="N2165" s="11"/>
    </row>
    <row r="2166" spans="2:14">
      <c r="B2166" s="2"/>
      <c r="N2166" s="11"/>
    </row>
    <row r="2167" spans="2:14">
      <c r="B2167" s="2"/>
      <c r="N2167" s="11"/>
    </row>
    <row r="2168" spans="2:14">
      <c r="B2168" s="2"/>
      <c r="N2168" s="11"/>
    </row>
    <row r="2169" spans="2:14">
      <c r="B2169" s="2"/>
      <c r="N2169" s="11"/>
    </row>
    <row r="2170" spans="2:14">
      <c r="B2170" s="2"/>
      <c r="N2170" s="11"/>
    </row>
    <row r="2171" spans="2:14">
      <c r="B2171" s="2"/>
      <c r="N2171" s="11"/>
    </row>
    <row r="2172" spans="2:14">
      <c r="B2172" s="2"/>
      <c r="N2172" s="11"/>
    </row>
    <row r="2173" spans="2:14">
      <c r="B2173" s="2"/>
      <c r="N2173" s="11"/>
    </row>
    <row r="2174" spans="2:14">
      <c r="B2174" s="2"/>
      <c r="N2174" s="11"/>
    </row>
    <row r="2175" spans="2:14">
      <c r="B2175" s="2"/>
      <c r="N2175" s="11"/>
    </row>
    <row r="2176" spans="2:14">
      <c r="B2176" s="2"/>
      <c r="N2176" s="11"/>
    </row>
    <row r="2177" spans="2:14">
      <c r="B2177" s="2"/>
      <c r="N2177" s="11"/>
    </row>
    <row r="2178" spans="2:14">
      <c r="B2178" s="2"/>
      <c r="N2178" s="11"/>
    </row>
    <row r="2179" spans="2:14">
      <c r="B2179" s="2"/>
      <c r="N2179" s="11"/>
    </row>
    <row r="2180" spans="2:14">
      <c r="B2180" s="2"/>
      <c r="N2180" s="11"/>
    </row>
    <row r="2181" spans="2:14">
      <c r="B2181" s="2"/>
      <c r="N2181" s="11"/>
    </row>
    <row r="2182" spans="2:14">
      <c r="B2182" s="2"/>
      <c r="N2182" s="11"/>
    </row>
    <row r="2183" spans="2:14">
      <c r="B2183" s="2"/>
      <c r="N2183" s="11"/>
    </row>
    <row r="2184" spans="2:14">
      <c r="B2184" s="2"/>
      <c r="N2184" s="11"/>
    </row>
    <row r="2185" spans="2:14">
      <c r="B2185" s="2"/>
      <c r="N2185" s="11"/>
    </row>
    <row r="2186" spans="2:14">
      <c r="B2186" s="2"/>
      <c r="N2186" s="11"/>
    </row>
    <row r="2187" spans="2:14">
      <c r="B2187" s="2"/>
      <c r="N2187" s="11"/>
    </row>
    <row r="2188" spans="2:14">
      <c r="B2188" s="2"/>
      <c r="N2188" s="11"/>
    </row>
    <row r="2189" spans="2:14">
      <c r="B2189" s="2"/>
      <c r="N2189" s="11"/>
    </row>
    <row r="2190" spans="2:14">
      <c r="B2190" s="2"/>
      <c r="N2190" s="11"/>
    </row>
    <row r="2191" spans="2:14">
      <c r="B2191" s="2"/>
      <c r="N2191" s="11"/>
    </row>
    <row r="2192" spans="2:14">
      <c r="B2192" s="2"/>
      <c r="N2192" s="11"/>
    </row>
    <row r="2193" spans="2:14">
      <c r="B2193" s="2"/>
      <c r="N2193" s="11"/>
    </row>
    <row r="2194" spans="2:14">
      <c r="B2194" s="2"/>
      <c r="N2194" s="11"/>
    </row>
    <row r="2195" spans="2:14">
      <c r="B2195" s="2"/>
      <c r="N2195" s="11"/>
    </row>
    <row r="2196" spans="2:14">
      <c r="B2196" s="2"/>
      <c r="N2196" s="11"/>
    </row>
    <row r="2197" spans="2:14">
      <c r="B2197" s="2"/>
      <c r="N2197" s="11"/>
    </row>
    <row r="2198" spans="2:14">
      <c r="B2198" s="2"/>
      <c r="N2198" s="11"/>
    </row>
    <row r="2199" spans="2:14">
      <c r="B2199" s="2"/>
      <c r="N2199" s="11"/>
    </row>
    <row r="2200" spans="2:14">
      <c r="B2200" s="2"/>
      <c r="N2200" s="11"/>
    </row>
    <row r="2201" spans="2:14">
      <c r="B2201" s="2"/>
      <c r="N2201" s="11"/>
    </row>
    <row r="2202" spans="2:14">
      <c r="B2202" s="2"/>
      <c r="N2202" s="11"/>
    </row>
    <row r="2203" spans="2:14">
      <c r="B2203" s="2"/>
      <c r="N2203" s="11"/>
    </row>
    <row r="2204" spans="2:14">
      <c r="B2204" s="2"/>
      <c r="N2204" s="11"/>
    </row>
    <row r="2205" spans="2:14">
      <c r="B2205" s="2"/>
      <c r="N2205" s="11"/>
    </row>
    <row r="2206" spans="2:14">
      <c r="B2206" s="2"/>
      <c r="N2206" s="11"/>
    </row>
    <row r="2207" spans="2:14">
      <c r="B2207" s="2"/>
      <c r="N2207" s="11"/>
    </row>
    <row r="2208" spans="2:14">
      <c r="B2208" s="2"/>
      <c r="N2208" s="11"/>
    </row>
    <row r="2209" spans="2:14">
      <c r="B2209" s="2"/>
      <c r="N2209" s="11"/>
    </row>
    <row r="2210" spans="2:14">
      <c r="B2210" s="2"/>
      <c r="N2210" s="11"/>
    </row>
    <row r="2211" spans="2:14">
      <c r="B2211" s="2"/>
      <c r="N2211" s="11"/>
    </row>
    <row r="2212" spans="2:14">
      <c r="B2212" s="2"/>
      <c r="N2212" s="11"/>
    </row>
    <row r="2213" spans="2:14">
      <c r="B2213" s="2"/>
      <c r="N2213" s="11"/>
    </row>
    <row r="2214" spans="2:14">
      <c r="B2214" s="2"/>
      <c r="N2214" s="11"/>
    </row>
    <row r="2215" spans="2:14">
      <c r="B2215" s="2"/>
      <c r="N2215" s="11"/>
    </row>
    <row r="2216" spans="2:14">
      <c r="B2216" s="2"/>
      <c r="N2216" s="11"/>
    </row>
    <row r="2217" spans="2:14">
      <c r="B2217" s="2"/>
      <c r="N2217" s="11"/>
    </row>
    <row r="2218" spans="2:14">
      <c r="B2218" s="2"/>
      <c r="N2218" s="11"/>
    </row>
    <row r="2219" spans="2:14">
      <c r="B2219" s="2"/>
      <c r="N2219" s="11"/>
    </row>
    <row r="2220" spans="2:14">
      <c r="B2220" s="2"/>
      <c r="N2220" s="11"/>
    </row>
    <row r="2221" spans="2:14">
      <c r="B2221" s="2"/>
      <c r="N2221" s="11"/>
    </row>
    <row r="2222" spans="2:14">
      <c r="B2222" s="2"/>
      <c r="N2222" s="11"/>
    </row>
    <row r="2223" spans="2:14">
      <c r="B2223" s="2"/>
      <c r="N2223" s="11"/>
    </row>
    <row r="2224" spans="2:14">
      <c r="B2224" s="2"/>
      <c r="N2224" s="11"/>
    </row>
    <row r="2225" spans="2:14">
      <c r="B2225" s="2"/>
      <c r="N2225" s="11"/>
    </row>
    <row r="2226" spans="2:14">
      <c r="B2226" s="2"/>
      <c r="N2226" s="11"/>
    </row>
    <row r="2227" spans="2:14">
      <c r="B2227" s="2"/>
      <c r="N2227" s="11"/>
    </row>
    <row r="2228" spans="2:14">
      <c r="B2228" s="2"/>
      <c r="N2228" s="11"/>
    </row>
    <row r="2229" spans="2:14">
      <c r="B2229" s="2"/>
      <c r="N2229" s="11"/>
    </row>
    <row r="2230" spans="2:14">
      <c r="B2230" s="2"/>
      <c r="N2230" s="11"/>
    </row>
    <row r="2231" spans="2:14">
      <c r="B2231" s="2"/>
      <c r="N2231" s="11"/>
    </row>
    <row r="2232" spans="2:14">
      <c r="B2232" s="2"/>
      <c r="N2232" s="11"/>
    </row>
    <row r="2233" spans="2:14">
      <c r="B2233" s="2"/>
      <c r="N2233" s="11"/>
    </row>
    <row r="2234" spans="2:14">
      <c r="B2234" s="2"/>
      <c r="N2234" s="11"/>
    </row>
    <row r="2235" spans="2:14">
      <c r="B2235" s="2"/>
      <c r="N2235" s="11"/>
    </row>
    <row r="2236" spans="2:14">
      <c r="B2236" s="2"/>
      <c r="N2236" s="11"/>
    </row>
    <row r="2237" spans="2:14">
      <c r="B2237" s="2"/>
      <c r="N2237" s="11"/>
    </row>
    <row r="2238" spans="2:14">
      <c r="B2238" s="2"/>
      <c r="N2238" s="11"/>
    </row>
    <row r="2239" spans="2:14">
      <c r="B2239" s="2"/>
      <c r="N2239" s="11"/>
    </row>
    <row r="2240" spans="2:14">
      <c r="B2240" s="2"/>
      <c r="N2240" s="11"/>
    </row>
    <row r="2241" spans="2:14">
      <c r="B2241" s="2"/>
      <c r="N2241" s="11"/>
    </row>
    <row r="2242" spans="2:14">
      <c r="B2242" s="2"/>
      <c r="N2242" s="11"/>
    </row>
    <row r="2243" spans="2:14">
      <c r="B2243" s="2"/>
      <c r="N2243" s="11"/>
    </row>
    <row r="2244" spans="2:14">
      <c r="B2244" s="2"/>
      <c r="N2244" s="11"/>
    </row>
    <row r="2245" spans="2:14">
      <c r="B2245" s="2"/>
      <c r="N2245" s="11"/>
    </row>
    <row r="2246" spans="2:14">
      <c r="B2246" s="2"/>
      <c r="N2246" s="11"/>
    </row>
    <row r="2247" spans="2:14">
      <c r="B2247" s="2"/>
      <c r="N2247" s="11"/>
    </row>
    <row r="2248" spans="2:14">
      <c r="B2248" s="2"/>
      <c r="N2248" s="11"/>
    </row>
    <row r="2249" spans="2:14">
      <c r="B2249" s="2"/>
      <c r="N2249" s="11"/>
    </row>
    <row r="2250" spans="2:14">
      <c r="B2250" s="2"/>
      <c r="N2250" s="11"/>
    </row>
    <row r="2251" spans="2:14">
      <c r="B2251" s="2"/>
      <c r="N2251" s="11"/>
    </row>
    <row r="2252" spans="2:14">
      <c r="B2252" s="2"/>
      <c r="N2252" s="11"/>
    </row>
    <row r="2253" spans="2:14">
      <c r="B2253" s="2"/>
      <c r="N2253" s="11"/>
    </row>
    <row r="2254" spans="2:14">
      <c r="B2254" s="2"/>
      <c r="N2254" s="11"/>
    </row>
    <row r="2255" spans="2:14">
      <c r="B2255" s="2"/>
      <c r="N2255" s="11"/>
    </row>
    <row r="2256" spans="2:14">
      <c r="B2256" s="2"/>
      <c r="N2256" s="11"/>
    </row>
    <row r="2257" spans="2:14">
      <c r="B2257" s="2"/>
      <c r="N2257" s="11"/>
    </row>
    <row r="2258" spans="2:14">
      <c r="B2258" s="2"/>
      <c r="N2258" s="11"/>
    </row>
    <row r="2259" spans="2:14">
      <c r="B2259" s="2"/>
      <c r="N2259" s="11"/>
    </row>
    <row r="2260" spans="2:14">
      <c r="B2260" s="2"/>
      <c r="N2260" s="11"/>
    </row>
    <row r="2261" spans="2:14">
      <c r="B2261" s="2"/>
      <c r="N2261" s="11"/>
    </row>
    <row r="2262" spans="2:14">
      <c r="B2262" s="2"/>
      <c r="N2262" s="11"/>
    </row>
    <row r="2263" spans="2:14">
      <c r="B2263" s="2"/>
      <c r="N2263" s="11"/>
    </row>
    <row r="2264" spans="2:14">
      <c r="B2264" s="2"/>
      <c r="N2264" s="11"/>
    </row>
    <row r="2265" spans="2:14">
      <c r="B2265" s="2"/>
      <c r="N2265" s="11"/>
    </row>
    <row r="2266" spans="2:14">
      <c r="B2266" s="2"/>
      <c r="N2266" s="11"/>
    </row>
    <row r="2267" spans="2:14">
      <c r="B2267" s="2"/>
      <c r="N2267" s="11"/>
    </row>
    <row r="2268" spans="2:14">
      <c r="B2268" s="2"/>
      <c r="N2268" s="11"/>
    </row>
    <row r="2269" spans="2:14">
      <c r="B2269" s="2"/>
      <c r="N2269" s="11"/>
    </row>
    <row r="2270" spans="2:14">
      <c r="B2270" s="2"/>
      <c r="N2270" s="11"/>
    </row>
    <row r="2271" spans="2:14">
      <c r="B2271" s="2"/>
      <c r="N2271" s="11"/>
    </row>
    <row r="2272" spans="2:14">
      <c r="B2272" s="2"/>
      <c r="N2272" s="11"/>
    </row>
    <row r="2273" spans="2:14">
      <c r="B2273" s="2"/>
      <c r="N2273" s="11"/>
    </row>
    <row r="2274" spans="2:14">
      <c r="B2274" s="2"/>
      <c r="N2274" s="11"/>
    </row>
    <row r="2275" spans="2:14">
      <c r="B2275" s="2"/>
      <c r="N2275" s="11"/>
    </row>
    <row r="2276" spans="2:14">
      <c r="B2276" s="2"/>
      <c r="N2276" s="11"/>
    </row>
    <row r="2277" spans="2:14">
      <c r="B2277" s="2"/>
      <c r="N2277" s="11"/>
    </row>
    <row r="2278" spans="2:14">
      <c r="B2278" s="2"/>
      <c r="N2278" s="11"/>
    </row>
    <row r="2279" spans="2:14">
      <c r="B2279" s="2"/>
      <c r="N2279" s="11"/>
    </row>
    <row r="2280" spans="2:14">
      <c r="B2280" s="2"/>
      <c r="N2280" s="11"/>
    </row>
    <row r="2281" spans="2:14">
      <c r="B2281" s="2"/>
      <c r="N2281" s="11"/>
    </row>
    <row r="2282" spans="2:14">
      <c r="B2282" s="2"/>
      <c r="N2282" s="11"/>
    </row>
    <row r="2283" spans="2:14">
      <c r="B2283" s="2"/>
      <c r="N2283" s="11"/>
    </row>
    <row r="2284" spans="2:14">
      <c r="B2284" s="2"/>
      <c r="N2284" s="11"/>
    </row>
    <row r="2285" spans="2:14">
      <c r="B2285" s="2"/>
      <c r="N2285" s="11"/>
    </row>
    <row r="2286" spans="2:14">
      <c r="B2286" s="2"/>
      <c r="N2286" s="11"/>
    </row>
    <row r="2287" spans="2:14">
      <c r="B2287" s="2"/>
      <c r="N2287" s="11"/>
    </row>
    <row r="2288" spans="2:14">
      <c r="B2288" s="2"/>
      <c r="N2288" s="11"/>
    </row>
    <row r="2289" spans="2:14">
      <c r="B2289" s="2"/>
      <c r="N2289" s="11"/>
    </row>
    <row r="2290" spans="2:14">
      <c r="B2290" s="2"/>
      <c r="N2290" s="11"/>
    </row>
    <row r="2291" spans="2:14">
      <c r="B2291" s="2"/>
      <c r="N2291" s="11"/>
    </row>
    <row r="2292" spans="2:14">
      <c r="B2292" s="2"/>
      <c r="N2292" s="11"/>
    </row>
    <row r="2293" spans="2:14">
      <c r="B2293" s="2"/>
      <c r="N2293" s="11"/>
    </row>
    <row r="2294" spans="2:14">
      <c r="B2294" s="2"/>
      <c r="N2294" s="11"/>
    </row>
    <row r="2295" spans="2:14">
      <c r="B2295" s="2"/>
      <c r="N2295" s="11"/>
    </row>
    <row r="2296" spans="2:14">
      <c r="B2296" s="2"/>
      <c r="N2296" s="11"/>
    </row>
    <row r="2297" spans="2:14">
      <c r="B2297" s="2"/>
      <c r="N2297" s="11"/>
    </row>
    <row r="2298" spans="2:14">
      <c r="B2298" s="2"/>
      <c r="N2298" s="11"/>
    </row>
    <row r="2299" spans="2:14">
      <c r="B2299" s="2"/>
      <c r="N2299" s="11"/>
    </row>
    <row r="2300" spans="2:14">
      <c r="B2300" s="2"/>
      <c r="N2300" s="11"/>
    </row>
    <row r="2301" spans="2:14">
      <c r="B2301" s="2"/>
      <c r="N2301" s="11"/>
    </row>
    <row r="2302" spans="2:14">
      <c r="B2302" s="2"/>
      <c r="N2302" s="11"/>
    </row>
    <row r="2303" spans="2:14">
      <c r="B2303" s="2"/>
      <c r="N2303" s="11"/>
    </row>
    <row r="2304" spans="2:14">
      <c r="B2304" s="2"/>
      <c r="N2304" s="11"/>
    </row>
    <row r="2305" spans="2:14">
      <c r="B2305" s="2"/>
      <c r="N2305" s="11"/>
    </row>
    <row r="2306" spans="2:14">
      <c r="B2306" s="2"/>
      <c r="N2306" s="11"/>
    </row>
    <row r="2307" spans="2:14">
      <c r="B2307" s="2"/>
      <c r="N2307" s="11"/>
    </row>
    <row r="2308" spans="2:14">
      <c r="B2308" s="2"/>
      <c r="N2308" s="11"/>
    </row>
    <row r="2309" spans="2:14">
      <c r="B2309" s="2"/>
      <c r="N2309" s="11"/>
    </row>
    <row r="2310" spans="2:14">
      <c r="B2310" s="2"/>
      <c r="N2310" s="11"/>
    </row>
    <row r="2311" spans="2:14">
      <c r="B2311" s="2"/>
      <c r="N2311" s="11"/>
    </row>
    <row r="2312" spans="2:14">
      <c r="B2312" s="2"/>
      <c r="N2312" s="11"/>
    </row>
    <row r="2313" spans="2:14">
      <c r="B2313" s="2"/>
      <c r="N2313" s="11"/>
    </row>
    <row r="2314" spans="2:14">
      <c r="B2314" s="2"/>
      <c r="N2314" s="11"/>
    </row>
    <row r="2315" spans="2:14">
      <c r="B2315" s="2"/>
      <c r="N2315" s="11"/>
    </row>
    <row r="2316" spans="2:14">
      <c r="B2316" s="2"/>
      <c r="N2316" s="11"/>
    </row>
    <row r="2317" spans="2:14">
      <c r="B2317" s="2"/>
      <c r="N2317" s="11"/>
    </row>
    <row r="2318" spans="2:14">
      <c r="B2318" s="2"/>
      <c r="N2318" s="11"/>
    </row>
    <row r="2319" spans="2:14">
      <c r="B2319" s="2"/>
      <c r="N2319" s="11"/>
    </row>
    <row r="2320" spans="2:14">
      <c r="B2320" s="2"/>
      <c r="N2320" s="11"/>
    </row>
    <row r="2321" spans="2:14">
      <c r="B2321" s="2"/>
      <c r="N2321" s="11"/>
    </row>
    <row r="2322" spans="2:14">
      <c r="B2322" s="2"/>
      <c r="N2322" s="11"/>
    </row>
    <row r="2323" spans="2:14">
      <c r="B2323" s="2"/>
      <c r="N2323" s="11"/>
    </row>
    <row r="2324" spans="2:14">
      <c r="B2324" s="2"/>
      <c r="N2324" s="11"/>
    </row>
    <row r="2325" spans="2:14">
      <c r="B2325" s="2"/>
      <c r="N2325" s="11"/>
    </row>
    <row r="2326" spans="2:14">
      <c r="B2326" s="2"/>
      <c r="N2326" s="11"/>
    </row>
    <row r="2327" spans="2:14">
      <c r="B2327" s="2"/>
      <c r="N2327" s="11"/>
    </row>
    <row r="2328" spans="2:14">
      <c r="B2328" s="2"/>
      <c r="N2328" s="11"/>
    </row>
    <row r="2329" spans="2:14">
      <c r="B2329" s="2"/>
      <c r="N2329" s="11"/>
    </row>
    <row r="2330" spans="2:14">
      <c r="B2330" s="2"/>
      <c r="N2330" s="11"/>
    </row>
    <row r="2331" spans="2:14">
      <c r="B2331" s="2"/>
      <c r="N2331" s="11"/>
    </row>
    <row r="2332" spans="2:14">
      <c r="B2332" s="2"/>
      <c r="N2332" s="11"/>
    </row>
    <row r="2333" spans="2:14">
      <c r="B2333" s="2"/>
      <c r="N2333" s="11"/>
    </row>
    <row r="2334" spans="2:14">
      <c r="B2334" s="2"/>
      <c r="N2334" s="11"/>
    </row>
    <row r="2335" spans="2:14">
      <c r="B2335" s="2"/>
      <c r="N2335" s="11"/>
    </row>
    <row r="2336" spans="2:14">
      <c r="B2336" s="2"/>
      <c r="N2336" s="11"/>
    </row>
    <row r="2337" spans="2:14">
      <c r="B2337" s="2"/>
      <c r="N2337" s="11"/>
    </row>
    <row r="2338" spans="2:14">
      <c r="B2338" s="2"/>
      <c r="N2338" s="11"/>
    </row>
    <row r="2339" spans="2:14">
      <c r="B2339" s="2"/>
      <c r="N2339" s="11"/>
    </row>
    <row r="2340" spans="2:14">
      <c r="B2340" s="2"/>
      <c r="N2340" s="11"/>
    </row>
    <row r="2341" spans="2:14">
      <c r="B2341" s="2"/>
      <c r="N2341" s="11"/>
    </row>
    <row r="2342" spans="2:14">
      <c r="B2342" s="2"/>
      <c r="N2342" s="11"/>
    </row>
    <row r="2343" spans="2:14">
      <c r="B2343" s="2"/>
      <c r="N2343" s="11"/>
    </row>
    <row r="2344" spans="2:14">
      <c r="B2344" s="2"/>
      <c r="N2344" s="11"/>
    </row>
    <row r="2345" spans="2:14">
      <c r="B2345" s="2"/>
      <c r="N2345" s="11"/>
    </row>
    <row r="2346" spans="2:14">
      <c r="B2346" s="2"/>
      <c r="N2346" s="11"/>
    </row>
    <row r="2347" spans="2:14">
      <c r="B2347" s="2"/>
      <c r="N2347" s="11"/>
    </row>
    <row r="2348" spans="2:14">
      <c r="B2348" s="2"/>
      <c r="N2348" s="11"/>
    </row>
    <row r="2349" spans="2:14">
      <c r="B2349" s="2"/>
      <c r="N2349" s="11"/>
    </row>
    <row r="2350" spans="2:14">
      <c r="B2350" s="2"/>
      <c r="N2350" s="11"/>
    </row>
    <row r="2351" spans="2:14">
      <c r="B2351" s="2"/>
      <c r="N2351" s="11"/>
    </row>
    <row r="2352" spans="2:14">
      <c r="B2352" s="2"/>
      <c r="N2352" s="11"/>
    </row>
    <row r="2353" spans="2:14">
      <c r="B2353" s="2"/>
      <c r="N2353" s="11"/>
    </row>
    <row r="2354" spans="2:14">
      <c r="B2354" s="2"/>
      <c r="N2354" s="11"/>
    </row>
    <row r="2355" spans="2:14">
      <c r="B2355" s="2"/>
      <c r="N2355" s="11"/>
    </row>
    <row r="2356" spans="2:14">
      <c r="B2356" s="2"/>
      <c r="N2356" s="11"/>
    </row>
    <row r="2357" spans="2:14">
      <c r="B2357" s="2"/>
      <c r="N2357" s="11"/>
    </row>
    <row r="2358" spans="2:14">
      <c r="B2358" s="2"/>
      <c r="N2358" s="11"/>
    </row>
    <row r="2359" spans="2:14">
      <c r="B2359" s="2"/>
      <c r="N2359" s="11"/>
    </row>
    <row r="2360" spans="2:14">
      <c r="B2360" s="2"/>
      <c r="N2360" s="11"/>
    </row>
    <row r="2361" spans="2:14">
      <c r="B2361" s="2"/>
      <c r="N2361" s="11"/>
    </row>
    <row r="2362" spans="2:14">
      <c r="B2362" s="2"/>
      <c r="N2362" s="11"/>
    </row>
    <row r="2363" spans="2:14">
      <c r="B2363" s="2"/>
      <c r="N2363" s="11"/>
    </row>
    <row r="2364" spans="2:14">
      <c r="B2364" s="2"/>
      <c r="N2364" s="11"/>
    </row>
    <row r="2365" spans="2:14">
      <c r="B2365" s="2"/>
      <c r="N2365" s="11"/>
    </row>
    <row r="2366" spans="2:14">
      <c r="B2366" s="2"/>
      <c r="N2366" s="11"/>
    </row>
    <row r="2367" spans="2:14">
      <c r="B2367" s="2"/>
      <c r="N2367" s="11"/>
    </row>
    <row r="2368" spans="2:14">
      <c r="B2368" s="2"/>
      <c r="N2368" s="11"/>
    </row>
    <row r="2369" spans="2:14">
      <c r="B2369" s="2"/>
      <c r="N2369" s="11"/>
    </row>
    <row r="2370" spans="2:14">
      <c r="B2370" s="2"/>
      <c r="N2370" s="11"/>
    </row>
    <row r="2371" spans="2:14">
      <c r="B2371" s="2"/>
      <c r="N2371" s="11"/>
    </row>
    <row r="2372" spans="2:14">
      <c r="B2372" s="2"/>
      <c r="N2372" s="11"/>
    </row>
    <row r="2373" spans="2:14">
      <c r="B2373" s="2"/>
      <c r="N2373" s="11"/>
    </row>
    <row r="2374" spans="2:14">
      <c r="B2374" s="2"/>
      <c r="N2374" s="11"/>
    </row>
    <row r="2375" spans="2:14">
      <c r="B2375" s="2"/>
      <c r="N2375" s="11"/>
    </row>
    <row r="2376" spans="2:14">
      <c r="B2376" s="2"/>
      <c r="N2376" s="11"/>
    </row>
    <row r="2377" spans="2:14">
      <c r="B2377" s="2"/>
      <c r="N2377" s="11"/>
    </row>
    <row r="2378" spans="2:14">
      <c r="B2378" s="2"/>
      <c r="N2378" s="11"/>
    </row>
    <row r="2379" spans="2:14">
      <c r="B2379" s="2"/>
      <c r="N2379" s="11"/>
    </row>
    <row r="2380" spans="2:14">
      <c r="B2380" s="2"/>
      <c r="N2380" s="11"/>
    </row>
    <row r="2381" spans="2:14">
      <c r="B2381" s="2"/>
      <c r="N2381" s="11"/>
    </row>
    <row r="2382" spans="2:14">
      <c r="B2382" s="2"/>
      <c r="N2382" s="11"/>
    </row>
    <row r="2383" spans="2:14">
      <c r="B2383" s="2"/>
      <c r="N2383" s="11"/>
    </row>
    <row r="2384" spans="2:14">
      <c r="B2384" s="2"/>
      <c r="N2384" s="11"/>
    </row>
    <row r="2385" spans="2:14">
      <c r="B2385" s="2"/>
      <c r="N2385" s="11"/>
    </row>
    <row r="2386" spans="2:14">
      <c r="B2386" s="2"/>
      <c r="N2386" s="11"/>
    </row>
    <row r="2387" spans="2:14">
      <c r="B2387" s="2"/>
      <c r="N2387" s="11"/>
    </row>
    <row r="2388" spans="2:14">
      <c r="B2388" s="2"/>
      <c r="N2388" s="11"/>
    </row>
    <row r="2389" spans="2:14">
      <c r="B2389" s="2"/>
      <c r="N2389" s="11"/>
    </row>
    <row r="2390" spans="2:14">
      <c r="B2390" s="2"/>
      <c r="N2390" s="11"/>
    </row>
    <row r="2391" spans="2:14">
      <c r="B2391" s="2"/>
      <c r="N2391" s="11"/>
    </row>
    <row r="2392" spans="2:14">
      <c r="B2392" s="2"/>
      <c r="N2392" s="11"/>
    </row>
    <row r="2393" spans="2:14">
      <c r="B2393" s="2"/>
      <c r="N2393" s="11"/>
    </row>
    <row r="2394" spans="2:14">
      <c r="B2394" s="2"/>
      <c r="N2394" s="11"/>
    </row>
    <row r="2395" spans="2:14">
      <c r="B2395" s="2"/>
      <c r="N2395" s="11"/>
    </row>
    <row r="2396" spans="2:14">
      <c r="B2396" s="2"/>
      <c r="N2396" s="11"/>
    </row>
    <row r="2397" spans="2:14">
      <c r="B2397" s="2"/>
      <c r="N2397" s="11"/>
    </row>
    <row r="2398" spans="2:14">
      <c r="B2398" s="2"/>
      <c r="N2398" s="11"/>
    </row>
    <row r="2399" spans="2:14">
      <c r="B2399" s="2"/>
      <c r="N2399" s="11"/>
    </row>
    <row r="2400" spans="2:14">
      <c r="B2400" s="2"/>
      <c r="N2400" s="11"/>
    </row>
    <row r="2401" spans="2:14">
      <c r="B2401" s="2"/>
      <c r="N2401" s="11"/>
    </row>
    <row r="2402" spans="2:14">
      <c r="B2402" s="2"/>
      <c r="N2402" s="11"/>
    </row>
    <row r="2403" spans="2:14">
      <c r="B2403" s="2"/>
      <c r="N2403" s="11"/>
    </row>
    <row r="2404" spans="2:14">
      <c r="B2404" s="2"/>
      <c r="N2404" s="11"/>
    </row>
    <row r="2405" spans="2:14">
      <c r="B2405" s="2"/>
      <c r="N2405" s="11"/>
    </row>
    <row r="2406" spans="2:14">
      <c r="B2406" s="2"/>
      <c r="N2406" s="11"/>
    </row>
    <row r="2407" spans="2:14">
      <c r="B2407" s="2"/>
      <c r="N2407" s="11"/>
    </row>
    <row r="2408" spans="2:14">
      <c r="B2408" s="2"/>
      <c r="N2408" s="11"/>
    </row>
    <row r="2409" spans="2:14">
      <c r="B2409" s="2"/>
      <c r="N2409" s="11"/>
    </row>
    <row r="2410" spans="2:14">
      <c r="B2410" s="2"/>
      <c r="N2410" s="11"/>
    </row>
    <row r="2411" spans="2:14">
      <c r="B2411" s="2"/>
      <c r="N2411" s="11"/>
    </row>
    <row r="2412" spans="2:14">
      <c r="B2412" s="2"/>
      <c r="N2412" s="11"/>
    </row>
    <row r="2413" spans="2:14">
      <c r="B2413" s="2"/>
      <c r="N2413" s="11"/>
    </row>
    <row r="2414" spans="2:14">
      <c r="B2414" s="2"/>
      <c r="N2414" s="11"/>
    </row>
    <row r="2415" spans="2:14">
      <c r="B2415" s="2"/>
      <c r="N2415" s="11"/>
    </row>
    <row r="2416" spans="2:14">
      <c r="B2416" s="2"/>
      <c r="N2416" s="11"/>
    </row>
    <row r="2417" spans="2:14">
      <c r="B2417" s="2"/>
      <c r="N2417" s="11"/>
    </row>
    <row r="2418" spans="2:14">
      <c r="B2418" s="2"/>
      <c r="N2418" s="11"/>
    </row>
    <row r="2419" spans="2:14">
      <c r="B2419" s="2"/>
      <c r="N2419" s="11"/>
    </row>
    <row r="2420" spans="2:14">
      <c r="B2420" s="2"/>
      <c r="N2420" s="11"/>
    </row>
    <row r="2421" spans="2:14">
      <c r="B2421" s="2"/>
      <c r="N2421" s="11"/>
    </row>
    <row r="2422" spans="2:14">
      <c r="B2422" s="2"/>
      <c r="N2422" s="11"/>
    </row>
    <row r="2423" spans="2:14">
      <c r="B2423" s="2"/>
      <c r="N2423" s="11"/>
    </row>
    <row r="2424" spans="2:14">
      <c r="B2424" s="2"/>
      <c r="N2424" s="11"/>
    </row>
    <row r="2425" spans="2:14">
      <c r="B2425" s="2"/>
      <c r="N2425" s="11"/>
    </row>
    <row r="2426" spans="2:14">
      <c r="B2426" s="2"/>
      <c r="N2426" s="11"/>
    </row>
    <row r="2427" spans="2:14">
      <c r="B2427" s="2"/>
      <c r="N2427" s="11"/>
    </row>
    <row r="2428" spans="2:14">
      <c r="B2428" s="2"/>
      <c r="N2428" s="11"/>
    </row>
    <row r="2429" spans="2:14">
      <c r="B2429" s="2"/>
      <c r="N2429" s="11"/>
    </row>
    <row r="2430" spans="2:14">
      <c r="B2430" s="2"/>
      <c r="N2430" s="11"/>
    </row>
    <row r="2431" spans="2:14">
      <c r="B2431" s="2"/>
      <c r="N2431" s="11"/>
    </row>
    <row r="2432" spans="2:14">
      <c r="B2432" s="2"/>
      <c r="N2432" s="11"/>
    </row>
    <row r="2433" spans="2:14">
      <c r="B2433" s="2"/>
      <c r="N2433" s="11"/>
    </row>
    <row r="2434" spans="2:14">
      <c r="B2434" s="2"/>
      <c r="N2434" s="11"/>
    </row>
    <row r="2435" spans="2:14">
      <c r="B2435" s="2"/>
      <c r="N2435" s="11"/>
    </row>
    <row r="2436" spans="2:14">
      <c r="B2436" s="2"/>
      <c r="N2436" s="11"/>
    </row>
    <row r="2437" spans="2:14">
      <c r="B2437" s="2"/>
      <c r="N2437" s="11"/>
    </row>
    <row r="2438" spans="2:14">
      <c r="B2438" s="2"/>
      <c r="N2438" s="11"/>
    </row>
    <row r="2439" spans="2:14">
      <c r="B2439" s="2"/>
      <c r="N2439" s="11"/>
    </row>
    <row r="2440" spans="2:14">
      <c r="B2440" s="2"/>
      <c r="N2440" s="11"/>
    </row>
    <row r="2441" spans="2:14">
      <c r="B2441" s="2"/>
      <c r="N2441" s="11"/>
    </row>
    <row r="2442" spans="2:14">
      <c r="B2442" s="2"/>
      <c r="N2442" s="11"/>
    </row>
    <row r="2443" spans="2:14">
      <c r="B2443" s="2"/>
      <c r="N2443" s="11"/>
    </row>
    <row r="2444" spans="2:14">
      <c r="B2444" s="2"/>
      <c r="N2444" s="11"/>
    </row>
    <row r="2445" spans="2:14">
      <c r="B2445" s="2"/>
      <c r="N2445" s="11"/>
    </row>
    <row r="2446" spans="2:14">
      <c r="B2446" s="2"/>
      <c r="N2446" s="11"/>
    </row>
    <row r="2447" spans="2:14">
      <c r="B2447" s="2"/>
      <c r="N2447" s="11"/>
    </row>
    <row r="2448" spans="2:14">
      <c r="B2448" s="2"/>
      <c r="N2448" s="11"/>
    </row>
    <row r="2449" spans="2:14">
      <c r="B2449" s="2"/>
      <c r="N2449" s="11"/>
    </row>
    <row r="2450" spans="2:14">
      <c r="B2450" s="2"/>
      <c r="N2450" s="11"/>
    </row>
    <row r="2451" spans="2:14">
      <c r="B2451" s="2"/>
      <c r="N2451" s="11"/>
    </row>
    <row r="2452" spans="2:14">
      <c r="B2452" s="2"/>
      <c r="N2452" s="11"/>
    </row>
    <row r="2453" spans="2:14">
      <c r="B2453" s="2"/>
      <c r="N2453" s="11"/>
    </row>
    <row r="2454" spans="2:14">
      <c r="B2454" s="2"/>
      <c r="N2454" s="11"/>
    </row>
    <row r="2455" spans="2:14">
      <c r="B2455" s="2"/>
      <c r="N2455" s="11"/>
    </row>
    <row r="2456" spans="2:14">
      <c r="B2456" s="2"/>
      <c r="N2456" s="11"/>
    </row>
    <row r="2457" spans="2:14">
      <c r="B2457" s="2"/>
      <c r="N2457" s="11"/>
    </row>
    <row r="2458" spans="2:14">
      <c r="B2458" s="2"/>
      <c r="N2458" s="11"/>
    </row>
    <row r="2459" spans="2:14">
      <c r="B2459" s="2"/>
      <c r="N2459" s="11"/>
    </row>
    <row r="2460" spans="2:14">
      <c r="B2460" s="2"/>
      <c r="N2460" s="11"/>
    </row>
    <row r="2461" spans="2:14">
      <c r="B2461" s="2"/>
      <c r="N2461" s="11"/>
    </row>
    <row r="2462" spans="2:14">
      <c r="B2462" s="2"/>
      <c r="N2462" s="11"/>
    </row>
    <row r="2463" spans="2:14">
      <c r="B2463" s="2"/>
      <c r="N2463" s="11"/>
    </row>
    <row r="2464" spans="2:14">
      <c r="B2464" s="2"/>
      <c r="N2464" s="11"/>
    </row>
    <row r="2465" spans="2:14">
      <c r="B2465" s="2"/>
      <c r="N2465" s="11"/>
    </row>
    <row r="2466" spans="2:14">
      <c r="B2466" s="2"/>
      <c r="N2466" s="11"/>
    </row>
    <row r="2467" spans="2:14">
      <c r="B2467" s="2"/>
      <c r="N2467" s="11"/>
    </row>
    <row r="2468" spans="2:14">
      <c r="B2468" s="2"/>
      <c r="N2468" s="11"/>
    </row>
    <row r="2469" spans="2:14">
      <c r="B2469" s="2"/>
      <c r="N2469" s="11"/>
    </row>
    <row r="2470" spans="2:14">
      <c r="B2470" s="2"/>
      <c r="N2470" s="11"/>
    </row>
    <row r="2471" spans="2:14">
      <c r="B2471" s="2"/>
      <c r="N2471" s="11"/>
    </row>
    <row r="2472" spans="2:14">
      <c r="B2472" s="2"/>
      <c r="N2472" s="11"/>
    </row>
    <row r="2473" spans="2:14">
      <c r="B2473" s="2"/>
      <c r="N2473" s="11"/>
    </row>
    <row r="2474" spans="2:14">
      <c r="B2474" s="2"/>
      <c r="N2474" s="11"/>
    </row>
    <row r="2475" spans="2:14">
      <c r="B2475" s="2"/>
      <c r="N2475" s="11"/>
    </row>
    <row r="2476" spans="2:14">
      <c r="B2476" s="2"/>
      <c r="N2476" s="11"/>
    </row>
    <row r="2477" spans="2:14">
      <c r="B2477" s="2"/>
      <c r="N2477" s="11"/>
    </row>
    <row r="2478" spans="2:14">
      <c r="B2478" s="2"/>
      <c r="N2478" s="11"/>
    </row>
    <row r="2479" spans="2:14">
      <c r="B2479" s="2"/>
      <c r="N2479" s="11"/>
    </row>
    <row r="2480" spans="2:14">
      <c r="B2480" s="2"/>
      <c r="N2480" s="11"/>
    </row>
    <row r="2481" spans="2:14">
      <c r="B2481" s="2"/>
      <c r="N2481" s="11"/>
    </row>
    <row r="2482" spans="2:14">
      <c r="B2482" s="2"/>
      <c r="N2482" s="11"/>
    </row>
    <row r="2483" spans="2:14">
      <c r="B2483" s="2"/>
      <c r="N2483" s="11"/>
    </row>
    <row r="2484" spans="2:14">
      <c r="B2484" s="2"/>
      <c r="N2484" s="11"/>
    </row>
    <row r="2485" spans="2:14">
      <c r="B2485" s="2"/>
      <c r="N2485" s="11"/>
    </row>
    <row r="2486" spans="2:14">
      <c r="B2486" s="2"/>
      <c r="N2486" s="11"/>
    </row>
    <row r="2487" spans="2:14">
      <c r="B2487" s="2"/>
      <c r="N2487" s="11"/>
    </row>
    <row r="2488" spans="2:14">
      <c r="B2488" s="2"/>
      <c r="N2488" s="11"/>
    </row>
    <row r="2489" spans="2:14">
      <c r="B2489" s="2"/>
      <c r="N2489" s="11"/>
    </row>
    <row r="2490" spans="2:14">
      <c r="B2490" s="2"/>
      <c r="N2490" s="11"/>
    </row>
    <row r="2491" spans="2:14">
      <c r="B2491" s="2"/>
      <c r="N2491" s="11"/>
    </row>
    <row r="2492" spans="2:14">
      <c r="B2492" s="2"/>
      <c r="N2492" s="11"/>
    </row>
    <row r="2493" spans="2:14">
      <c r="B2493" s="2"/>
      <c r="N2493" s="11"/>
    </row>
    <row r="2494" spans="2:14">
      <c r="B2494" s="2"/>
      <c r="N2494" s="11"/>
    </row>
    <row r="2495" spans="2:14">
      <c r="B2495" s="2"/>
      <c r="N2495" s="11"/>
    </row>
    <row r="2496" spans="2:14">
      <c r="B2496" s="2"/>
      <c r="N2496" s="11"/>
    </row>
    <row r="2497" spans="2:14">
      <c r="B2497" s="2"/>
      <c r="N2497" s="11"/>
    </row>
    <row r="2498" spans="2:14">
      <c r="B2498" s="2"/>
      <c r="N2498" s="11"/>
    </row>
    <row r="2499" spans="2:14">
      <c r="B2499" s="2"/>
      <c r="N2499" s="11"/>
    </row>
    <row r="2500" spans="2:14">
      <c r="B2500" s="2"/>
      <c r="N2500" s="11"/>
    </row>
    <row r="2501" spans="2:14">
      <c r="B2501" s="2"/>
      <c r="N2501" s="11"/>
    </row>
    <row r="2502" spans="2:14">
      <c r="B2502" s="2"/>
      <c r="N2502" s="11"/>
    </row>
    <row r="2503" spans="2:14">
      <c r="B2503" s="2"/>
      <c r="N2503" s="11"/>
    </row>
    <row r="2504" spans="2:14">
      <c r="B2504" s="2"/>
      <c r="N2504" s="11"/>
    </row>
    <row r="2505" spans="2:14">
      <c r="B2505" s="2"/>
      <c r="N2505" s="11"/>
    </row>
    <row r="2506" spans="2:14">
      <c r="B2506" s="2"/>
      <c r="N2506" s="11"/>
    </row>
    <row r="2507" spans="2:14">
      <c r="B2507" s="2"/>
      <c r="N2507" s="11"/>
    </row>
    <row r="2508" spans="2:14">
      <c r="B2508" s="2"/>
      <c r="N2508" s="11"/>
    </row>
    <row r="2509" spans="2:14">
      <c r="B2509" s="2"/>
      <c r="N2509" s="11"/>
    </row>
    <row r="2510" spans="2:14">
      <c r="B2510" s="2"/>
      <c r="N2510" s="11"/>
    </row>
    <row r="2511" spans="2:14">
      <c r="B2511" s="2"/>
      <c r="N2511" s="11"/>
    </row>
    <row r="2512" spans="2:14">
      <c r="B2512" s="2"/>
      <c r="N2512" s="11"/>
    </row>
    <row r="2513" spans="2:14">
      <c r="B2513" s="2"/>
      <c r="N2513" s="11"/>
    </row>
    <row r="2514" spans="2:14">
      <c r="B2514" s="2"/>
      <c r="N2514" s="11"/>
    </row>
    <row r="2515" spans="2:14">
      <c r="B2515" s="2"/>
      <c r="N2515" s="11"/>
    </row>
    <row r="2516" spans="2:14">
      <c r="B2516" s="2"/>
      <c r="N2516" s="11"/>
    </row>
    <row r="2517" spans="2:14">
      <c r="B2517" s="2"/>
      <c r="N2517" s="11"/>
    </row>
    <row r="2518" spans="2:14">
      <c r="B2518" s="2"/>
      <c r="N2518" s="11"/>
    </row>
    <row r="2519" spans="2:14">
      <c r="B2519" s="2"/>
      <c r="N2519" s="11"/>
    </row>
    <row r="2520" spans="2:14">
      <c r="B2520" s="2"/>
      <c r="N2520" s="11"/>
    </row>
    <row r="2521" spans="2:14">
      <c r="B2521" s="2"/>
      <c r="N2521" s="11"/>
    </row>
    <row r="2522" spans="2:14">
      <c r="B2522" s="2"/>
      <c r="N2522" s="11"/>
    </row>
    <row r="2523" spans="2:14">
      <c r="B2523" s="2"/>
      <c r="N2523" s="11"/>
    </row>
    <row r="2524" spans="2:14">
      <c r="B2524" s="2"/>
      <c r="N2524" s="11"/>
    </row>
    <row r="2525" spans="2:14">
      <c r="B2525" s="2"/>
      <c r="N2525" s="11"/>
    </row>
    <row r="2526" spans="2:14">
      <c r="B2526" s="2"/>
      <c r="N2526" s="11"/>
    </row>
    <row r="2527" spans="2:14">
      <c r="B2527" s="2"/>
      <c r="N2527" s="11"/>
    </row>
    <row r="2528" spans="2:14">
      <c r="B2528" s="2"/>
      <c r="N2528" s="11"/>
    </row>
    <row r="2529" spans="2:14">
      <c r="B2529" s="2"/>
      <c r="N2529" s="11"/>
    </row>
    <row r="2530" spans="2:14">
      <c r="B2530" s="2"/>
      <c r="N2530" s="11"/>
    </row>
    <row r="2531" spans="2:14">
      <c r="B2531" s="2"/>
      <c r="N2531" s="11"/>
    </row>
    <row r="2532" spans="2:14">
      <c r="B2532" s="2"/>
      <c r="N2532" s="11"/>
    </row>
    <row r="2533" spans="2:14">
      <c r="B2533" s="2"/>
      <c r="N2533" s="11"/>
    </row>
    <row r="2534" spans="2:14">
      <c r="B2534" s="2"/>
      <c r="N2534" s="11"/>
    </row>
    <row r="2535" spans="2:14">
      <c r="B2535" s="2"/>
      <c r="N2535" s="11"/>
    </row>
    <row r="2536" spans="2:14">
      <c r="B2536" s="2"/>
      <c r="N2536" s="11"/>
    </row>
    <row r="2537" spans="2:14">
      <c r="B2537" s="2"/>
      <c r="N2537" s="11"/>
    </row>
    <row r="2538" spans="2:14">
      <c r="B2538" s="2"/>
      <c r="N2538" s="11"/>
    </row>
    <row r="2539" spans="2:14">
      <c r="B2539" s="2"/>
      <c r="N2539" s="11"/>
    </row>
    <row r="2540" spans="2:14">
      <c r="B2540" s="2"/>
      <c r="N2540" s="11"/>
    </row>
    <row r="2541" spans="2:14">
      <c r="B2541" s="2"/>
      <c r="N2541" s="11"/>
    </row>
    <row r="2542" spans="2:14">
      <c r="B2542" s="2"/>
      <c r="N2542" s="11"/>
    </row>
    <row r="2543" spans="2:14">
      <c r="B2543" s="2"/>
      <c r="N2543" s="11"/>
    </row>
    <row r="2544" spans="2:14">
      <c r="B2544" s="2"/>
      <c r="N2544" s="11"/>
    </row>
    <row r="2545" spans="2:14">
      <c r="B2545" s="2"/>
      <c r="N2545" s="11"/>
    </row>
    <row r="2546" spans="2:14">
      <c r="B2546" s="2"/>
      <c r="N2546" s="11"/>
    </row>
    <row r="2547" spans="2:14">
      <c r="B2547" s="2"/>
      <c r="N2547" s="11"/>
    </row>
    <row r="2548" spans="2:14">
      <c r="B2548" s="2"/>
      <c r="N2548" s="11"/>
    </row>
    <row r="2549" spans="2:14">
      <c r="B2549" s="2"/>
      <c r="N2549" s="11"/>
    </row>
    <row r="2550" spans="2:14">
      <c r="B2550" s="2"/>
      <c r="N2550" s="11"/>
    </row>
    <row r="2551" spans="2:14">
      <c r="B2551" s="2"/>
      <c r="N2551" s="11"/>
    </row>
    <row r="2552" spans="2:14">
      <c r="B2552" s="2"/>
      <c r="N2552" s="11"/>
    </row>
    <row r="2553" spans="2:14">
      <c r="B2553" s="2"/>
      <c r="N2553" s="11"/>
    </row>
    <row r="2554" spans="2:14">
      <c r="B2554" s="2"/>
      <c r="N2554" s="11"/>
    </row>
    <row r="2555" spans="2:14">
      <c r="B2555" s="2"/>
      <c r="N2555" s="11"/>
    </row>
    <row r="2556" spans="2:14">
      <c r="B2556" s="2"/>
      <c r="N2556" s="11"/>
    </row>
    <row r="2557" spans="2:14">
      <c r="B2557" s="2"/>
      <c r="N2557" s="11"/>
    </row>
    <row r="2558" spans="2:14">
      <c r="B2558" s="2"/>
      <c r="N2558" s="11"/>
    </row>
    <row r="2559" spans="2:14">
      <c r="B2559" s="2"/>
      <c r="N2559" s="11"/>
    </row>
    <row r="2560" spans="2:14">
      <c r="B2560" s="2"/>
      <c r="N2560" s="11"/>
    </row>
    <row r="2561" spans="2:14">
      <c r="B2561" s="2"/>
      <c r="N2561" s="11"/>
    </row>
    <row r="2562" spans="2:14">
      <c r="B2562" s="2"/>
      <c r="N2562" s="11"/>
    </row>
    <row r="2563" spans="2:14">
      <c r="B2563" s="2"/>
      <c r="N2563" s="11"/>
    </row>
    <row r="2564" spans="2:14">
      <c r="B2564" s="2"/>
      <c r="N2564" s="11"/>
    </row>
    <row r="2565" spans="2:14">
      <c r="B2565" s="2"/>
      <c r="N2565" s="11"/>
    </row>
    <row r="2566" spans="2:14">
      <c r="B2566" s="2"/>
      <c r="N2566" s="11"/>
    </row>
    <row r="2567" spans="2:14">
      <c r="B2567" s="2"/>
      <c r="N2567" s="11"/>
    </row>
    <row r="2568" spans="2:14">
      <c r="B2568" s="2"/>
      <c r="N2568" s="11"/>
    </row>
    <row r="2569" spans="2:14">
      <c r="B2569" s="2"/>
      <c r="N2569" s="11"/>
    </row>
    <row r="2570" spans="2:14">
      <c r="B2570" s="2"/>
      <c r="N2570" s="11"/>
    </row>
    <row r="2571" spans="2:14">
      <c r="B2571" s="2"/>
      <c r="N2571" s="11"/>
    </row>
    <row r="2572" spans="2:14">
      <c r="B2572" s="2"/>
      <c r="N2572" s="11"/>
    </row>
    <row r="2573" spans="2:14">
      <c r="B2573" s="2"/>
      <c r="N2573" s="11"/>
    </row>
    <row r="2574" spans="2:14">
      <c r="B2574" s="2"/>
      <c r="N2574" s="11"/>
    </row>
    <row r="2575" spans="2:14">
      <c r="B2575" s="2"/>
      <c r="N2575" s="11"/>
    </row>
    <row r="2576" spans="2:14">
      <c r="B2576" s="2"/>
      <c r="N2576" s="11"/>
    </row>
    <row r="2577" spans="2:14">
      <c r="B2577" s="2"/>
      <c r="N2577" s="11"/>
    </row>
    <row r="2578" spans="2:14">
      <c r="B2578" s="2"/>
      <c r="N2578" s="11"/>
    </row>
    <row r="2579" spans="2:14">
      <c r="B2579" s="2"/>
      <c r="N2579" s="11"/>
    </row>
    <row r="2580" spans="2:14">
      <c r="B2580" s="2"/>
      <c r="N2580" s="11"/>
    </row>
    <row r="2581" spans="2:14">
      <c r="B2581" s="2"/>
      <c r="N2581" s="11"/>
    </row>
    <row r="2582" spans="2:14">
      <c r="B2582" s="2"/>
      <c r="N2582" s="11"/>
    </row>
    <row r="2583" spans="2:14">
      <c r="B2583" s="2"/>
      <c r="N2583" s="11"/>
    </row>
    <row r="2584" spans="2:14">
      <c r="B2584" s="2"/>
      <c r="N2584" s="11"/>
    </row>
    <row r="2585" spans="2:14">
      <c r="B2585" s="2"/>
      <c r="N2585" s="11"/>
    </row>
    <row r="2586" spans="2:14">
      <c r="B2586" s="2"/>
      <c r="N2586" s="11"/>
    </row>
    <row r="2587" spans="2:14">
      <c r="B2587" s="2"/>
      <c r="N2587" s="11"/>
    </row>
    <row r="2588" spans="2:14">
      <c r="B2588" s="2"/>
      <c r="N2588" s="11"/>
    </row>
    <row r="2589" spans="2:14">
      <c r="B2589" s="2"/>
      <c r="N2589" s="11"/>
    </row>
    <row r="2590" spans="2:14">
      <c r="B2590" s="2"/>
      <c r="N2590" s="11"/>
    </row>
    <row r="2591" spans="2:14">
      <c r="B2591" s="2"/>
      <c r="N2591" s="11"/>
    </row>
    <row r="2592" spans="2:14">
      <c r="B2592" s="2"/>
      <c r="N2592" s="11"/>
    </row>
    <row r="2593" spans="2:14">
      <c r="B2593" s="2"/>
      <c r="N2593" s="11"/>
    </row>
    <row r="2594" spans="2:14">
      <c r="B2594" s="2"/>
      <c r="N2594" s="11"/>
    </row>
    <row r="2595" spans="2:14">
      <c r="B2595" s="2"/>
      <c r="N2595" s="11"/>
    </row>
    <row r="2596" spans="2:14">
      <c r="B2596" s="2"/>
      <c r="N2596" s="11"/>
    </row>
    <row r="2597" spans="2:14">
      <c r="B2597" s="2"/>
      <c r="N2597" s="11"/>
    </row>
    <row r="2598" spans="2:14">
      <c r="B2598" s="2"/>
      <c r="N2598" s="11"/>
    </row>
    <row r="2599" spans="2:14">
      <c r="B2599" s="2"/>
      <c r="N2599" s="11"/>
    </row>
    <row r="2600" spans="2:14">
      <c r="B2600" s="2"/>
      <c r="N2600" s="11"/>
    </row>
    <row r="2601" spans="2:14">
      <c r="B2601" s="2"/>
      <c r="N2601" s="11"/>
    </row>
    <row r="2602" spans="2:14">
      <c r="B2602" s="2"/>
      <c r="N2602" s="11"/>
    </row>
    <row r="2603" spans="2:14">
      <c r="B2603" s="2"/>
      <c r="N2603" s="11"/>
    </row>
    <row r="2604" spans="2:14">
      <c r="B2604" s="2"/>
      <c r="N2604" s="11"/>
    </row>
    <row r="2605" spans="2:14">
      <c r="B2605" s="2"/>
      <c r="N2605" s="11"/>
    </row>
    <row r="2606" spans="2:14">
      <c r="B2606" s="2"/>
      <c r="N2606" s="11"/>
    </row>
    <row r="2607" spans="2:14">
      <c r="B2607" s="2"/>
      <c r="N2607" s="11"/>
    </row>
    <row r="2608" spans="2:14">
      <c r="B2608" s="2"/>
      <c r="N2608" s="11"/>
    </row>
    <row r="2609" spans="2:14">
      <c r="B2609" s="2"/>
      <c r="N2609" s="11"/>
    </row>
    <row r="2610" spans="2:14">
      <c r="B2610" s="2"/>
      <c r="N2610" s="11"/>
    </row>
    <row r="2611" spans="2:14">
      <c r="B2611" s="2"/>
      <c r="N2611" s="11"/>
    </row>
    <row r="2612" spans="2:14">
      <c r="B2612" s="2"/>
      <c r="N2612" s="11"/>
    </row>
    <row r="2613" spans="2:14">
      <c r="B2613" s="2"/>
      <c r="N2613" s="11"/>
    </row>
    <row r="2614" spans="2:14">
      <c r="B2614" s="2"/>
      <c r="N2614" s="11"/>
    </row>
    <row r="2615" spans="2:14">
      <c r="B2615" s="2"/>
      <c r="N2615" s="11"/>
    </row>
    <row r="2616" spans="2:14">
      <c r="B2616" s="2"/>
      <c r="N2616" s="11"/>
    </row>
    <row r="2617" spans="2:14">
      <c r="B2617" s="2"/>
      <c r="N2617" s="11"/>
    </row>
    <row r="2618" spans="2:14">
      <c r="B2618" s="2"/>
      <c r="N2618" s="11"/>
    </row>
    <row r="2619" spans="2:14">
      <c r="B2619" s="2"/>
      <c r="N2619" s="11"/>
    </row>
    <row r="2620" spans="2:14">
      <c r="B2620" s="2"/>
      <c r="N2620" s="11"/>
    </row>
    <row r="2621" spans="2:14">
      <c r="B2621" s="2"/>
      <c r="N2621" s="11"/>
    </row>
    <row r="2622" spans="2:14">
      <c r="B2622" s="2"/>
      <c r="N2622" s="11"/>
    </row>
    <row r="2623" spans="2:14">
      <c r="B2623" s="2"/>
      <c r="N2623" s="11"/>
    </row>
    <row r="2624" spans="2:14">
      <c r="B2624" s="2"/>
      <c r="N2624" s="11"/>
    </row>
    <row r="2625" spans="2:14">
      <c r="B2625" s="2"/>
      <c r="N2625" s="11"/>
    </row>
    <row r="2626" spans="2:14">
      <c r="B2626" s="2"/>
      <c r="N2626" s="11"/>
    </row>
    <row r="2627" spans="2:14">
      <c r="B2627" s="2"/>
      <c r="N2627" s="11"/>
    </row>
    <row r="2628" spans="2:14">
      <c r="B2628" s="2"/>
      <c r="N2628" s="11"/>
    </row>
    <row r="2629" spans="2:14">
      <c r="B2629" s="2"/>
      <c r="N2629" s="11"/>
    </row>
    <row r="2630" spans="2:14">
      <c r="B2630" s="2"/>
      <c r="N2630" s="11"/>
    </row>
    <row r="2631" spans="2:14">
      <c r="B2631" s="2"/>
      <c r="N2631" s="11"/>
    </row>
    <row r="2632" spans="2:14">
      <c r="B2632" s="2"/>
      <c r="N2632" s="11"/>
    </row>
    <row r="2633" spans="2:14">
      <c r="B2633" s="2"/>
      <c r="N2633" s="11"/>
    </row>
    <row r="2634" spans="2:14">
      <c r="B2634" s="2"/>
      <c r="N2634" s="11"/>
    </row>
    <row r="2635" spans="2:14">
      <c r="B2635" s="2"/>
      <c r="N2635" s="11"/>
    </row>
    <row r="2636" spans="2:14">
      <c r="B2636" s="2"/>
      <c r="N2636" s="11"/>
    </row>
    <row r="2637" spans="2:14">
      <c r="B2637" s="2"/>
      <c r="N2637" s="11"/>
    </row>
    <row r="2638" spans="2:14">
      <c r="B2638" s="2"/>
      <c r="N2638" s="11"/>
    </row>
    <row r="2639" spans="2:14">
      <c r="B2639" s="2"/>
      <c r="N2639" s="11"/>
    </row>
    <row r="2640" spans="2:14">
      <c r="B2640" s="2"/>
      <c r="N2640" s="11"/>
    </row>
    <row r="2641" spans="2:14">
      <c r="B2641" s="2"/>
      <c r="N2641" s="11"/>
    </row>
    <row r="2642" spans="2:14">
      <c r="B2642" s="2"/>
      <c r="N2642" s="11"/>
    </row>
    <row r="2643" spans="2:14">
      <c r="B2643" s="2"/>
      <c r="N2643" s="11"/>
    </row>
    <row r="2644" spans="2:14">
      <c r="B2644" s="2"/>
      <c r="N2644" s="11"/>
    </row>
    <row r="2645" spans="2:14">
      <c r="B2645" s="2"/>
      <c r="N2645" s="11"/>
    </row>
    <row r="2646" spans="2:14">
      <c r="B2646" s="2"/>
      <c r="N2646" s="11"/>
    </row>
    <row r="2647" spans="2:14">
      <c r="B2647" s="2"/>
      <c r="N2647" s="11"/>
    </row>
    <row r="2648" spans="2:14">
      <c r="B2648" s="2"/>
      <c r="N2648" s="11"/>
    </row>
    <row r="2649" spans="2:14">
      <c r="B2649" s="2"/>
      <c r="N2649" s="11"/>
    </row>
    <row r="2650" spans="2:14">
      <c r="B2650" s="2"/>
      <c r="N2650" s="11"/>
    </row>
    <row r="2651" spans="2:14">
      <c r="B2651" s="2"/>
      <c r="N2651" s="11"/>
    </row>
    <row r="2652" spans="2:14">
      <c r="B2652" s="2"/>
      <c r="N2652" s="11"/>
    </row>
    <row r="2653" spans="2:14">
      <c r="B2653" s="2"/>
      <c r="N2653" s="11"/>
    </row>
    <row r="2654" spans="2:14">
      <c r="B2654" s="2"/>
      <c r="N2654" s="11"/>
    </row>
    <row r="2655" spans="2:14">
      <c r="B2655" s="2"/>
      <c r="N2655" s="11"/>
    </row>
    <row r="2656" spans="2:14">
      <c r="B2656" s="2"/>
      <c r="N2656" s="11"/>
    </row>
    <row r="2657" spans="2:14">
      <c r="B2657" s="2"/>
      <c r="N2657" s="11"/>
    </row>
    <row r="2658" spans="2:14">
      <c r="B2658" s="2"/>
      <c r="N2658" s="11"/>
    </row>
    <row r="2659" spans="2:14">
      <c r="B2659" s="2"/>
      <c r="N2659" s="11"/>
    </row>
    <row r="2660" spans="2:14">
      <c r="B2660" s="2"/>
      <c r="N2660" s="11"/>
    </row>
    <row r="2661" spans="2:14">
      <c r="B2661" s="2"/>
      <c r="N2661" s="11"/>
    </row>
    <row r="2662" spans="2:14">
      <c r="B2662" s="2"/>
      <c r="N2662" s="11"/>
    </row>
    <row r="2663" spans="2:14">
      <c r="B2663" s="2"/>
      <c r="N2663" s="11"/>
    </row>
    <row r="2664" spans="2:14">
      <c r="B2664" s="2"/>
      <c r="N2664" s="11"/>
    </row>
    <row r="2665" spans="2:14">
      <c r="B2665" s="2"/>
      <c r="N2665" s="11"/>
    </row>
    <row r="2666" spans="2:14">
      <c r="B2666" s="2"/>
      <c r="N2666" s="11"/>
    </row>
    <row r="2667" spans="2:14">
      <c r="B2667" s="2"/>
      <c r="N2667" s="11"/>
    </row>
    <row r="2668" spans="2:14">
      <c r="B2668" s="2"/>
      <c r="N2668" s="11"/>
    </row>
    <row r="2669" spans="2:14">
      <c r="B2669" s="2"/>
      <c r="N2669" s="11"/>
    </row>
    <row r="2670" spans="2:14">
      <c r="B2670" s="2"/>
      <c r="N2670" s="11"/>
    </row>
    <row r="2671" spans="2:14">
      <c r="B2671" s="2"/>
      <c r="N2671" s="11"/>
    </row>
    <row r="2672" spans="2:14">
      <c r="B2672" s="2"/>
      <c r="N2672" s="11"/>
    </row>
    <row r="2673" spans="2:14">
      <c r="B2673" s="2"/>
      <c r="N2673" s="11"/>
    </row>
    <row r="2674" spans="2:14">
      <c r="B2674" s="2"/>
      <c r="N2674" s="11"/>
    </row>
    <row r="2675" spans="2:14">
      <c r="B2675" s="2"/>
      <c r="N2675" s="11"/>
    </row>
    <row r="2676" spans="2:14">
      <c r="B2676" s="2"/>
      <c r="N2676" s="11"/>
    </row>
    <row r="2677" spans="2:14">
      <c r="B2677" s="2"/>
      <c r="N2677" s="11"/>
    </row>
    <row r="2678" spans="2:14">
      <c r="B2678" s="2"/>
      <c r="N2678" s="11"/>
    </row>
    <row r="2679" spans="2:14">
      <c r="B2679" s="2"/>
      <c r="N2679" s="11"/>
    </row>
    <row r="2680" spans="2:14">
      <c r="B2680" s="2"/>
      <c r="N2680" s="11"/>
    </row>
    <row r="2681" spans="2:14">
      <c r="B2681" s="2"/>
      <c r="N2681" s="11"/>
    </row>
    <row r="2682" spans="2:14">
      <c r="B2682" s="2"/>
      <c r="N2682" s="11"/>
    </row>
    <row r="2683" spans="2:14">
      <c r="B2683" s="2"/>
      <c r="N2683" s="11"/>
    </row>
    <row r="2684" spans="2:14">
      <c r="B2684" s="2"/>
      <c r="N2684" s="11"/>
    </row>
    <row r="2685" spans="2:14">
      <c r="B2685" s="2"/>
      <c r="N2685" s="11"/>
    </row>
    <row r="2686" spans="2:14">
      <c r="B2686" s="2"/>
      <c r="N2686" s="11"/>
    </row>
    <row r="2687" spans="2:14">
      <c r="B2687" s="2"/>
      <c r="N2687" s="11"/>
    </row>
    <row r="2688" spans="2:14">
      <c r="B2688" s="2"/>
      <c r="N2688" s="11"/>
    </row>
    <row r="2689" spans="2:14">
      <c r="B2689" s="2"/>
      <c r="N2689" s="11"/>
    </row>
    <row r="2690" spans="2:14">
      <c r="B2690" s="2"/>
      <c r="N2690" s="11"/>
    </row>
    <row r="2691" spans="2:14">
      <c r="B2691" s="2"/>
      <c r="N2691" s="11"/>
    </row>
    <row r="2692" spans="2:14">
      <c r="B2692" s="2"/>
      <c r="N2692" s="11"/>
    </row>
    <row r="2693" spans="2:14">
      <c r="B2693" s="2"/>
      <c r="N2693" s="11"/>
    </row>
    <row r="2694" spans="2:14">
      <c r="B2694" s="2"/>
      <c r="N2694" s="11"/>
    </row>
    <row r="2695" spans="2:14">
      <c r="B2695" s="2"/>
      <c r="N2695" s="11"/>
    </row>
    <row r="2696" spans="2:14">
      <c r="B2696" s="2"/>
      <c r="N2696" s="11"/>
    </row>
    <row r="2697" spans="2:14">
      <c r="B2697" s="2"/>
      <c r="N2697" s="11"/>
    </row>
    <row r="2698" spans="2:14">
      <c r="B2698" s="2"/>
      <c r="N2698" s="11"/>
    </row>
    <row r="2699" spans="2:14">
      <c r="B2699" s="2"/>
      <c r="N2699" s="11"/>
    </row>
    <row r="2700" spans="2:14">
      <c r="B2700" s="2"/>
      <c r="N2700" s="11"/>
    </row>
    <row r="2701" spans="2:14">
      <c r="B2701" s="2"/>
      <c r="N2701" s="11"/>
    </row>
    <row r="2702" spans="2:14">
      <c r="B2702" s="2"/>
      <c r="N2702" s="11"/>
    </row>
    <row r="2703" spans="2:14">
      <c r="B2703" s="2"/>
      <c r="N2703" s="11"/>
    </row>
    <row r="2704" spans="2:14">
      <c r="B2704" s="2"/>
      <c r="N2704" s="11"/>
    </row>
    <row r="2705" spans="2:14">
      <c r="B2705" s="2"/>
      <c r="N2705" s="11"/>
    </row>
    <row r="2706" spans="2:14">
      <c r="B2706" s="2"/>
      <c r="N2706" s="11"/>
    </row>
    <row r="2707" spans="2:14">
      <c r="B2707" s="2"/>
      <c r="N2707" s="11"/>
    </row>
    <row r="2708" spans="2:14">
      <c r="B2708" s="2"/>
      <c r="N2708" s="11"/>
    </row>
    <row r="2709" spans="2:14">
      <c r="B2709" s="2"/>
      <c r="N2709" s="11"/>
    </row>
    <row r="2710" spans="2:14">
      <c r="B2710" s="2"/>
      <c r="N2710" s="11"/>
    </row>
    <row r="2711" spans="2:14">
      <c r="B2711" s="2"/>
      <c r="N2711" s="11"/>
    </row>
    <row r="2712" spans="2:14">
      <c r="B2712" s="2"/>
      <c r="N2712" s="11"/>
    </row>
    <row r="2713" spans="2:14">
      <c r="B2713" s="2"/>
      <c r="N2713" s="11"/>
    </row>
    <row r="2714" spans="2:14">
      <c r="B2714" s="2"/>
      <c r="N2714" s="11"/>
    </row>
    <row r="2715" spans="2:14">
      <c r="B2715" s="2"/>
      <c r="N2715" s="11"/>
    </row>
    <row r="2716" spans="2:14">
      <c r="B2716" s="2"/>
      <c r="N2716" s="11"/>
    </row>
    <row r="2717" spans="2:14">
      <c r="B2717" s="2"/>
      <c r="N2717" s="11"/>
    </row>
    <row r="2718" spans="2:14">
      <c r="B2718" s="2"/>
      <c r="N2718" s="11"/>
    </row>
    <row r="2719" spans="2:14">
      <c r="B2719" s="2"/>
      <c r="N2719" s="11"/>
    </row>
    <row r="2720" spans="2:14">
      <c r="B2720" s="2"/>
      <c r="N2720" s="11"/>
    </row>
    <row r="2721" spans="2:14">
      <c r="B2721" s="2"/>
      <c r="N2721" s="11"/>
    </row>
    <row r="2722" spans="2:14">
      <c r="B2722" s="2"/>
      <c r="N2722" s="11"/>
    </row>
    <row r="2723" spans="2:14">
      <c r="B2723" s="2"/>
      <c r="N2723" s="11"/>
    </row>
    <row r="2724" spans="2:14">
      <c r="B2724" s="2"/>
      <c r="N2724" s="11"/>
    </row>
    <row r="2725" spans="2:14">
      <c r="B2725" s="2"/>
      <c r="N2725" s="11"/>
    </row>
    <row r="2726" spans="2:14">
      <c r="B2726" s="2"/>
      <c r="N2726" s="11"/>
    </row>
    <row r="2727" spans="2:14">
      <c r="B2727" s="2"/>
      <c r="N2727" s="11"/>
    </row>
    <row r="2728" spans="2:14">
      <c r="B2728" s="2"/>
      <c r="N2728" s="11"/>
    </row>
    <row r="2729" spans="2:14">
      <c r="B2729" s="2"/>
      <c r="N2729" s="11"/>
    </row>
    <row r="2730" spans="2:14">
      <c r="B2730" s="2"/>
      <c r="N2730" s="11"/>
    </row>
    <row r="2731" spans="2:14">
      <c r="B2731" s="2"/>
      <c r="N2731" s="11"/>
    </row>
    <row r="2732" spans="2:14">
      <c r="B2732" s="2"/>
      <c r="N2732" s="11"/>
    </row>
    <row r="2733" spans="2:14">
      <c r="B2733" s="2"/>
      <c r="N2733" s="11"/>
    </row>
    <row r="2734" spans="2:14">
      <c r="B2734" s="2"/>
      <c r="N2734" s="11"/>
    </row>
    <row r="2735" spans="2:14">
      <c r="B2735" s="2"/>
      <c r="N2735" s="11"/>
    </row>
    <row r="2736" spans="2:14">
      <c r="B2736" s="2"/>
      <c r="N2736" s="11"/>
    </row>
    <row r="2737" spans="2:14">
      <c r="B2737" s="2"/>
      <c r="N2737" s="11"/>
    </row>
    <row r="2738" spans="2:14">
      <c r="B2738" s="2"/>
      <c r="N2738" s="11"/>
    </row>
    <row r="2739" spans="2:14">
      <c r="B2739" s="2"/>
      <c r="N2739" s="11"/>
    </row>
    <row r="2740" spans="2:14">
      <c r="B2740" s="2"/>
      <c r="N2740" s="11"/>
    </row>
    <row r="2741" spans="2:14">
      <c r="B2741" s="2"/>
      <c r="N2741" s="11"/>
    </row>
    <row r="2742" spans="2:14">
      <c r="B2742" s="2"/>
      <c r="N2742" s="11"/>
    </row>
    <row r="2743" spans="2:14">
      <c r="B2743" s="2"/>
      <c r="N2743" s="11"/>
    </row>
    <row r="2744" spans="2:14">
      <c r="B2744" s="2"/>
      <c r="N2744" s="11"/>
    </row>
    <row r="2745" spans="2:14">
      <c r="B2745" s="2"/>
      <c r="N2745" s="11"/>
    </row>
    <row r="2746" spans="2:14">
      <c r="B2746" s="2"/>
      <c r="N2746" s="11"/>
    </row>
    <row r="2747" spans="2:14">
      <c r="B2747" s="2"/>
      <c r="N2747" s="11"/>
    </row>
    <row r="2748" spans="2:14">
      <c r="B2748" s="2"/>
      <c r="N2748" s="11"/>
    </row>
    <row r="2749" spans="2:14">
      <c r="B2749" s="2"/>
      <c r="N2749" s="11"/>
    </row>
    <row r="2750" spans="2:14">
      <c r="B2750" s="2"/>
      <c r="N2750" s="11"/>
    </row>
    <row r="2751" spans="2:14">
      <c r="B2751" s="2"/>
      <c r="N2751" s="11"/>
    </row>
    <row r="2752" spans="2:14">
      <c r="B2752" s="2"/>
      <c r="N2752" s="11"/>
    </row>
    <row r="2753" spans="2:14">
      <c r="B2753" s="2"/>
      <c r="N2753" s="11"/>
    </row>
    <row r="2754" spans="2:14">
      <c r="B2754" s="2"/>
      <c r="N2754" s="11"/>
    </row>
    <row r="2755" spans="2:14">
      <c r="B2755" s="2"/>
      <c r="N2755" s="11"/>
    </row>
    <row r="2756" spans="2:14">
      <c r="B2756" s="2"/>
      <c r="N2756" s="11"/>
    </row>
    <row r="2757" spans="2:14">
      <c r="B2757" s="2"/>
      <c r="N2757" s="11"/>
    </row>
    <row r="2758" spans="2:14">
      <c r="B2758" s="2"/>
      <c r="N2758" s="11"/>
    </row>
    <row r="2759" spans="2:14">
      <c r="B2759" s="2"/>
      <c r="N2759" s="11"/>
    </row>
    <row r="2760" spans="2:14">
      <c r="B2760" s="2"/>
      <c r="N2760" s="11"/>
    </row>
    <row r="2761" spans="2:14">
      <c r="B2761" s="2"/>
      <c r="N2761" s="11"/>
    </row>
    <row r="2762" spans="2:14">
      <c r="B2762" s="2"/>
      <c r="N2762" s="11"/>
    </row>
    <row r="2763" spans="2:14">
      <c r="B2763" s="2"/>
      <c r="N2763" s="11"/>
    </row>
    <row r="2764" spans="2:14">
      <c r="B2764" s="2"/>
      <c r="N2764" s="11"/>
    </row>
    <row r="2765" spans="2:14">
      <c r="B2765" s="2"/>
      <c r="N2765" s="11"/>
    </row>
    <row r="2766" spans="2:14">
      <c r="B2766" s="2"/>
      <c r="N2766" s="11"/>
    </row>
    <row r="2767" spans="2:14">
      <c r="B2767" s="2"/>
      <c r="N2767" s="11"/>
    </row>
    <row r="2768" spans="2:14">
      <c r="B2768" s="2"/>
      <c r="N2768" s="11"/>
    </row>
    <row r="2769" spans="2:14">
      <c r="B2769" s="2"/>
      <c r="N2769" s="11"/>
    </row>
    <row r="2770" spans="2:14">
      <c r="B2770" s="2"/>
      <c r="N2770" s="11"/>
    </row>
    <row r="2771" spans="2:14">
      <c r="B2771" s="2"/>
      <c r="N2771" s="11"/>
    </row>
    <row r="2772" spans="2:14">
      <c r="B2772" s="2"/>
      <c r="N2772" s="11"/>
    </row>
    <row r="2773" spans="2:14">
      <c r="B2773" s="2"/>
      <c r="N2773" s="11"/>
    </row>
    <row r="2774" spans="2:14">
      <c r="B2774" s="2"/>
      <c r="N2774" s="11"/>
    </row>
    <row r="2775" spans="2:14">
      <c r="B2775" s="2"/>
      <c r="N2775" s="11"/>
    </row>
    <row r="2776" spans="2:14">
      <c r="B2776" s="2"/>
      <c r="N2776" s="11"/>
    </row>
    <row r="2777" spans="2:14">
      <c r="B2777" s="2"/>
      <c r="N2777" s="11"/>
    </row>
    <row r="2778" spans="2:14">
      <c r="B2778" s="2"/>
      <c r="N2778" s="11"/>
    </row>
    <row r="2779" spans="2:14">
      <c r="B2779" s="2"/>
      <c r="N2779" s="11"/>
    </row>
    <row r="2780" spans="2:14">
      <c r="B2780" s="2"/>
      <c r="N2780" s="11"/>
    </row>
    <row r="2781" spans="2:14">
      <c r="B2781" s="2"/>
      <c r="N2781" s="11"/>
    </row>
    <row r="2782" spans="2:14">
      <c r="B2782" s="2"/>
      <c r="N2782" s="11"/>
    </row>
    <row r="2783" spans="2:14">
      <c r="B2783" s="2"/>
      <c r="N2783" s="11"/>
    </row>
    <row r="2784" spans="2:14">
      <c r="B2784" s="2"/>
      <c r="N2784" s="11"/>
    </row>
    <row r="2785" spans="2:14">
      <c r="B2785" s="2"/>
      <c r="N2785" s="11"/>
    </row>
    <row r="2786" spans="2:14">
      <c r="B2786" s="2"/>
      <c r="N2786" s="11"/>
    </row>
    <row r="2787" spans="2:14">
      <c r="B2787" s="2"/>
      <c r="N2787" s="11"/>
    </row>
    <row r="2788" spans="2:14">
      <c r="B2788" s="2"/>
      <c r="N2788" s="11"/>
    </row>
    <row r="2789" spans="2:14">
      <c r="B2789" s="2"/>
      <c r="N2789" s="11"/>
    </row>
    <row r="2790" spans="2:14">
      <c r="B2790" s="2"/>
      <c r="N2790" s="11"/>
    </row>
    <row r="2791" spans="2:14">
      <c r="B2791" s="2"/>
      <c r="N2791" s="11"/>
    </row>
    <row r="2792" spans="2:14">
      <c r="B2792" s="2"/>
      <c r="N2792" s="11"/>
    </row>
    <row r="2793" spans="2:14">
      <c r="B2793" s="2"/>
      <c r="N2793" s="11"/>
    </row>
    <row r="2794" spans="2:14">
      <c r="B2794" s="2"/>
      <c r="N2794" s="11"/>
    </row>
    <row r="2795" spans="2:14">
      <c r="B2795" s="2"/>
      <c r="N2795" s="11"/>
    </row>
    <row r="2796" spans="2:14">
      <c r="B2796" s="2"/>
      <c r="N2796" s="11"/>
    </row>
    <row r="2797" spans="2:14">
      <c r="B2797" s="2"/>
      <c r="N2797" s="11"/>
    </row>
    <row r="2798" spans="2:14">
      <c r="B2798" s="2"/>
      <c r="N2798" s="11"/>
    </row>
    <row r="2799" spans="2:14">
      <c r="B2799" s="2"/>
      <c r="N2799" s="11"/>
    </row>
    <row r="2800" spans="2:14">
      <c r="B2800" s="2"/>
      <c r="N2800" s="11"/>
    </row>
    <row r="2801" spans="2:14">
      <c r="B2801" s="2"/>
      <c r="N2801" s="11"/>
    </row>
    <row r="2802" spans="2:14">
      <c r="B2802" s="2"/>
      <c r="N2802" s="11"/>
    </row>
    <row r="2803" spans="2:14">
      <c r="B2803" s="2"/>
      <c r="N2803" s="11"/>
    </row>
    <row r="2804" spans="2:14">
      <c r="B2804" s="2"/>
      <c r="N2804" s="11"/>
    </row>
    <row r="2805" spans="2:14">
      <c r="B2805" s="2"/>
      <c r="N2805" s="11"/>
    </row>
    <row r="2806" spans="2:14">
      <c r="B2806" s="2"/>
      <c r="N2806" s="11"/>
    </row>
    <row r="2807" spans="2:14">
      <c r="B2807" s="2"/>
      <c r="N2807" s="11"/>
    </row>
    <row r="2808" spans="2:14">
      <c r="B2808" s="2"/>
      <c r="N2808" s="11"/>
    </row>
    <row r="2809" spans="2:14">
      <c r="B2809" s="2"/>
      <c r="N2809" s="11"/>
    </row>
    <row r="2810" spans="2:14">
      <c r="B2810" s="2"/>
      <c r="N2810" s="11"/>
    </row>
    <row r="2811" spans="2:14">
      <c r="B2811" s="2"/>
      <c r="N2811" s="11"/>
    </row>
    <row r="2812" spans="2:14">
      <c r="B2812" s="2"/>
      <c r="N2812" s="11"/>
    </row>
    <row r="2813" spans="2:14">
      <c r="B2813" s="2"/>
      <c r="N2813" s="11"/>
    </row>
    <row r="2814" spans="2:14">
      <c r="B2814" s="2"/>
      <c r="N2814" s="11"/>
    </row>
    <row r="2815" spans="2:14">
      <c r="B2815" s="2"/>
      <c r="N2815" s="11"/>
    </row>
    <row r="2816" spans="2:14">
      <c r="B2816" s="2"/>
      <c r="N2816" s="11"/>
    </row>
    <row r="2817" spans="2:14">
      <c r="B2817" s="2"/>
      <c r="N2817" s="11"/>
    </row>
    <row r="2818" spans="2:14">
      <c r="B2818" s="2"/>
      <c r="N2818" s="11"/>
    </row>
    <row r="2819" spans="2:14">
      <c r="B2819" s="2"/>
      <c r="N2819" s="11"/>
    </row>
    <row r="2820" spans="2:14">
      <c r="B2820" s="2"/>
      <c r="N2820" s="11"/>
    </row>
    <row r="2821" spans="2:14">
      <c r="B2821" s="2"/>
      <c r="N2821" s="11"/>
    </row>
    <row r="2822" spans="2:14">
      <c r="B2822" s="2"/>
      <c r="N2822" s="11"/>
    </row>
    <row r="2823" spans="2:14">
      <c r="B2823" s="2"/>
      <c r="N2823" s="11"/>
    </row>
    <row r="2824" spans="2:14">
      <c r="B2824" s="2"/>
      <c r="N2824" s="11"/>
    </row>
    <row r="2825" spans="2:14">
      <c r="B2825" s="2"/>
      <c r="N2825" s="11"/>
    </row>
    <row r="2826" spans="2:14">
      <c r="B2826" s="2"/>
      <c r="N2826" s="11"/>
    </row>
    <row r="2827" spans="2:14">
      <c r="B2827" s="2"/>
      <c r="N2827" s="11"/>
    </row>
    <row r="2828" spans="2:14">
      <c r="B2828" s="2"/>
      <c r="N2828" s="11"/>
    </row>
    <row r="2829" spans="2:14">
      <c r="B2829" s="2"/>
      <c r="N2829" s="11"/>
    </row>
    <row r="2830" spans="2:14">
      <c r="B2830" s="2"/>
      <c r="N2830" s="11"/>
    </row>
    <row r="2831" spans="2:14">
      <c r="B2831" s="2"/>
      <c r="N2831" s="11"/>
    </row>
    <row r="2832" spans="2:14">
      <c r="B2832" s="2"/>
      <c r="N2832" s="11"/>
    </row>
    <row r="2833" spans="2:14">
      <c r="B2833" s="2"/>
      <c r="N2833" s="11"/>
    </row>
    <row r="2834" spans="2:14">
      <c r="B2834" s="2"/>
      <c r="N2834" s="11"/>
    </row>
    <row r="2835" spans="2:14">
      <c r="B2835" s="2"/>
      <c r="N2835" s="11"/>
    </row>
    <row r="2836" spans="2:14">
      <c r="B2836" s="2"/>
      <c r="N2836" s="11"/>
    </row>
    <row r="2837" spans="2:14">
      <c r="B2837" s="2"/>
      <c r="N2837" s="11"/>
    </row>
    <row r="2838" spans="2:14">
      <c r="B2838" s="2"/>
      <c r="N2838" s="11"/>
    </row>
    <row r="2839" spans="2:14">
      <c r="B2839" s="2"/>
      <c r="N2839" s="11"/>
    </row>
    <row r="2840" spans="2:14">
      <c r="B2840" s="2"/>
      <c r="N2840" s="11"/>
    </row>
    <row r="2841" spans="2:14">
      <c r="B2841" s="2"/>
      <c r="N2841" s="11"/>
    </row>
    <row r="2842" spans="2:14">
      <c r="B2842" s="2"/>
      <c r="N2842" s="11"/>
    </row>
    <row r="2843" spans="2:14">
      <c r="B2843" s="2"/>
      <c r="N2843" s="11"/>
    </row>
    <row r="2844" spans="2:14">
      <c r="B2844" s="2"/>
      <c r="N2844" s="11"/>
    </row>
    <row r="2845" spans="2:14">
      <c r="B2845" s="2"/>
      <c r="N2845" s="11"/>
    </row>
    <row r="2846" spans="2:14">
      <c r="B2846" s="2"/>
      <c r="N2846" s="11"/>
    </row>
    <row r="2847" spans="2:14">
      <c r="B2847" s="2"/>
      <c r="N2847" s="11"/>
    </row>
    <row r="2848" spans="2:14">
      <c r="B2848" s="2"/>
      <c r="N2848" s="11"/>
    </row>
    <row r="2849" spans="2:14">
      <c r="B2849" s="2"/>
      <c r="N2849" s="11"/>
    </row>
    <row r="2850" spans="2:14">
      <c r="B2850" s="2"/>
      <c r="N2850" s="11"/>
    </row>
    <row r="2851" spans="2:14">
      <c r="B2851" s="2"/>
      <c r="N2851" s="11"/>
    </row>
    <row r="2852" spans="2:14">
      <c r="B2852" s="2"/>
      <c r="N2852" s="11"/>
    </row>
    <row r="2853" spans="2:14">
      <c r="B2853" s="2"/>
      <c r="N2853" s="11"/>
    </row>
    <row r="2854" spans="2:14">
      <c r="B2854" s="2"/>
      <c r="N2854" s="11"/>
    </row>
    <row r="2855" spans="2:14">
      <c r="B2855" s="2"/>
      <c r="N2855" s="11"/>
    </row>
    <row r="2856" spans="2:14">
      <c r="B2856" s="2"/>
      <c r="N2856" s="11"/>
    </row>
    <row r="2857" spans="2:14">
      <c r="B2857" s="2"/>
      <c r="N2857" s="11"/>
    </row>
    <row r="2858" spans="2:14">
      <c r="B2858" s="2"/>
      <c r="N2858" s="11"/>
    </row>
    <row r="2859" spans="2:14">
      <c r="B2859" s="2"/>
      <c r="N2859" s="11"/>
    </row>
    <row r="2860" spans="2:14">
      <c r="B2860" s="2"/>
      <c r="N2860" s="11"/>
    </row>
    <row r="2861" spans="2:14">
      <c r="B2861" s="2"/>
      <c r="N2861" s="11"/>
    </row>
    <row r="2862" spans="2:14">
      <c r="B2862" s="2"/>
      <c r="N2862" s="11"/>
    </row>
    <row r="2863" spans="2:14">
      <c r="B2863" s="2"/>
      <c r="N2863" s="11"/>
    </row>
    <row r="2864" spans="2:14">
      <c r="B2864" s="2"/>
      <c r="N2864" s="11"/>
    </row>
    <row r="2865" spans="2:14">
      <c r="B2865" s="2"/>
      <c r="N2865" s="11"/>
    </row>
    <row r="2866" spans="2:14">
      <c r="B2866" s="2"/>
      <c r="N2866" s="11"/>
    </row>
    <row r="2867" spans="2:14">
      <c r="B2867" s="2"/>
      <c r="N2867" s="11"/>
    </row>
    <row r="2868" spans="2:14">
      <c r="B2868" s="2"/>
      <c r="N2868" s="11"/>
    </row>
    <row r="2869" spans="2:14">
      <c r="B2869" s="2"/>
      <c r="N2869" s="11"/>
    </row>
    <row r="2870" spans="2:14">
      <c r="B2870" s="2"/>
      <c r="N2870" s="11"/>
    </row>
    <row r="2871" spans="2:14">
      <c r="B2871" s="2"/>
      <c r="N2871" s="11"/>
    </row>
    <row r="2872" spans="2:14">
      <c r="B2872" s="2"/>
      <c r="N2872" s="11"/>
    </row>
    <row r="2873" spans="2:14">
      <c r="B2873" s="2"/>
      <c r="N2873" s="11"/>
    </row>
    <row r="2874" spans="2:14">
      <c r="B2874" s="2"/>
      <c r="N2874" s="11"/>
    </row>
    <row r="2875" spans="2:14">
      <c r="B2875" s="2"/>
      <c r="N2875" s="11"/>
    </row>
    <row r="2876" spans="2:14">
      <c r="B2876" s="2"/>
      <c r="N2876" s="11"/>
    </row>
    <row r="2877" spans="2:14">
      <c r="B2877" s="2"/>
      <c r="N2877" s="11"/>
    </row>
    <row r="2878" spans="2:14">
      <c r="B2878" s="2"/>
      <c r="N2878" s="11"/>
    </row>
    <row r="2879" spans="2:14">
      <c r="B2879" s="2"/>
      <c r="N2879" s="11"/>
    </row>
    <row r="2880" spans="2:14">
      <c r="B2880" s="2"/>
      <c r="N2880" s="11"/>
    </row>
    <row r="2881" spans="2:14">
      <c r="B2881" s="2"/>
      <c r="N2881" s="11"/>
    </row>
    <row r="2882" spans="2:14">
      <c r="B2882" s="2"/>
      <c r="N2882" s="11"/>
    </row>
    <row r="2883" spans="2:14">
      <c r="B2883" s="2"/>
      <c r="N2883" s="11"/>
    </row>
    <row r="2884" spans="2:14">
      <c r="B2884" s="2"/>
      <c r="N2884" s="11"/>
    </row>
    <row r="2885" spans="2:14">
      <c r="B2885" s="2"/>
      <c r="N2885" s="11"/>
    </row>
    <row r="2886" spans="2:14">
      <c r="B2886" s="2"/>
      <c r="N2886" s="11"/>
    </row>
    <row r="2887" spans="2:14">
      <c r="B2887" s="2"/>
      <c r="N2887" s="11"/>
    </row>
    <row r="2888" spans="2:14">
      <c r="B2888" s="2"/>
      <c r="N2888" s="11"/>
    </row>
    <row r="2889" spans="2:14">
      <c r="B2889" s="2"/>
      <c r="N2889" s="11"/>
    </row>
    <row r="2890" spans="2:14">
      <c r="B2890" s="2"/>
      <c r="N2890" s="11"/>
    </row>
    <row r="2891" spans="2:14">
      <c r="B2891" s="2"/>
      <c r="N2891" s="11"/>
    </row>
    <row r="2892" spans="2:14">
      <c r="B2892" s="2"/>
      <c r="N2892" s="11"/>
    </row>
    <row r="2893" spans="2:14">
      <c r="B2893" s="2"/>
      <c r="N2893" s="11"/>
    </row>
    <row r="2894" spans="2:14">
      <c r="B2894" s="2"/>
      <c r="N2894" s="11"/>
    </row>
    <row r="2895" spans="2:14">
      <c r="B2895" s="2"/>
      <c r="N2895" s="11"/>
    </row>
    <row r="2896" spans="2:14">
      <c r="B2896" s="2"/>
      <c r="N2896" s="11"/>
    </row>
    <row r="2897" spans="2:14">
      <c r="B2897" s="2"/>
      <c r="N2897" s="11"/>
    </row>
    <row r="2898" spans="2:14">
      <c r="B2898" s="2"/>
      <c r="N2898" s="11"/>
    </row>
    <row r="2899" spans="2:14">
      <c r="B2899" s="2"/>
      <c r="N2899" s="11"/>
    </row>
    <row r="2900" spans="2:14">
      <c r="B2900" s="2"/>
      <c r="N2900" s="11"/>
    </row>
    <row r="2901" spans="2:14">
      <c r="B2901" s="2"/>
      <c r="N2901" s="11"/>
    </row>
    <row r="2902" spans="2:14">
      <c r="B2902" s="2"/>
      <c r="N2902" s="11"/>
    </row>
    <row r="2903" spans="2:14">
      <c r="B2903" s="2"/>
      <c r="N2903" s="11"/>
    </row>
    <row r="2904" spans="2:14">
      <c r="B2904" s="2"/>
      <c r="N2904" s="11"/>
    </row>
    <row r="2905" spans="2:14">
      <c r="B2905" s="2"/>
      <c r="N2905" s="11"/>
    </row>
    <row r="2906" spans="2:14">
      <c r="B2906" s="2"/>
      <c r="N2906" s="11"/>
    </row>
    <row r="2907" spans="2:14">
      <c r="B2907" s="2"/>
      <c r="N2907" s="11"/>
    </row>
    <row r="2908" spans="2:14">
      <c r="B2908" s="2"/>
      <c r="N2908" s="11"/>
    </row>
    <row r="2909" spans="2:14">
      <c r="B2909" s="2"/>
      <c r="N2909" s="11"/>
    </row>
    <row r="2910" spans="2:14">
      <c r="B2910" s="2"/>
      <c r="N2910" s="11"/>
    </row>
    <row r="2911" spans="2:14">
      <c r="B2911" s="2"/>
      <c r="N2911" s="11"/>
    </row>
    <row r="2912" spans="2:14">
      <c r="B2912" s="2"/>
      <c r="N2912" s="11"/>
    </row>
    <row r="2913" spans="2:14">
      <c r="B2913" s="2"/>
      <c r="N2913" s="11"/>
    </row>
    <row r="2914" spans="2:14">
      <c r="B2914" s="2"/>
      <c r="N2914" s="11"/>
    </row>
    <row r="2915" spans="2:14">
      <c r="B2915" s="2"/>
      <c r="N2915" s="11"/>
    </row>
    <row r="2916" spans="2:14">
      <c r="B2916" s="2"/>
      <c r="N2916" s="11"/>
    </row>
    <row r="2917" spans="2:14">
      <c r="B2917" s="2"/>
      <c r="N2917" s="11"/>
    </row>
    <row r="2918" spans="2:14">
      <c r="B2918" s="2"/>
      <c r="N2918" s="11"/>
    </row>
    <row r="2919" spans="2:14">
      <c r="B2919" s="2"/>
      <c r="N2919" s="11"/>
    </row>
    <row r="2920" spans="2:14">
      <c r="B2920" s="2"/>
      <c r="N2920" s="11"/>
    </row>
    <row r="2921" spans="2:14">
      <c r="B2921" s="2"/>
      <c r="N2921" s="11"/>
    </row>
    <row r="2922" spans="2:14">
      <c r="B2922" s="2"/>
      <c r="N2922" s="11"/>
    </row>
    <row r="2923" spans="2:14">
      <c r="B2923" s="2"/>
      <c r="N2923" s="11"/>
    </row>
    <row r="2924" spans="2:14">
      <c r="B2924" s="2"/>
      <c r="N2924" s="11"/>
    </row>
    <row r="2925" spans="2:14">
      <c r="B2925" s="2"/>
      <c r="N2925" s="11"/>
    </row>
    <row r="2926" spans="2:14">
      <c r="B2926" s="2"/>
      <c r="N2926" s="11"/>
    </row>
    <row r="2927" spans="2:14">
      <c r="B2927" s="2"/>
      <c r="N2927" s="11"/>
    </row>
    <row r="2928" spans="2:14">
      <c r="B2928" s="2"/>
      <c r="N2928" s="11"/>
    </row>
    <row r="2929" spans="2:14">
      <c r="B2929" s="2"/>
      <c r="N2929" s="11"/>
    </row>
    <row r="2930" spans="2:14">
      <c r="B2930" s="2"/>
      <c r="N2930" s="11"/>
    </row>
    <row r="2931" spans="2:14">
      <c r="B2931" s="2"/>
      <c r="N2931" s="11"/>
    </row>
    <row r="2932" spans="2:14">
      <c r="B2932" s="2"/>
      <c r="N2932" s="11"/>
    </row>
    <row r="2933" spans="2:14">
      <c r="B2933" s="2"/>
      <c r="N2933" s="11"/>
    </row>
    <row r="2934" spans="2:14">
      <c r="B2934" s="2"/>
      <c r="N2934" s="11"/>
    </row>
    <row r="2935" spans="2:14">
      <c r="B2935" s="2"/>
      <c r="N2935" s="11"/>
    </row>
    <row r="2936" spans="2:14">
      <c r="B2936" s="2"/>
      <c r="N2936" s="11"/>
    </row>
    <row r="2937" spans="2:14">
      <c r="B2937" s="2"/>
      <c r="N2937" s="11"/>
    </row>
    <row r="2938" spans="2:14">
      <c r="B2938" s="2"/>
      <c r="N2938" s="11"/>
    </row>
    <row r="2939" spans="2:14">
      <c r="B2939" s="2"/>
      <c r="N2939" s="11"/>
    </row>
    <row r="2940" spans="2:14">
      <c r="B2940" s="2"/>
      <c r="N2940" s="11"/>
    </row>
    <row r="2941" spans="2:14">
      <c r="B2941" s="2"/>
      <c r="N2941" s="11"/>
    </row>
    <row r="2942" spans="2:14">
      <c r="B2942" s="2"/>
      <c r="N2942" s="11"/>
    </row>
    <row r="2943" spans="2:14">
      <c r="B2943" s="2"/>
      <c r="N2943" s="11"/>
    </row>
    <row r="2944" spans="2:14">
      <c r="B2944" s="2"/>
      <c r="N2944" s="11"/>
    </row>
    <row r="2945" spans="2:14">
      <c r="B2945" s="2"/>
      <c r="N2945" s="11"/>
    </row>
    <row r="2946" spans="2:14">
      <c r="B2946" s="2"/>
      <c r="N2946" s="11"/>
    </row>
    <row r="2947" spans="2:14">
      <c r="B2947" s="2"/>
      <c r="N2947" s="11"/>
    </row>
    <row r="2948" spans="2:14">
      <c r="B2948" s="2"/>
      <c r="N2948" s="11"/>
    </row>
    <row r="2949" spans="2:14">
      <c r="B2949" s="2"/>
      <c r="N2949" s="11"/>
    </row>
    <row r="2950" spans="2:14">
      <c r="B2950" s="2"/>
      <c r="N2950" s="11"/>
    </row>
    <row r="2951" spans="2:14">
      <c r="B2951" s="2"/>
      <c r="N2951" s="11"/>
    </row>
    <row r="2952" spans="2:14">
      <c r="B2952" s="2"/>
      <c r="N2952" s="11"/>
    </row>
    <row r="2953" spans="2:14">
      <c r="B2953" s="2"/>
      <c r="N2953" s="11"/>
    </row>
    <row r="2954" spans="2:14">
      <c r="B2954" s="2"/>
      <c r="N2954" s="11"/>
    </row>
    <row r="2955" spans="2:14">
      <c r="B2955" s="2"/>
      <c r="N2955" s="11"/>
    </row>
    <row r="2956" spans="2:14">
      <c r="B2956" s="2"/>
      <c r="N2956" s="11"/>
    </row>
    <row r="2957" spans="2:14">
      <c r="B2957" s="2"/>
      <c r="N2957" s="11"/>
    </row>
    <row r="2958" spans="2:14">
      <c r="B2958" s="2"/>
      <c r="N2958" s="11"/>
    </row>
    <row r="2959" spans="2:14">
      <c r="B2959" s="2"/>
      <c r="N2959" s="11"/>
    </row>
    <row r="2960" spans="2:14">
      <c r="B2960" s="2"/>
      <c r="N2960" s="11"/>
    </row>
    <row r="2961" spans="2:14">
      <c r="B2961" s="2"/>
      <c r="N2961" s="11"/>
    </row>
    <row r="2962" spans="2:14">
      <c r="B2962" s="2"/>
      <c r="N2962" s="11"/>
    </row>
    <row r="2963" spans="2:14">
      <c r="B2963" s="2"/>
      <c r="N2963" s="11"/>
    </row>
    <row r="2964" spans="2:14">
      <c r="B2964" s="2"/>
      <c r="N2964" s="11"/>
    </row>
    <row r="2965" spans="2:14">
      <c r="B2965" s="2"/>
      <c r="N2965" s="11"/>
    </row>
    <row r="2966" spans="2:14">
      <c r="B2966" s="2"/>
      <c r="N2966" s="11"/>
    </row>
    <row r="2967" spans="2:14">
      <c r="B2967" s="2"/>
      <c r="N2967" s="11"/>
    </row>
    <row r="2968" spans="2:14">
      <c r="B2968" s="2"/>
      <c r="N2968" s="11"/>
    </row>
    <row r="2969" spans="2:14">
      <c r="B2969" s="2"/>
      <c r="N2969" s="11"/>
    </row>
    <row r="2970" spans="2:14">
      <c r="B2970" s="2"/>
      <c r="N2970" s="11"/>
    </row>
    <row r="2971" spans="2:14">
      <c r="B2971" s="2"/>
      <c r="N2971" s="11"/>
    </row>
    <row r="2972" spans="2:14">
      <c r="B2972" s="2"/>
      <c r="N2972" s="11"/>
    </row>
    <row r="2973" spans="2:14">
      <c r="B2973" s="2"/>
      <c r="N2973" s="11"/>
    </row>
    <row r="2974" spans="2:14">
      <c r="B2974" s="2"/>
      <c r="N2974" s="11"/>
    </row>
    <row r="2975" spans="2:14">
      <c r="B2975" s="2"/>
      <c r="N2975" s="11"/>
    </row>
    <row r="2976" spans="2:14">
      <c r="B2976" s="2"/>
      <c r="N2976" s="11"/>
    </row>
    <row r="2977" spans="2:14">
      <c r="B2977" s="2"/>
      <c r="N2977" s="11"/>
    </row>
    <row r="2978" spans="2:14">
      <c r="B2978" s="2"/>
      <c r="N2978" s="11"/>
    </row>
    <row r="2979" spans="2:14">
      <c r="B2979" s="2"/>
      <c r="N2979" s="11"/>
    </row>
    <row r="2980" spans="2:14">
      <c r="B2980" s="2"/>
      <c r="N2980" s="11"/>
    </row>
    <row r="2981" spans="2:14">
      <c r="B2981" s="2"/>
      <c r="N2981" s="11"/>
    </row>
    <row r="2982" spans="2:14">
      <c r="B2982" s="2"/>
      <c r="N2982" s="11"/>
    </row>
    <row r="2983" spans="2:14">
      <c r="B2983" s="2"/>
      <c r="N2983" s="11"/>
    </row>
    <row r="2984" spans="2:14">
      <c r="B2984" s="2"/>
      <c r="N2984" s="11"/>
    </row>
    <row r="2985" spans="2:14">
      <c r="B2985" s="2"/>
      <c r="N2985" s="11"/>
    </row>
    <row r="2986" spans="2:14">
      <c r="B2986" s="2"/>
      <c r="N2986" s="11"/>
    </row>
    <row r="2987" spans="2:14">
      <c r="B2987" s="2"/>
      <c r="N2987" s="11"/>
    </row>
    <row r="2988" spans="2:14">
      <c r="B2988" s="2"/>
      <c r="N2988" s="11"/>
    </row>
    <row r="2989" spans="2:14">
      <c r="B2989" s="2"/>
      <c r="N2989" s="11"/>
    </row>
    <row r="2990" spans="2:14">
      <c r="B2990" s="2"/>
      <c r="N2990" s="11"/>
    </row>
    <row r="2991" spans="2:14">
      <c r="B2991" s="2"/>
      <c r="N2991" s="11"/>
    </row>
    <row r="2992" spans="2:14">
      <c r="B2992" s="2"/>
      <c r="N2992" s="11"/>
    </row>
    <row r="2993" spans="2:14">
      <c r="B2993" s="2"/>
      <c r="N2993" s="11"/>
    </row>
    <row r="2994" spans="2:14">
      <c r="B2994" s="2"/>
      <c r="N2994" s="11"/>
    </row>
    <row r="2995" spans="2:14">
      <c r="B2995" s="2"/>
      <c r="N2995" s="11"/>
    </row>
    <row r="2996" spans="2:14">
      <c r="B2996" s="2"/>
      <c r="N2996" s="11"/>
    </row>
    <row r="2997" spans="2:14">
      <c r="B2997" s="2"/>
      <c r="N2997" s="11"/>
    </row>
    <row r="2998" spans="2:14">
      <c r="B2998" s="2"/>
      <c r="N2998" s="11"/>
    </row>
    <row r="2999" spans="2:14">
      <c r="B2999" s="2"/>
      <c r="N2999" s="11"/>
    </row>
    <row r="3000" spans="2:14">
      <c r="B3000" s="2"/>
      <c r="N3000" s="11"/>
    </row>
    <row r="3001" spans="2:14">
      <c r="B3001" s="2"/>
      <c r="N3001" s="11"/>
    </row>
    <row r="3002" spans="2:14">
      <c r="B3002" s="2"/>
      <c r="N3002" s="11"/>
    </row>
    <row r="3003" spans="2:14">
      <c r="B3003" s="2"/>
      <c r="N3003" s="11"/>
    </row>
    <row r="3004" spans="2:14">
      <c r="B3004" s="2"/>
      <c r="N3004" s="11"/>
    </row>
    <row r="3005" spans="2:14">
      <c r="B3005" s="2"/>
      <c r="N3005" s="11"/>
    </row>
    <row r="3006" spans="2:14">
      <c r="B3006" s="2"/>
      <c r="N3006" s="11"/>
    </row>
    <row r="3007" spans="2:14">
      <c r="B3007" s="2"/>
      <c r="N3007" s="11"/>
    </row>
    <row r="3008" spans="2:14">
      <c r="B3008" s="2"/>
      <c r="N3008" s="11"/>
    </row>
    <row r="3009" spans="2:14">
      <c r="B3009" s="2"/>
      <c r="N3009" s="11"/>
    </row>
    <row r="3010" spans="2:14">
      <c r="B3010" s="2"/>
      <c r="N3010" s="11"/>
    </row>
    <row r="3011" spans="2:14">
      <c r="B3011" s="2"/>
      <c r="N3011" s="11"/>
    </row>
    <row r="3012" spans="2:14">
      <c r="B3012" s="2"/>
      <c r="N3012" s="11"/>
    </row>
    <row r="3013" spans="2:14">
      <c r="B3013" s="2"/>
      <c r="N3013" s="11"/>
    </row>
    <row r="3014" spans="2:14">
      <c r="B3014" s="2"/>
      <c r="N3014" s="11"/>
    </row>
    <row r="3015" spans="2:14">
      <c r="B3015" s="2"/>
      <c r="N3015" s="11"/>
    </row>
    <row r="3016" spans="2:14">
      <c r="B3016" s="2"/>
      <c r="N3016" s="11"/>
    </row>
    <row r="3017" spans="2:14">
      <c r="B3017" s="2"/>
      <c r="N3017" s="11"/>
    </row>
    <row r="3018" spans="2:14">
      <c r="B3018" s="2"/>
      <c r="N3018" s="11"/>
    </row>
    <row r="3019" spans="2:14">
      <c r="B3019" s="2"/>
      <c r="N3019" s="11"/>
    </row>
    <row r="3020" spans="2:14">
      <c r="B3020" s="2"/>
      <c r="N3020" s="11"/>
    </row>
    <row r="3021" spans="2:14">
      <c r="B3021" s="2"/>
      <c r="N3021" s="11"/>
    </row>
    <row r="3022" spans="2:14">
      <c r="B3022" s="2"/>
      <c r="N3022" s="11"/>
    </row>
    <row r="3023" spans="2:14">
      <c r="B3023" s="2"/>
      <c r="N3023" s="11"/>
    </row>
    <row r="3024" spans="2:14">
      <c r="B3024" s="2"/>
      <c r="N3024" s="11"/>
    </row>
    <row r="3025" spans="2:14">
      <c r="B3025" s="2"/>
      <c r="N3025" s="11"/>
    </row>
    <row r="3026" spans="2:14">
      <c r="B3026" s="2"/>
      <c r="N3026" s="11"/>
    </row>
    <row r="3027" spans="2:14">
      <c r="B3027" s="2"/>
      <c r="N3027" s="11"/>
    </row>
    <row r="3028" spans="2:14">
      <c r="B3028" s="2"/>
      <c r="N3028" s="11"/>
    </row>
    <row r="3029" spans="2:14">
      <c r="B3029" s="2"/>
      <c r="N3029" s="11"/>
    </row>
    <row r="3030" spans="2:14">
      <c r="B3030" s="2"/>
      <c r="N3030" s="11"/>
    </row>
    <row r="3031" spans="2:14">
      <c r="B3031" s="2"/>
      <c r="N3031" s="11"/>
    </row>
    <row r="3032" spans="2:14">
      <c r="B3032" s="2"/>
      <c r="N3032" s="11"/>
    </row>
    <row r="3033" spans="2:14">
      <c r="B3033" s="2"/>
      <c r="N3033" s="11"/>
    </row>
    <row r="3034" spans="2:14">
      <c r="B3034" s="2"/>
      <c r="N3034" s="11"/>
    </row>
    <row r="3035" spans="2:14">
      <c r="B3035" s="2"/>
      <c r="N3035" s="11"/>
    </row>
    <row r="3036" spans="2:14">
      <c r="B3036" s="2"/>
      <c r="N3036" s="11"/>
    </row>
    <row r="3037" spans="2:14">
      <c r="B3037" s="2"/>
      <c r="N3037" s="11"/>
    </row>
    <row r="3038" spans="2:14">
      <c r="B3038" s="2"/>
      <c r="N3038" s="11"/>
    </row>
    <row r="3039" spans="2:14">
      <c r="B3039" s="2"/>
      <c r="N3039" s="11"/>
    </row>
    <row r="3040" spans="2:14">
      <c r="B3040" s="2"/>
      <c r="N3040" s="11"/>
    </row>
    <row r="3041" spans="2:14">
      <c r="B3041" s="2"/>
      <c r="N3041" s="11"/>
    </row>
    <row r="3042" spans="2:14">
      <c r="B3042" s="2"/>
      <c r="N3042" s="11"/>
    </row>
    <row r="3043" spans="2:14">
      <c r="B3043" s="2"/>
      <c r="N3043" s="11"/>
    </row>
    <row r="3044" spans="2:14">
      <c r="B3044" s="2"/>
      <c r="N3044" s="11"/>
    </row>
    <row r="3045" spans="2:14">
      <c r="B3045" s="2"/>
      <c r="N3045" s="11"/>
    </row>
    <row r="3046" spans="2:14">
      <c r="B3046" s="2"/>
      <c r="N3046" s="11"/>
    </row>
    <row r="3047" spans="2:14">
      <c r="B3047" s="2"/>
      <c r="N3047" s="11"/>
    </row>
    <row r="3048" spans="2:14">
      <c r="B3048" s="2"/>
      <c r="N3048" s="11"/>
    </row>
    <row r="3049" spans="2:14">
      <c r="B3049" s="2"/>
      <c r="N3049" s="11"/>
    </row>
    <row r="3050" spans="2:14">
      <c r="B3050" s="2"/>
      <c r="N3050" s="11"/>
    </row>
    <row r="3051" spans="2:14">
      <c r="B3051" s="2"/>
      <c r="N3051" s="11"/>
    </row>
    <row r="3052" spans="2:14">
      <c r="B3052" s="2"/>
      <c r="N3052" s="11"/>
    </row>
    <row r="3053" spans="2:14">
      <c r="B3053" s="2"/>
      <c r="N3053" s="11"/>
    </row>
    <row r="3054" spans="2:14">
      <c r="B3054" s="2"/>
      <c r="N3054" s="11"/>
    </row>
    <row r="3055" spans="2:14">
      <c r="B3055" s="2"/>
      <c r="N3055" s="11"/>
    </row>
    <row r="3056" spans="2:14">
      <c r="B3056" s="2"/>
      <c r="N3056" s="11"/>
    </row>
    <row r="3057" spans="2:14">
      <c r="B3057" s="2"/>
      <c r="N3057" s="11"/>
    </row>
    <row r="3058" spans="2:14">
      <c r="B3058" s="2"/>
      <c r="N3058" s="11"/>
    </row>
    <row r="3059" spans="2:14">
      <c r="B3059" s="2"/>
      <c r="N3059" s="11"/>
    </row>
    <row r="3060" spans="2:14">
      <c r="B3060" s="2"/>
      <c r="N3060" s="11"/>
    </row>
    <row r="3061" spans="2:14">
      <c r="B3061" s="2"/>
      <c r="N3061" s="11"/>
    </row>
    <row r="3062" spans="2:14">
      <c r="B3062" s="2"/>
      <c r="N3062" s="11"/>
    </row>
    <row r="3063" spans="2:14">
      <c r="B3063" s="2"/>
      <c r="N3063" s="11"/>
    </row>
    <row r="3064" spans="2:14">
      <c r="B3064" s="2"/>
      <c r="N3064" s="11"/>
    </row>
    <row r="3065" spans="2:14">
      <c r="B3065" s="2"/>
      <c r="N3065" s="11"/>
    </row>
    <row r="3066" spans="2:14">
      <c r="B3066" s="2"/>
      <c r="N3066" s="11"/>
    </row>
    <row r="3067" spans="2:14">
      <c r="B3067" s="2"/>
      <c r="N3067" s="11"/>
    </row>
    <row r="3068" spans="2:14">
      <c r="B3068" s="2"/>
      <c r="N3068" s="11"/>
    </row>
    <row r="3069" spans="2:14">
      <c r="B3069" s="2"/>
      <c r="N3069" s="11"/>
    </row>
    <row r="3070" spans="2:14">
      <c r="B3070" s="2"/>
      <c r="N3070" s="11"/>
    </row>
    <row r="3071" spans="2:14">
      <c r="B3071" s="2"/>
      <c r="N3071" s="11"/>
    </row>
    <row r="3072" spans="2:14">
      <c r="B3072" s="2"/>
      <c r="N3072" s="11"/>
    </row>
    <row r="3073" spans="2:14">
      <c r="B3073" s="2"/>
      <c r="N3073" s="11"/>
    </row>
    <row r="3074" spans="2:14">
      <c r="B3074" s="2"/>
      <c r="N3074" s="11"/>
    </row>
    <row r="3075" spans="2:14">
      <c r="B3075" s="2"/>
      <c r="N3075" s="11"/>
    </row>
    <row r="3076" spans="2:14">
      <c r="B3076" s="2"/>
      <c r="N3076" s="11"/>
    </row>
    <row r="3077" spans="2:14">
      <c r="B3077" s="2"/>
      <c r="N3077" s="11"/>
    </row>
    <row r="3078" spans="2:14">
      <c r="B3078" s="2"/>
      <c r="N3078" s="11"/>
    </row>
    <row r="3079" spans="2:14">
      <c r="B3079" s="2"/>
      <c r="N3079" s="11"/>
    </row>
    <row r="3080" spans="2:14">
      <c r="B3080" s="2"/>
      <c r="N3080" s="11"/>
    </row>
    <row r="3081" spans="2:14">
      <c r="B3081" s="2"/>
      <c r="N3081" s="11"/>
    </row>
    <row r="3082" spans="2:14">
      <c r="B3082" s="2"/>
      <c r="N3082" s="11"/>
    </row>
    <row r="3083" spans="2:14">
      <c r="B3083" s="2"/>
      <c r="N3083" s="11"/>
    </row>
    <row r="3084" spans="2:14">
      <c r="B3084" s="2"/>
      <c r="N3084" s="11"/>
    </row>
    <row r="3085" spans="2:14">
      <c r="B3085" s="2"/>
      <c r="N3085" s="11"/>
    </row>
    <row r="3086" spans="2:14">
      <c r="B3086" s="2"/>
      <c r="N3086" s="11"/>
    </row>
    <row r="3087" spans="2:14">
      <c r="B3087" s="2"/>
      <c r="N3087" s="11"/>
    </row>
    <row r="3088" spans="2:14">
      <c r="B3088" s="2"/>
      <c r="N3088" s="11"/>
    </row>
    <row r="3089" spans="2:14">
      <c r="B3089" s="2"/>
      <c r="N3089" s="11"/>
    </row>
    <row r="3090" spans="2:14">
      <c r="B3090" s="2"/>
      <c r="N3090" s="11"/>
    </row>
    <row r="3091" spans="2:14">
      <c r="B3091" s="2"/>
      <c r="N3091" s="11"/>
    </row>
    <row r="3092" spans="2:14">
      <c r="B3092" s="2"/>
      <c r="N3092" s="11"/>
    </row>
    <row r="3093" spans="2:14">
      <c r="B3093" s="2"/>
      <c r="N3093" s="11"/>
    </row>
    <row r="3094" spans="2:14">
      <c r="B3094" s="2"/>
      <c r="N3094" s="11"/>
    </row>
    <row r="3095" spans="2:14">
      <c r="B3095" s="2"/>
      <c r="N3095" s="11"/>
    </row>
    <row r="3096" spans="2:14">
      <c r="B3096" s="2"/>
      <c r="N3096" s="11"/>
    </row>
    <row r="3097" spans="2:14">
      <c r="B3097" s="2"/>
      <c r="N3097" s="11"/>
    </row>
    <row r="3098" spans="2:14">
      <c r="B3098" s="2"/>
      <c r="N3098" s="11"/>
    </row>
    <row r="3099" spans="2:14">
      <c r="B3099" s="2"/>
      <c r="N3099" s="11"/>
    </row>
    <row r="3100" spans="2:14">
      <c r="B3100" s="2"/>
      <c r="N3100" s="11"/>
    </row>
    <row r="3101" spans="2:14">
      <c r="B3101" s="2"/>
      <c r="N3101" s="11"/>
    </row>
    <row r="3102" spans="2:14">
      <c r="B3102" s="2"/>
      <c r="N3102" s="11"/>
    </row>
    <row r="3103" spans="2:14">
      <c r="B3103" s="2"/>
      <c r="N3103" s="11"/>
    </row>
    <row r="3104" spans="2:14">
      <c r="B3104" s="2"/>
      <c r="N3104" s="11"/>
    </row>
    <row r="3105" spans="2:14">
      <c r="B3105" s="2"/>
      <c r="N3105" s="11"/>
    </row>
    <row r="3106" spans="2:14">
      <c r="B3106" s="2"/>
      <c r="N3106" s="11"/>
    </row>
    <row r="3107" spans="2:14">
      <c r="B3107" s="2"/>
      <c r="N3107" s="11"/>
    </row>
    <row r="3108" spans="2:14">
      <c r="B3108" s="2"/>
      <c r="N3108" s="11"/>
    </row>
    <row r="3109" spans="2:14">
      <c r="B3109" s="2"/>
      <c r="N3109" s="11"/>
    </row>
    <row r="3110" spans="2:14">
      <c r="B3110" s="2"/>
      <c r="N3110" s="11"/>
    </row>
    <row r="3111" spans="2:14">
      <c r="B3111" s="2"/>
      <c r="N3111" s="11"/>
    </row>
    <row r="3112" spans="2:14">
      <c r="B3112" s="2"/>
      <c r="N3112" s="11"/>
    </row>
    <row r="3113" spans="2:14">
      <c r="B3113" s="2"/>
      <c r="N3113" s="11"/>
    </row>
    <row r="3114" spans="2:14">
      <c r="B3114" s="2"/>
      <c r="N3114" s="11"/>
    </row>
    <row r="3115" spans="2:14">
      <c r="B3115" s="2"/>
      <c r="N3115" s="11"/>
    </row>
    <row r="3116" spans="2:14">
      <c r="B3116" s="2"/>
      <c r="N3116" s="11"/>
    </row>
    <row r="3117" spans="2:14">
      <c r="B3117" s="2"/>
      <c r="N3117" s="11"/>
    </row>
    <row r="3118" spans="2:14">
      <c r="B3118" s="2"/>
      <c r="N3118" s="11"/>
    </row>
    <row r="3119" spans="2:14">
      <c r="B3119" s="2"/>
      <c r="N3119" s="11"/>
    </row>
    <row r="3120" spans="2:14">
      <c r="B3120" s="2"/>
      <c r="N3120" s="11"/>
    </row>
    <row r="3121" spans="2:14">
      <c r="B3121" s="2"/>
      <c r="N3121" s="11"/>
    </row>
    <row r="3122" spans="2:14">
      <c r="B3122" s="2"/>
      <c r="N3122" s="11"/>
    </row>
    <row r="3123" spans="2:14">
      <c r="B3123" s="2"/>
      <c r="N3123" s="11"/>
    </row>
    <row r="3124" spans="2:14">
      <c r="B3124" s="2"/>
      <c r="N3124" s="11"/>
    </row>
    <row r="3125" spans="2:14">
      <c r="B3125" s="2"/>
      <c r="N3125" s="11"/>
    </row>
    <row r="3126" spans="2:14">
      <c r="B3126" s="2"/>
      <c r="N3126" s="11"/>
    </row>
    <row r="3127" spans="2:14">
      <c r="B3127" s="2"/>
      <c r="N3127" s="11"/>
    </row>
    <row r="3128" spans="2:14">
      <c r="B3128" s="2"/>
      <c r="N3128" s="11"/>
    </row>
    <row r="3129" spans="2:14">
      <c r="B3129" s="2"/>
      <c r="N3129" s="11"/>
    </row>
    <row r="3130" spans="2:14">
      <c r="B3130" s="2"/>
      <c r="N3130" s="11"/>
    </row>
    <row r="3131" spans="2:14">
      <c r="B3131" s="2"/>
      <c r="N3131" s="11"/>
    </row>
    <row r="3132" spans="2:14">
      <c r="B3132" s="2"/>
      <c r="N3132" s="11"/>
    </row>
    <row r="3133" spans="2:14">
      <c r="B3133" s="2"/>
      <c r="N3133" s="11"/>
    </row>
    <row r="3134" spans="2:14">
      <c r="B3134" s="2"/>
      <c r="N3134" s="11"/>
    </row>
    <row r="3135" spans="2:14">
      <c r="B3135" s="2"/>
      <c r="N3135" s="11"/>
    </row>
    <row r="3136" spans="2:14">
      <c r="B3136" s="2"/>
      <c r="N3136" s="11"/>
    </row>
    <row r="3137" spans="2:14">
      <c r="B3137" s="2"/>
      <c r="N3137" s="11"/>
    </row>
    <row r="3138" spans="2:14">
      <c r="B3138" s="2"/>
      <c r="N3138" s="11"/>
    </row>
    <row r="3139" spans="2:14">
      <c r="B3139" s="2"/>
      <c r="N3139" s="11"/>
    </row>
    <row r="3140" spans="2:14">
      <c r="B3140" s="2"/>
      <c r="N3140" s="11"/>
    </row>
    <row r="3141" spans="2:14">
      <c r="B3141" s="2"/>
      <c r="N3141" s="11"/>
    </row>
    <row r="3142" spans="2:14">
      <c r="B3142" s="2"/>
      <c r="N3142" s="11"/>
    </row>
    <row r="3143" spans="2:14">
      <c r="B3143" s="2"/>
      <c r="N3143" s="11"/>
    </row>
    <row r="3144" spans="2:14">
      <c r="B3144" s="2"/>
      <c r="N3144" s="11"/>
    </row>
    <row r="3145" spans="2:14">
      <c r="B3145" s="2"/>
      <c r="N3145" s="11"/>
    </row>
    <row r="3146" spans="2:14">
      <c r="B3146" s="2"/>
      <c r="N3146" s="11"/>
    </row>
    <row r="3147" spans="2:14">
      <c r="B3147" s="2"/>
      <c r="N3147" s="11"/>
    </row>
    <row r="3148" spans="2:14">
      <c r="B3148" s="2"/>
      <c r="N3148" s="11"/>
    </row>
    <row r="3149" spans="2:14">
      <c r="B3149" s="2"/>
      <c r="N3149" s="11"/>
    </row>
    <row r="3150" spans="2:14">
      <c r="B3150" s="2"/>
      <c r="N3150" s="11"/>
    </row>
    <row r="3151" spans="2:14">
      <c r="B3151" s="2"/>
      <c r="N3151" s="11"/>
    </row>
    <row r="3152" spans="2:14">
      <c r="B3152" s="2"/>
      <c r="N3152" s="11"/>
    </row>
    <row r="3153" spans="2:14">
      <c r="B3153" s="2"/>
      <c r="N3153" s="11"/>
    </row>
    <row r="3154" spans="2:14">
      <c r="B3154" s="2"/>
      <c r="N3154" s="11"/>
    </row>
    <row r="3155" spans="2:14">
      <c r="B3155" s="2"/>
      <c r="N3155" s="11"/>
    </row>
    <row r="3156" spans="2:14">
      <c r="B3156" s="2"/>
      <c r="N3156" s="11"/>
    </row>
    <row r="3157" spans="2:14">
      <c r="B3157" s="2"/>
      <c r="N3157" s="11"/>
    </row>
    <row r="3158" spans="2:14">
      <c r="B3158" s="2"/>
      <c r="N3158" s="11"/>
    </row>
    <row r="3159" spans="2:14">
      <c r="B3159" s="2"/>
      <c r="N3159" s="11"/>
    </row>
    <row r="3160" spans="2:14">
      <c r="B3160" s="2"/>
      <c r="N3160" s="11"/>
    </row>
    <row r="3161" spans="2:14">
      <c r="B3161" s="2"/>
      <c r="N3161" s="11"/>
    </row>
    <row r="3162" spans="2:14">
      <c r="B3162" s="2"/>
      <c r="N3162" s="11"/>
    </row>
    <row r="3163" spans="2:14">
      <c r="B3163" s="2"/>
      <c r="N3163" s="11"/>
    </row>
    <row r="3164" spans="2:14">
      <c r="B3164" s="2"/>
      <c r="N3164" s="11"/>
    </row>
    <row r="3165" spans="2:14">
      <c r="B3165" s="2"/>
      <c r="N3165" s="11"/>
    </row>
    <row r="3166" spans="2:14">
      <c r="B3166" s="2"/>
      <c r="N3166" s="11"/>
    </row>
    <row r="3167" spans="2:14">
      <c r="B3167" s="2"/>
      <c r="N3167" s="11"/>
    </row>
    <row r="3168" spans="2:14">
      <c r="B3168" s="2"/>
      <c r="N3168" s="11"/>
    </row>
    <row r="3169" spans="2:14">
      <c r="B3169" s="2"/>
      <c r="N3169" s="11"/>
    </row>
    <row r="3170" spans="2:14">
      <c r="B3170" s="2"/>
      <c r="N3170" s="11"/>
    </row>
    <row r="3171" spans="2:14">
      <c r="B3171" s="2"/>
      <c r="N3171" s="11"/>
    </row>
    <row r="3172" spans="2:14">
      <c r="B3172" s="2"/>
      <c r="N3172" s="11"/>
    </row>
    <row r="3173" spans="2:14">
      <c r="B3173" s="2"/>
      <c r="N3173" s="11"/>
    </row>
    <row r="3174" spans="2:14">
      <c r="B3174" s="2"/>
      <c r="N3174" s="11"/>
    </row>
    <row r="3175" spans="2:14">
      <c r="B3175" s="2"/>
      <c r="N3175" s="11"/>
    </row>
    <row r="3176" spans="2:14">
      <c r="B3176" s="2"/>
      <c r="N3176" s="11"/>
    </row>
    <row r="3177" spans="2:14">
      <c r="B3177" s="2"/>
      <c r="N3177" s="11"/>
    </row>
    <row r="3178" spans="2:14">
      <c r="B3178" s="2"/>
      <c r="N3178" s="11"/>
    </row>
    <row r="3179" spans="2:14">
      <c r="B3179" s="2"/>
      <c r="N3179" s="11"/>
    </row>
    <row r="3180" spans="2:14">
      <c r="B3180" s="2"/>
      <c r="N3180" s="11"/>
    </row>
    <row r="3181" spans="2:14">
      <c r="B3181" s="2"/>
      <c r="N3181" s="11"/>
    </row>
    <row r="3182" spans="2:14">
      <c r="B3182" s="2"/>
      <c r="N3182" s="11"/>
    </row>
    <row r="3183" spans="2:14">
      <c r="B3183" s="2"/>
      <c r="N3183" s="11"/>
    </row>
    <row r="3184" spans="2:14">
      <c r="B3184" s="2"/>
      <c r="N3184" s="11"/>
    </row>
    <row r="3185" spans="2:14">
      <c r="B3185" s="2"/>
      <c r="N3185" s="11"/>
    </row>
    <row r="3186" spans="2:14">
      <c r="B3186" s="2"/>
      <c r="N3186" s="11"/>
    </row>
    <row r="3187" spans="2:14">
      <c r="B3187" s="2"/>
      <c r="N3187" s="11"/>
    </row>
    <row r="3188" spans="2:14">
      <c r="B3188" s="2"/>
      <c r="N3188" s="11"/>
    </row>
    <row r="3189" spans="2:14">
      <c r="B3189" s="2"/>
      <c r="N3189" s="11"/>
    </row>
    <row r="3190" spans="2:14">
      <c r="B3190" s="2"/>
      <c r="N3190" s="11"/>
    </row>
    <row r="3191" spans="2:14">
      <c r="B3191" s="2"/>
      <c r="N3191" s="11"/>
    </row>
    <row r="3192" spans="2:14">
      <c r="B3192" s="2"/>
      <c r="N3192" s="11"/>
    </row>
    <row r="3193" spans="2:14">
      <c r="B3193" s="2"/>
      <c r="N3193" s="11"/>
    </row>
    <row r="3194" spans="2:14">
      <c r="B3194" s="2"/>
      <c r="N3194" s="11"/>
    </row>
    <row r="3195" spans="2:14">
      <c r="B3195" s="2"/>
      <c r="N3195" s="11"/>
    </row>
    <row r="3196" spans="2:14">
      <c r="B3196" s="2"/>
      <c r="N3196" s="11"/>
    </row>
    <row r="3197" spans="2:14">
      <c r="B3197" s="2"/>
      <c r="N3197" s="11"/>
    </row>
    <row r="3198" spans="2:14">
      <c r="B3198" s="2"/>
      <c r="N3198" s="11"/>
    </row>
    <row r="3199" spans="2:14">
      <c r="B3199" s="2"/>
      <c r="N3199" s="11"/>
    </row>
    <row r="3200" spans="2:14">
      <c r="B3200" s="2"/>
      <c r="N3200" s="11"/>
    </row>
    <row r="3201" spans="2:14">
      <c r="B3201" s="2"/>
      <c r="N3201" s="11"/>
    </row>
    <row r="3202" spans="2:14">
      <c r="B3202" s="2"/>
      <c r="N3202" s="11"/>
    </row>
    <row r="3203" spans="2:14">
      <c r="B3203" s="2"/>
      <c r="N3203" s="11"/>
    </row>
    <row r="3204" spans="2:14">
      <c r="B3204" s="2"/>
      <c r="N3204" s="11"/>
    </row>
    <row r="3205" spans="2:14">
      <c r="B3205" s="2"/>
      <c r="N3205" s="11"/>
    </row>
    <row r="3206" spans="2:14">
      <c r="B3206" s="2"/>
      <c r="N3206" s="11"/>
    </row>
    <row r="3207" spans="2:14">
      <c r="B3207" s="2"/>
      <c r="N3207" s="11"/>
    </row>
    <row r="3208" spans="2:14">
      <c r="B3208" s="2"/>
      <c r="N3208" s="11"/>
    </row>
    <row r="3209" spans="2:14">
      <c r="B3209" s="2"/>
      <c r="N3209" s="11"/>
    </row>
    <row r="3210" spans="2:14">
      <c r="B3210" s="2"/>
      <c r="N3210" s="11"/>
    </row>
    <row r="3211" spans="2:14">
      <c r="B3211" s="2"/>
      <c r="N3211" s="11"/>
    </row>
    <row r="3212" spans="2:14">
      <c r="B3212" s="2"/>
      <c r="N3212" s="11"/>
    </row>
    <row r="3213" spans="2:14">
      <c r="B3213" s="2"/>
      <c r="N3213" s="11"/>
    </row>
    <row r="3214" spans="2:14">
      <c r="B3214" s="2"/>
      <c r="N3214" s="11"/>
    </row>
    <row r="3215" spans="2:14">
      <c r="B3215" s="2"/>
      <c r="N3215" s="11"/>
    </row>
    <row r="3216" spans="2:14">
      <c r="B3216" s="2"/>
      <c r="N3216" s="11"/>
    </row>
    <row r="3217" spans="2:14">
      <c r="B3217" s="2"/>
      <c r="N3217" s="11"/>
    </row>
    <row r="3218" spans="2:14">
      <c r="B3218" s="2"/>
      <c r="N3218" s="11"/>
    </row>
    <row r="3219" spans="2:14">
      <c r="B3219" s="2"/>
      <c r="N3219" s="11"/>
    </row>
    <row r="3220" spans="2:14">
      <c r="B3220" s="2"/>
      <c r="N3220" s="11"/>
    </row>
    <row r="3221" spans="2:14">
      <c r="B3221" s="2"/>
      <c r="N3221" s="11"/>
    </row>
    <row r="3222" spans="2:14">
      <c r="B3222" s="2"/>
      <c r="N3222" s="11"/>
    </row>
    <row r="3223" spans="2:14">
      <c r="B3223" s="2"/>
      <c r="N3223" s="11"/>
    </row>
    <row r="3224" spans="2:14">
      <c r="B3224" s="2"/>
      <c r="N3224" s="11"/>
    </row>
    <row r="3225" spans="2:14">
      <c r="B3225" s="2"/>
      <c r="N3225" s="11"/>
    </row>
    <row r="3226" spans="2:14">
      <c r="B3226" s="2"/>
      <c r="N3226" s="11"/>
    </row>
    <row r="3227" spans="2:14">
      <c r="B3227" s="2"/>
      <c r="N3227" s="11"/>
    </row>
    <row r="3228" spans="2:14">
      <c r="B3228" s="2"/>
      <c r="N3228" s="11"/>
    </row>
    <row r="3229" spans="2:14">
      <c r="B3229" s="2"/>
      <c r="N3229" s="11"/>
    </row>
    <row r="3230" spans="2:14">
      <c r="B3230" s="2"/>
      <c r="N3230" s="11"/>
    </row>
    <row r="3231" spans="2:14">
      <c r="B3231" s="2"/>
      <c r="N3231" s="11"/>
    </row>
    <row r="3232" spans="2:14">
      <c r="B3232" s="2"/>
      <c r="N3232" s="11"/>
    </row>
    <row r="3233" spans="2:14">
      <c r="B3233" s="2"/>
      <c r="N3233" s="11"/>
    </row>
    <row r="3234" spans="2:14">
      <c r="B3234" s="2"/>
      <c r="N3234" s="11"/>
    </row>
    <row r="3235" spans="2:14">
      <c r="B3235" s="2"/>
      <c r="N3235" s="11"/>
    </row>
    <row r="3236" spans="2:14">
      <c r="B3236" s="2"/>
      <c r="N3236" s="11"/>
    </row>
    <row r="3237" spans="2:14">
      <c r="B3237" s="2"/>
      <c r="N3237" s="11"/>
    </row>
    <row r="3238" spans="2:14">
      <c r="B3238" s="2"/>
      <c r="N3238" s="11"/>
    </row>
    <row r="3239" spans="2:14">
      <c r="B3239" s="2"/>
      <c r="N3239" s="11"/>
    </row>
    <row r="3240" spans="2:14">
      <c r="B3240" s="2"/>
      <c r="N3240" s="11"/>
    </row>
    <row r="3241" spans="2:14">
      <c r="B3241" s="2"/>
      <c r="N3241" s="11"/>
    </row>
    <row r="3242" spans="2:14">
      <c r="B3242" s="2"/>
      <c r="N3242" s="11"/>
    </row>
    <row r="3243" spans="2:14">
      <c r="B3243" s="2"/>
      <c r="N3243" s="11"/>
    </row>
    <row r="3244" spans="2:14">
      <c r="B3244" s="2"/>
      <c r="N3244" s="11"/>
    </row>
    <row r="3245" spans="2:14">
      <c r="B3245" s="2"/>
      <c r="N3245" s="11"/>
    </row>
  </sheetData>
  <pageMargins left="0.75" right="0.75" top="1" bottom="1" header="0.5" footer="0.5"/>
  <pageSetup paperSize="9" orientation="portrait" horizontalDpi="4294967292" verticalDpi="429496729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719"/>
  <sheetViews>
    <sheetView zoomScale="119" workbookViewId="0">
      <pane xSplit="2" ySplit="6" topLeftCell="C7" activePane="bottomRight" state="frozen"/>
      <selection pane="topRight" activeCell="C1" sqref="C1"/>
      <selection pane="bottomLeft" activeCell="A7" sqref="A7"/>
      <selection pane="bottomRight" activeCell="Z716" sqref="Z716"/>
    </sheetView>
  </sheetViews>
  <sheetFormatPr defaultColWidth="8.8984375" defaultRowHeight="13.8"/>
  <cols>
    <col min="1" max="1" width="11.3984375" style="19" customWidth="1"/>
    <col min="2" max="2" width="13.09765625" style="19" bestFit="1" customWidth="1"/>
    <col min="3" max="3" width="9" style="19" customWidth="1"/>
    <col min="4" max="4" width="8.8984375" style="19"/>
    <col min="5" max="6" width="10" style="19" bestFit="1" customWidth="1"/>
    <col min="7" max="7" width="8.8984375" style="19"/>
    <col min="8" max="9" width="9.8984375" style="19" bestFit="1" customWidth="1"/>
    <col min="10" max="10" width="8.8984375" style="19"/>
    <col min="11" max="11" width="8.59765625" style="19" bestFit="1" customWidth="1"/>
    <col min="12" max="12" width="18.59765625" style="19" bestFit="1" customWidth="1"/>
    <col min="13" max="13" width="18.3984375" style="19" bestFit="1" customWidth="1"/>
    <col min="14" max="14" width="19.5" style="19" bestFit="1" customWidth="1"/>
    <col min="15" max="15" width="18.3984375" style="19" bestFit="1" customWidth="1"/>
    <col min="16" max="16" width="25" style="19" bestFit="1" customWidth="1"/>
    <col min="17" max="17" width="25" style="19" customWidth="1"/>
    <col min="18" max="18" width="19.5" style="19" bestFit="1" customWidth="1"/>
    <col min="19" max="19" width="9.8984375" style="19" bestFit="1" customWidth="1"/>
    <col min="20" max="20" width="8" style="19" bestFit="1" customWidth="1"/>
    <col min="21" max="21" width="8.8984375" style="19"/>
    <col min="22" max="22" width="13.09765625" style="19" bestFit="1" customWidth="1"/>
    <col min="23" max="23" width="8.8984375" style="19"/>
    <col min="24" max="24" width="4.5" style="19" bestFit="1" customWidth="1"/>
    <col min="25" max="16384" width="8.8984375" style="19"/>
  </cols>
  <sheetData>
    <row r="1" spans="1:24">
      <c r="A1" s="19" t="s">
        <v>54</v>
      </c>
    </row>
    <row r="2" spans="1:24">
      <c r="A2" s="19" t="s">
        <v>55</v>
      </c>
    </row>
    <row r="3" spans="1:24">
      <c r="A3" s="19" t="s">
        <v>56</v>
      </c>
    </row>
    <row r="4" spans="1:24">
      <c r="A4" s="19" t="s">
        <v>57</v>
      </c>
    </row>
    <row r="5" spans="1:24">
      <c r="A5" s="19" t="s">
        <v>58</v>
      </c>
    </row>
    <row r="6" spans="1:24">
      <c r="A6" s="21" t="s">
        <v>0</v>
      </c>
      <c r="B6" s="19" t="s">
        <v>59</v>
      </c>
      <c r="C6" s="19" t="s">
        <v>60</v>
      </c>
      <c r="D6" s="19" t="s">
        <v>61</v>
      </c>
      <c r="E6" s="19" t="s">
        <v>62</v>
      </c>
      <c r="F6" s="19" t="s">
        <v>63</v>
      </c>
      <c r="G6" s="19" t="s">
        <v>64</v>
      </c>
      <c r="H6" s="19" t="s">
        <v>65</v>
      </c>
      <c r="I6" s="19" t="s">
        <v>66</v>
      </c>
      <c r="J6" s="19" t="s">
        <v>67</v>
      </c>
      <c r="K6" s="19" t="s">
        <v>68</v>
      </c>
      <c r="L6" s="19" t="s">
        <v>69</v>
      </c>
      <c r="M6" s="19" t="s">
        <v>70</v>
      </c>
      <c r="N6" s="19" t="s">
        <v>71</v>
      </c>
      <c r="O6" s="19" t="s">
        <v>72</v>
      </c>
      <c r="P6" s="19" t="s">
        <v>73</v>
      </c>
      <c r="Q6" s="19" t="s">
        <v>79</v>
      </c>
      <c r="R6" s="19" t="s">
        <v>74</v>
      </c>
      <c r="S6" s="19" t="s">
        <v>75</v>
      </c>
      <c r="T6" s="19" t="s">
        <v>76</v>
      </c>
      <c r="U6" s="19" t="s">
        <v>77</v>
      </c>
      <c r="V6" s="19" t="s">
        <v>78</v>
      </c>
      <c r="X6" s="19" t="s">
        <v>45</v>
      </c>
    </row>
    <row r="7" spans="1:24">
      <c r="A7" s="22">
        <v>42745</v>
      </c>
      <c r="B7" s="23">
        <v>0.45634259259531973</v>
      </c>
      <c r="C7" s="20">
        <v>0</v>
      </c>
      <c r="D7" s="20">
        <v>0.14257316</v>
      </c>
      <c r="E7" s="20">
        <v>0</v>
      </c>
      <c r="F7" s="20">
        <v>0</v>
      </c>
      <c r="G7" s="20">
        <v>-4.8492965999999998E-2</v>
      </c>
      <c r="H7" s="20">
        <v>0</v>
      </c>
      <c r="I7" s="20">
        <v>9.6457127999999993E-3</v>
      </c>
      <c r="J7" s="20">
        <v>0</v>
      </c>
      <c r="K7" s="20">
        <v>0</v>
      </c>
      <c r="L7" s="20">
        <v>0</v>
      </c>
      <c r="M7" s="20">
        <v>5.4341264999999996E-4</v>
      </c>
      <c r="N7" s="20">
        <v>0</v>
      </c>
      <c r="O7" s="20">
        <v>0.14521074</v>
      </c>
      <c r="P7" s="20">
        <v>0</v>
      </c>
      <c r="Q7" s="20">
        <f>M7+N7+O7+P7</f>
        <v>0.14575415265</v>
      </c>
      <c r="R7" s="20">
        <v>0</v>
      </c>
      <c r="S7" s="20">
        <v>0.14257316</v>
      </c>
      <c r="T7" s="20">
        <v>0</v>
      </c>
      <c r="U7" s="20">
        <v>0</v>
      </c>
      <c r="V7" s="20">
        <v>-8.6115765999999996E-2</v>
      </c>
      <c r="X7" s="20">
        <f>(SUM(C7:S7)-Q7-R7)/10000+SUM(T7:V7)</f>
        <v>-8.6076560678054997E-2</v>
      </c>
    </row>
    <row r="8" spans="1:24">
      <c r="B8" s="23">
        <v>0.45686342592671281</v>
      </c>
      <c r="C8" s="20">
        <v>5.6541253E-2</v>
      </c>
      <c r="D8" s="20">
        <v>3.7239759999999997E-2</v>
      </c>
      <c r="E8" s="20">
        <v>0</v>
      </c>
      <c r="F8" s="20">
        <v>0</v>
      </c>
      <c r="G8" s="20">
        <v>-3.2302566999999997E-2</v>
      </c>
      <c r="H8" s="20">
        <v>0</v>
      </c>
      <c r="I8" s="20">
        <v>1.6445103E-3</v>
      </c>
      <c r="J8" s="20">
        <v>0</v>
      </c>
      <c r="K8" s="20">
        <v>0</v>
      </c>
      <c r="L8" s="20">
        <v>0.23393789000000001</v>
      </c>
      <c r="M8" s="20">
        <v>8.4400039999999992E-3</v>
      </c>
      <c r="N8" s="20">
        <v>0</v>
      </c>
      <c r="O8" s="20">
        <v>0.14771783999999999</v>
      </c>
      <c r="P8" s="20">
        <v>0</v>
      </c>
      <c r="Q8" s="20">
        <f t="shared" ref="Q8:Q71" si="0">M8+N8+O8+P8</f>
        <v>0.15615784399999999</v>
      </c>
      <c r="R8" s="20">
        <v>0</v>
      </c>
      <c r="S8" s="20">
        <v>3.7239759999999997E-2</v>
      </c>
      <c r="T8" s="20">
        <v>0</v>
      </c>
      <c r="U8" s="20">
        <v>0</v>
      </c>
      <c r="V8" s="20">
        <v>10.668536</v>
      </c>
      <c r="X8" s="20">
        <f t="shared" ref="X8:X71" si="1">(SUM(C8:S8)-Q8-R8)/10000+SUM(T8:V8)</f>
        <v>10.668585045845029</v>
      </c>
    </row>
    <row r="9" spans="1:24">
      <c r="B9" s="23">
        <v>0.45736111111182254</v>
      </c>
      <c r="C9" s="20">
        <v>3.4053673E-2</v>
      </c>
      <c r="D9" s="20">
        <v>4.5623407999999997E-2</v>
      </c>
      <c r="E9" s="20">
        <v>0</v>
      </c>
      <c r="F9" s="20">
        <v>0</v>
      </c>
      <c r="G9" s="20">
        <v>-1.8734467000000001E-2</v>
      </c>
      <c r="H9" s="20">
        <v>0</v>
      </c>
      <c r="I9" s="20">
        <v>2.2020451000000002E-3</v>
      </c>
      <c r="J9" s="20">
        <v>0</v>
      </c>
      <c r="K9" s="20">
        <v>0</v>
      </c>
      <c r="L9" s="20">
        <v>0.49561488999999997</v>
      </c>
      <c r="M9" s="20">
        <v>4.9994525999999999E-3</v>
      </c>
      <c r="N9" s="20">
        <v>0</v>
      </c>
      <c r="O9" s="20">
        <v>0.15346704999999999</v>
      </c>
      <c r="P9" s="20">
        <v>0</v>
      </c>
      <c r="Q9" s="20">
        <f t="shared" si="0"/>
        <v>0.1584665026</v>
      </c>
      <c r="R9" s="20">
        <v>0.17325367999999999</v>
      </c>
      <c r="S9" s="20">
        <v>4.5623407999999997E-2</v>
      </c>
      <c r="T9" s="20">
        <v>0.11088298000000001</v>
      </c>
      <c r="U9" s="20">
        <v>0</v>
      </c>
      <c r="V9" s="20">
        <v>18.507905000000001</v>
      </c>
      <c r="X9" s="20">
        <f t="shared" si="1"/>
        <v>18.618864264945969</v>
      </c>
    </row>
    <row r="10" spans="1:24">
      <c r="B10" s="23">
        <v>0.45787037037371192</v>
      </c>
      <c r="C10" s="20">
        <v>2.4292952E-2</v>
      </c>
      <c r="D10" s="20">
        <v>0.10835799</v>
      </c>
      <c r="E10" s="20">
        <v>1.8017572999999999E-2</v>
      </c>
      <c r="F10" s="20">
        <v>0</v>
      </c>
      <c r="G10" s="20">
        <v>-8.1687392000000004E-3</v>
      </c>
      <c r="H10" s="20">
        <v>0</v>
      </c>
      <c r="I10" s="20">
        <v>0</v>
      </c>
      <c r="J10" s="20">
        <v>2.9510406E-3</v>
      </c>
      <c r="K10" s="20">
        <v>0</v>
      </c>
      <c r="L10" s="20">
        <v>0.94449691999999996</v>
      </c>
      <c r="M10" s="20">
        <v>6.2791959999999994E-2</v>
      </c>
      <c r="N10" s="20">
        <v>9.2182342E-2</v>
      </c>
      <c r="O10" s="20">
        <v>0.12925542000000001</v>
      </c>
      <c r="P10" s="20">
        <v>0</v>
      </c>
      <c r="Q10" s="20">
        <f t="shared" si="0"/>
        <v>0.28422972200000002</v>
      </c>
      <c r="R10" s="20">
        <v>0.18213608000000001</v>
      </c>
      <c r="S10" s="20">
        <v>0.12637556</v>
      </c>
      <c r="T10" s="20">
        <v>0.27383218999999998</v>
      </c>
      <c r="U10" s="20">
        <v>0</v>
      </c>
      <c r="V10" s="20">
        <v>20.440021000000002</v>
      </c>
      <c r="X10" s="20">
        <f t="shared" si="1"/>
        <v>20.714003245301843</v>
      </c>
    </row>
    <row r="11" spans="1:24">
      <c r="B11" s="23">
        <v>0.45836805555882165</v>
      </c>
      <c r="C11" s="20">
        <v>0</v>
      </c>
      <c r="D11" s="20">
        <v>0.23177803999999999</v>
      </c>
      <c r="E11" s="20">
        <v>7.1572264999999996E-2</v>
      </c>
      <c r="F11" s="20">
        <v>0</v>
      </c>
      <c r="G11" s="20">
        <v>-1.1053555E-2</v>
      </c>
      <c r="H11" s="20">
        <v>0</v>
      </c>
      <c r="I11" s="20">
        <v>0</v>
      </c>
      <c r="J11" s="20">
        <v>0</v>
      </c>
      <c r="K11" s="20">
        <v>0</v>
      </c>
      <c r="L11" s="20">
        <v>1.3788581</v>
      </c>
      <c r="M11" s="20">
        <v>0.18922770999999999</v>
      </c>
      <c r="N11" s="20">
        <v>0.10207959</v>
      </c>
      <c r="O11" s="20">
        <v>0.10168619</v>
      </c>
      <c r="P11" s="20">
        <v>5.1713520999999998E-2</v>
      </c>
      <c r="Q11" s="20">
        <f t="shared" si="0"/>
        <v>0.44470701099999999</v>
      </c>
      <c r="R11" s="20">
        <v>0.27733405999999999</v>
      </c>
      <c r="S11" s="20">
        <v>0.30335031000000001</v>
      </c>
      <c r="T11" s="20">
        <v>0.38419144999999999</v>
      </c>
      <c r="U11" s="20">
        <v>1.5046843000000001E-2</v>
      </c>
      <c r="V11" s="20">
        <v>21.219757000000001</v>
      </c>
      <c r="X11" s="20">
        <f t="shared" si="1"/>
        <v>21.619237214217101</v>
      </c>
    </row>
    <row r="12" spans="1:24">
      <c r="B12" s="23">
        <v>0.45886574074393138</v>
      </c>
      <c r="C12" s="20">
        <v>0</v>
      </c>
      <c r="D12" s="20">
        <v>0.51495513999999998</v>
      </c>
      <c r="E12" s="20">
        <v>7.1220422000000005E-2</v>
      </c>
      <c r="F12" s="20">
        <v>0</v>
      </c>
      <c r="G12" s="20">
        <v>-2.4811024000000001E-2</v>
      </c>
      <c r="H12" s="20">
        <v>0</v>
      </c>
      <c r="I12" s="20">
        <v>0</v>
      </c>
      <c r="J12" s="20">
        <v>0</v>
      </c>
      <c r="K12" s="20">
        <v>0</v>
      </c>
      <c r="L12" s="20">
        <v>1.509708</v>
      </c>
      <c r="M12" s="20">
        <v>0.17743724</v>
      </c>
      <c r="N12" s="20">
        <v>9.1005915000000007E-2</v>
      </c>
      <c r="O12" s="20">
        <v>0.17997716999999999</v>
      </c>
      <c r="P12" s="20">
        <v>4.8012284000000002E-2</v>
      </c>
      <c r="Q12" s="20">
        <f t="shared" si="0"/>
        <v>0.49643260899999997</v>
      </c>
      <c r="R12" s="20">
        <v>6.7551644999999994E-2</v>
      </c>
      <c r="S12" s="20">
        <v>0.58617556999999998</v>
      </c>
      <c r="T12" s="20">
        <v>0.37827599000000001</v>
      </c>
      <c r="U12" s="20">
        <v>1.1969820999999999E-5</v>
      </c>
      <c r="V12" s="20">
        <v>11.902949</v>
      </c>
      <c r="X12" s="20">
        <f t="shared" si="1"/>
        <v>12.281552327892699</v>
      </c>
    </row>
    <row r="13" spans="1:24">
      <c r="B13" s="23">
        <v>0.45936342592904111</v>
      </c>
      <c r="C13" s="20">
        <v>0</v>
      </c>
      <c r="D13" s="20">
        <v>0.38372704000000002</v>
      </c>
      <c r="E13" s="20">
        <v>6.4723532E-2</v>
      </c>
      <c r="F13" s="20">
        <v>0</v>
      </c>
      <c r="G13" s="20">
        <v>-1.3938313E-4</v>
      </c>
      <c r="H13" s="20">
        <v>0</v>
      </c>
      <c r="I13" s="20">
        <v>0</v>
      </c>
      <c r="J13" s="20">
        <v>0</v>
      </c>
      <c r="K13" s="20">
        <v>0</v>
      </c>
      <c r="L13" s="20">
        <v>1.2808493999999999</v>
      </c>
      <c r="M13" s="20">
        <v>0.20453336</v>
      </c>
      <c r="N13" s="20">
        <v>0</v>
      </c>
      <c r="O13" s="20">
        <v>0.16433064</v>
      </c>
      <c r="P13" s="20">
        <v>4.6550099999999997E-2</v>
      </c>
      <c r="Q13" s="20">
        <f t="shared" si="0"/>
        <v>0.41541409999999995</v>
      </c>
      <c r="R13" s="20">
        <v>5.2667652000000002E-2</v>
      </c>
      <c r="S13" s="20">
        <v>0.44845056999999999</v>
      </c>
      <c r="T13" s="20">
        <v>0.30807603</v>
      </c>
      <c r="U13" s="20">
        <v>0</v>
      </c>
      <c r="V13" s="20">
        <v>5.1948672</v>
      </c>
      <c r="X13" s="20">
        <f t="shared" si="1"/>
        <v>5.5032025325258864</v>
      </c>
    </row>
    <row r="14" spans="1:24">
      <c r="B14" s="23">
        <v>0.45987268518365454</v>
      </c>
      <c r="C14" s="20">
        <v>0</v>
      </c>
      <c r="D14" s="20">
        <v>0.31969818999999999</v>
      </c>
      <c r="E14" s="20">
        <v>1.8268963999999999E-2</v>
      </c>
      <c r="F14" s="20">
        <v>0</v>
      </c>
      <c r="G14" s="20">
        <v>-4.8812286000000003E-2</v>
      </c>
      <c r="H14" s="20">
        <v>0</v>
      </c>
      <c r="I14" s="20">
        <v>0</v>
      </c>
      <c r="J14" s="20">
        <v>0</v>
      </c>
      <c r="K14" s="20">
        <v>0</v>
      </c>
      <c r="L14" s="20">
        <v>0.72555046999999995</v>
      </c>
      <c r="M14" s="20">
        <v>7.3036648999999995E-2</v>
      </c>
      <c r="N14" s="20">
        <v>0</v>
      </c>
      <c r="O14" s="20">
        <v>0.20675252999999999</v>
      </c>
      <c r="P14" s="20">
        <v>0</v>
      </c>
      <c r="Q14" s="20">
        <f t="shared" si="0"/>
        <v>0.279789179</v>
      </c>
      <c r="R14" s="20">
        <v>0</v>
      </c>
      <c r="S14" s="20">
        <v>0.33796714999999999</v>
      </c>
      <c r="T14" s="20">
        <v>0.22366498000000001</v>
      </c>
      <c r="U14" s="20">
        <v>0</v>
      </c>
      <c r="V14" s="20">
        <v>1.8558125999999999</v>
      </c>
      <c r="X14" s="20">
        <f t="shared" si="1"/>
        <v>2.0796408261666999</v>
      </c>
    </row>
    <row r="15" spans="1:24">
      <c r="B15" s="23">
        <v>0.46040509259182727</v>
      </c>
      <c r="C15" s="20">
        <v>0</v>
      </c>
      <c r="D15" s="20">
        <v>5.4633603000000001E-3</v>
      </c>
      <c r="E15" s="20">
        <v>1.6605608000000001E-2</v>
      </c>
      <c r="F15" s="20">
        <v>0</v>
      </c>
      <c r="G15" s="20">
        <v>-3.6359048999999997E-2</v>
      </c>
      <c r="H15" s="20">
        <v>0</v>
      </c>
      <c r="I15" s="20">
        <v>2.9437738000000002E-4</v>
      </c>
      <c r="J15" s="20">
        <v>1.8184430000000001E-3</v>
      </c>
      <c r="K15" s="20">
        <v>0</v>
      </c>
      <c r="L15" s="20">
        <v>0.25196349000000001</v>
      </c>
      <c r="M15" s="20">
        <v>6.8728834000000003E-2</v>
      </c>
      <c r="N15" s="20">
        <v>0</v>
      </c>
      <c r="O15" s="20">
        <v>0.10232148000000001</v>
      </c>
      <c r="P15" s="20">
        <v>6.6387664999999998E-2</v>
      </c>
      <c r="Q15" s="20">
        <f t="shared" si="0"/>
        <v>0.23743797900000002</v>
      </c>
      <c r="R15" s="20">
        <v>0</v>
      </c>
      <c r="S15" s="20">
        <v>2.2068968000000001E-2</v>
      </c>
      <c r="T15" s="20">
        <v>0.11207496</v>
      </c>
      <c r="U15" s="20">
        <v>1.9673017000000001E-2</v>
      </c>
      <c r="V15" s="20">
        <v>0.77255236999999999</v>
      </c>
      <c r="X15" s="20">
        <f t="shared" si="1"/>
        <v>0.90435027631766796</v>
      </c>
    </row>
    <row r="16" spans="1:24">
      <c r="B16" s="23">
        <v>0.46092592592322035</v>
      </c>
      <c r="C16" s="20">
        <v>0</v>
      </c>
      <c r="D16" s="20">
        <v>0</v>
      </c>
      <c r="E16" s="20">
        <v>9.1008011999999996E-3</v>
      </c>
      <c r="F16" s="20">
        <v>0</v>
      </c>
      <c r="G16" s="20">
        <v>-4.5629495999999999E-2</v>
      </c>
      <c r="H16" s="20">
        <v>0</v>
      </c>
      <c r="I16" s="20">
        <v>4.6042460999999998E-3</v>
      </c>
      <c r="J16" s="20">
        <v>2.1338727E-3</v>
      </c>
      <c r="K16" s="20">
        <v>0</v>
      </c>
      <c r="L16" s="20">
        <v>2.3084639000000001E-2</v>
      </c>
      <c r="M16" s="20">
        <v>0</v>
      </c>
      <c r="N16" s="20">
        <v>3.9726018000000002E-2</v>
      </c>
      <c r="O16" s="20">
        <v>0.12430985999999999</v>
      </c>
      <c r="P16" s="20">
        <v>0.17172604999999999</v>
      </c>
      <c r="Q16" s="20">
        <f t="shared" si="0"/>
        <v>0.33576192799999999</v>
      </c>
      <c r="R16" s="20">
        <v>0</v>
      </c>
      <c r="S16" s="20">
        <v>9.1008011999999996E-3</v>
      </c>
      <c r="T16" s="20">
        <v>3.0185892999999998E-2</v>
      </c>
      <c r="U16" s="20">
        <v>5.7297185E-2</v>
      </c>
      <c r="V16" s="20">
        <v>0.39924161000000002</v>
      </c>
      <c r="X16" s="20">
        <f t="shared" si="1"/>
        <v>0.48675850367922002</v>
      </c>
    </row>
    <row r="17" spans="2:24">
      <c r="B17" s="23">
        <v>0.46142361110833008</v>
      </c>
      <c r="C17" s="20">
        <v>0</v>
      </c>
      <c r="D17" s="20">
        <v>0</v>
      </c>
      <c r="E17" s="20">
        <v>1.7735734E-2</v>
      </c>
      <c r="F17" s="20">
        <v>0</v>
      </c>
      <c r="G17" s="20">
        <v>-1.7821878999999999E-2</v>
      </c>
      <c r="H17" s="20">
        <v>0</v>
      </c>
      <c r="I17" s="20">
        <v>4.0071928999999996E-3</v>
      </c>
      <c r="J17" s="20">
        <v>0</v>
      </c>
      <c r="K17" s="20">
        <v>0</v>
      </c>
      <c r="L17" s="20">
        <v>0</v>
      </c>
      <c r="M17" s="20">
        <v>0</v>
      </c>
      <c r="N17" s="20">
        <v>1.9058097E-2</v>
      </c>
      <c r="O17" s="20">
        <v>7.7298826000000001E-2</v>
      </c>
      <c r="P17" s="20">
        <v>0.17198473</v>
      </c>
      <c r="Q17" s="20">
        <f t="shared" si="0"/>
        <v>0.26834165300000001</v>
      </c>
      <c r="R17" s="20">
        <v>0</v>
      </c>
      <c r="S17" s="20">
        <v>1.7735734E-2</v>
      </c>
      <c r="T17" s="20">
        <v>1.261399E-2</v>
      </c>
      <c r="U17" s="20">
        <v>9.4773893999999997E-2</v>
      </c>
      <c r="V17" s="20">
        <v>0.25023015999999998</v>
      </c>
      <c r="X17" s="20">
        <f t="shared" si="1"/>
        <v>0.35764704384348994</v>
      </c>
    </row>
    <row r="18" spans="2:24">
      <c r="B18" s="23">
        <v>0.46193287037021946</v>
      </c>
      <c r="C18" s="20">
        <v>5.3281001999999997E-3</v>
      </c>
      <c r="D18" s="20">
        <v>0</v>
      </c>
      <c r="E18" s="20">
        <v>2.9934448999999998E-2</v>
      </c>
      <c r="F18" s="20">
        <v>0</v>
      </c>
      <c r="G18" s="20">
        <v>-4.2183183999999999E-2</v>
      </c>
      <c r="H18" s="20">
        <v>0</v>
      </c>
      <c r="I18" s="20">
        <v>1.5028868E-3</v>
      </c>
      <c r="J18" s="20">
        <v>0</v>
      </c>
      <c r="K18" s="20">
        <v>1.0478410000000001E-2</v>
      </c>
      <c r="L18" s="20">
        <v>0</v>
      </c>
      <c r="M18" s="20">
        <v>8.3879712999999995E-2</v>
      </c>
      <c r="N18" s="20">
        <v>2.6507141000000001E-2</v>
      </c>
      <c r="O18" s="20">
        <v>4.7865719000000001E-2</v>
      </c>
      <c r="P18" s="20">
        <v>9.6031834999999996E-2</v>
      </c>
      <c r="Q18" s="20">
        <f t="shared" si="0"/>
        <v>0.25428440800000002</v>
      </c>
      <c r="R18" s="20">
        <v>0</v>
      </c>
      <c r="S18" s="20">
        <v>2.9934448999999998E-2</v>
      </c>
      <c r="T18" s="20">
        <v>3.7115865999999997E-2</v>
      </c>
      <c r="U18" s="20">
        <v>0.10202437</v>
      </c>
      <c r="V18" s="20">
        <v>0.36314649999999998</v>
      </c>
      <c r="X18" s="20">
        <f t="shared" si="1"/>
        <v>0.50231566395189997</v>
      </c>
    </row>
    <row r="19" spans="2:24">
      <c r="B19" s="23">
        <v>0.46243055555532919</v>
      </c>
      <c r="C19" s="20">
        <v>0</v>
      </c>
      <c r="D19" s="20">
        <v>0</v>
      </c>
      <c r="E19" s="20">
        <v>2.6663388E-2</v>
      </c>
      <c r="F19" s="20">
        <v>0</v>
      </c>
      <c r="G19" s="20">
        <v>-5.4858868999999998E-2</v>
      </c>
      <c r="H19" s="20">
        <v>0</v>
      </c>
      <c r="I19" s="20">
        <v>0</v>
      </c>
      <c r="J19" s="20">
        <v>0</v>
      </c>
      <c r="K19" s="20">
        <v>1.3982583999999999E-2</v>
      </c>
      <c r="L19" s="20">
        <v>0</v>
      </c>
      <c r="M19" s="20">
        <v>7.8804175000000004E-2</v>
      </c>
      <c r="N19" s="20">
        <v>0</v>
      </c>
      <c r="O19" s="20">
        <v>5.4980173E-2</v>
      </c>
      <c r="P19" s="20">
        <v>3.2617008000000003E-2</v>
      </c>
      <c r="Q19" s="20">
        <f t="shared" si="0"/>
        <v>0.166401356</v>
      </c>
      <c r="R19" s="20">
        <v>0</v>
      </c>
      <c r="S19" s="20">
        <v>2.6663388E-2</v>
      </c>
      <c r="T19" s="20">
        <v>2.7373168999999999E-2</v>
      </c>
      <c r="U19" s="20">
        <v>0.1191841</v>
      </c>
      <c r="V19" s="20">
        <v>0.25023015999999998</v>
      </c>
      <c r="X19" s="20">
        <f t="shared" si="1"/>
        <v>0.39680531418469994</v>
      </c>
    </row>
    <row r="20" spans="2:24">
      <c r="B20" s="23">
        <v>0.46292824074043892</v>
      </c>
      <c r="C20" s="20">
        <v>1.1862052999999999E-2</v>
      </c>
      <c r="D20" s="20">
        <v>0.15691007000000001</v>
      </c>
      <c r="E20" s="20">
        <v>2.4485058000000001E-2</v>
      </c>
      <c r="F20" s="20">
        <v>0</v>
      </c>
      <c r="G20" s="20">
        <v>-4.3879820000000003E-3</v>
      </c>
      <c r="H20" s="20">
        <v>0</v>
      </c>
      <c r="I20" s="20">
        <v>0</v>
      </c>
      <c r="J20" s="20">
        <v>0</v>
      </c>
      <c r="K20" s="20">
        <v>1.3196997E-2</v>
      </c>
      <c r="L20" s="20">
        <v>0</v>
      </c>
      <c r="M20" s="20">
        <v>5.9661134999999997E-2</v>
      </c>
      <c r="N20" s="20">
        <v>0</v>
      </c>
      <c r="O20" s="20">
        <v>0.17480709999999999</v>
      </c>
      <c r="P20" s="20">
        <v>9.1952095999999997E-2</v>
      </c>
      <c r="Q20" s="20">
        <f t="shared" si="0"/>
        <v>0.32642033100000001</v>
      </c>
      <c r="R20" s="20">
        <v>5.0614212999999998E-2</v>
      </c>
      <c r="S20" s="20">
        <v>0.18139512999999999</v>
      </c>
      <c r="T20" s="20">
        <v>2.0247851000000001E-2</v>
      </c>
      <c r="U20" s="20">
        <v>0.1005808</v>
      </c>
      <c r="V20" s="20">
        <v>0.28729097999999997</v>
      </c>
      <c r="X20" s="20">
        <f t="shared" si="1"/>
        <v>0.40819061916569999</v>
      </c>
    </row>
    <row r="21" spans="2:24">
      <c r="B21" s="23">
        <v>0.46342592592554865</v>
      </c>
      <c r="C21" s="20">
        <v>0</v>
      </c>
      <c r="D21" s="20">
        <v>0.1256544</v>
      </c>
      <c r="E21" s="20">
        <v>1.2557858E-2</v>
      </c>
      <c r="F21" s="20">
        <v>0</v>
      </c>
      <c r="G21" s="20">
        <v>3.4890053E-3</v>
      </c>
      <c r="H21" s="20">
        <v>0</v>
      </c>
      <c r="I21" s="20">
        <v>0</v>
      </c>
      <c r="J21" s="20">
        <v>0</v>
      </c>
      <c r="K21" s="20">
        <v>0</v>
      </c>
      <c r="L21" s="20">
        <v>0</v>
      </c>
      <c r="M21" s="20">
        <v>0</v>
      </c>
      <c r="N21" s="20">
        <v>0</v>
      </c>
      <c r="O21" s="20">
        <v>0.19015997000000001</v>
      </c>
      <c r="P21" s="20">
        <v>9.2003617999999995E-2</v>
      </c>
      <c r="Q21" s="20">
        <f t="shared" si="0"/>
        <v>0.28216358800000002</v>
      </c>
      <c r="R21" s="20">
        <v>4.1949329E-2</v>
      </c>
      <c r="S21" s="20">
        <v>0.13821225000000001</v>
      </c>
      <c r="T21" s="20">
        <v>3.3574891000000003E-2</v>
      </c>
      <c r="U21" s="20">
        <v>0.10982011999999999</v>
      </c>
      <c r="V21" s="20">
        <v>0.36274316000000001</v>
      </c>
      <c r="X21" s="20">
        <f t="shared" si="1"/>
        <v>0.50619437871013007</v>
      </c>
    </row>
    <row r="22" spans="2:24">
      <c r="B22" s="23">
        <v>0.46392361111065838</v>
      </c>
      <c r="C22" s="20">
        <v>0</v>
      </c>
      <c r="D22" s="20">
        <v>0.11509809999999999</v>
      </c>
      <c r="E22" s="20">
        <v>2.885215E-2</v>
      </c>
      <c r="F22" s="20">
        <v>0</v>
      </c>
      <c r="G22" s="20">
        <v>2.5637772000000001E-4</v>
      </c>
      <c r="H22" s="20">
        <v>0</v>
      </c>
      <c r="I22" s="20">
        <v>3.0798882999999999E-3</v>
      </c>
      <c r="J22" s="20">
        <v>0</v>
      </c>
      <c r="K22" s="20">
        <v>0</v>
      </c>
      <c r="L22" s="20">
        <v>0</v>
      </c>
      <c r="M22" s="20">
        <v>0</v>
      </c>
      <c r="N22" s="20">
        <v>0.17959955</v>
      </c>
      <c r="O22" s="20">
        <v>0.21798754000000001</v>
      </c>
      <c r="P22" s="20">
        <v>4.4454391000000003E-2</v>
      </c>
      <c r="Q22" s="20">
        <f t="shared" si="0"/>
        <v>0.44204148100000001</v>
      </c>
      <c r="R22" s="20">
        <v>3.7404501999999999E-2</v>
      </c>
      <c r="S22" s="20">
        <v>0.14395025</v>
      </c>
      <c r="T22" s="20">
        <v>2.3537509000000002E-2</v>
      </c>
      <c r="U22" s="20">
        <v>9.6846396000000001E-2</v>
      </c>
      <c r="V22" s="20">
        <v>0.55018853000000001</v>
      </c>
      <c r="X22" s="20">
        <f t="shared" si="1"/>
        <v>0.67064576282470201</v>
      </c>
    </row>
    <row r="23" spans="2:24">
      <c r="B23" s="23">
        <v>0.46442129629576812</v>
      </c>
      <c r="C23" s="20">
        <v>0</v>
      </c>
      <c r="D23" s="20">
        <v>0</v>
      </c>
      <c r="E23" s="20">
        <v>3.0392078999999999E-2</v>
      </c>
      <c r="F23" s="20">
        <v>1.5228194E-3</v>
      </c>
      <c r="G23" s="20">
        <v>7.5370369000000005E-4</v>
      </c>
      <c r="H23" s="20">
        <v>0</v>
      </c>
      <c r="I23" s="20">
        <v>3.5306261999999999E-3</v>
      </c>
      <c r="J23" s="20">
        <v>0</v>
      </c>
      <c r="K23" s="20">
        <v>0</v>
      </c>
      <c r="L23" s="20">
        <v>0</v>
      </c>
      <c r="M23" s="20">
        <v>0</v>
      </c>
      <c r="N23" s="20">
        <v>0.32081472</v>
      </c>
      <c r="O23" s="20">
        <v>0.11414956</v>
      </c>
      <c r="P23" s="20">
        <v>0</v>
      </c>
      <c r="Q23" s="20">
        <f t="shared" si="0"/>
        <v>0.43496427999999998</v>
      </c>
      <c r="R23" s="20">
        <v>0</v>
      </c>
      <c r="S23" s="20">
        <v>3.0392078999999999E-2</v>
      </c>
      <c r="T23" s="20">
        <v>1.3586150999999999E-2</v>
      </c>
      <c r="U23" s="20">
        <v>0.11807362</v>
      </c>
      <c r="V23" s="20">
        <v>0.36233982999999997</v>
      </c>
      <c r="X23" s="20">
        <f t="shared" si="1"/>
        <v>0.49404975655872896</v>
      </c>
    </row>
    <row r="24" spans="2:24">
      <c r="B24" s="23">
        <v>0.4649305555576575</v>
      </c>
      <c r="C24" s="20">
        <v>0</v>
      </c>
      <c r="D24" s="20">
        <v>9.4077440999999998E-2</v>
      </c>
      <c r="E24" s="20">
        <v>3.0217009E-2</v>
      </c>
      <c r="F24" s="20">
        <v>0</v>
      </c>
      <c r="G24" s="20">
        <v>-1.6679494999999999E-2</v>
      </c>
      <c r="H24" s="20">
        <v>0</v>
      </c>
      <c r="I24" s="20">
        <v>0</v>
      </c>
      <c r="J24" s="20">
        <v>2.5417198999999999E-3</v>
      </c>
      <c r="K24" s="20">
        <v>0</v>
      </c>
      <c r="L24" s="20">
        <v>0</v>
      </c>
      <c r="M24" s="20">
        <v>0</v>
      </c>
      <c r="N24" s="20">
        <v>0.30491020000000002</v>
      </c>
      <c r="O24" s="20">
        <v>0.10013123</v>
      </c>
      <c r="P24" s="20">
        <v>0</v>
      </c>
      <c r="Q24" s="20">
        <f t="shared" si="0"/>
        <v>0.40504143000000004</v>
      </c>
      <c r="R24" s="20">
        <v>0</v>
      </c>
      <c r="S24" s="20">
        <v>0.12429445</v>
      </c>
      <c r="T24" s="20">
        <v>0</v>
      </c>
      <c r="U24" s="20">
        <v>0.12953514999999999</v>
      </c>
      <c r="V24" s="20">
        <v>0.28793128000000001</v>
      </c>
      <c r="X24" s="20">
        <f t="shared" si="1"/>
        <v>0.41753037925549003</v>
      </c>
    </row>
    <row r="25" spans="2:24">
      <c r="B25" s="23">
        <v>0.46542824074276723</v>
      </c>
      <c r="C25" s="20">
        <v>0</v>
      </c>
      <c r="D25" s="20">
        <v>0.14811087000000001</v>
      </c>
      <c r="E25" s="20">
        <v>8.7317040999999995E-3</v>
      </c>
      <c r="F25" s="20">
        <v>0</v>
      </c>
      <c r="G25" s="20">
        <v>-3.6962027000000001E-2</v>
      </c>
      <c r="H25" s="20">
        <v>0</v>
      </c>
      <c r="I25" s="20">
        <v>0</v>
      </c>
      <c r="J25" s="20">
        <v>0</v>
      </c>
      <c r="K25" s="20">
        <v>7.3425876999999996E-4</v>
      </c>
      <c r="L25" s="20">
        <v>0</v>
      </c>
      <c r="M25" s="20">
        <v>0</v>
      </c>
      <c r="N25" s="20">
        <v>0.31534381</v>
      </c>
      <c r="O25" s="20">
        <v>8.8371298000000001E-2</v>
      </c>
      <c r="P25" s="20">
        <v>1.3258731E-3</v>
      </c>
      <c r="Q25" s="20">
        <f t="shared" si="0"/>
        <v>0.40504098109999997</v>
      </c>
      <c r="R25" s="20">
        <v>0</v>
      </c>
      <c r="S25" s="20">
        <v>0.15684256999999999</v>
      </c>
      <c r="T25" s="20">
        <v>0</v>
      </c>
      <c r="U25" s="20">
        <v>0.13823015999999999</v>
      </c>
      <c r="V25" s="20">
        <v>0.3246193</v>
      </c>
      <c r="X25" s="20">
        <f t="shared" si="1"/>
        <v>0.46291770983569697</v>
      </c>
    </row>
    <row r="26" spans="2:24">
      <c r="B26" s="23">
        <v>0.46592592592787696</v>
      </c>
      <c r="C26" s="20">
        <v>0</v>
      </c>
      <c r="D26" s="20">
        <v>0.16689245999999999</v>
      </c>
      <c r="E26" s="20">
        <v>6.9381568000000003E-3</v>
      </c>
      <c r="F26" s="20">
        <v>0</v>
      </c>
      <c r="G26" s="20">
        <v>-9.1098357000000008E-3</v>
      </c>
      <c r="H26" s="20">
        <v>0</v>
      </c>
      <c r="I26" s="20">
        <v>0</v>
      </c>
      <c r="J26" s="20">
        <v>0</v>
      </c>
      <c r="K26" s="20">
        <v>3.4480568E-3</v>
      </c>
      <c r="L26" s="20">
        <v>0</v>
      </c>
      <c r="M26" s="20">
        <v>0</v>
      </c>
      <c r="N26" s="20">
        <v>0.17258883999999999</v>
      </c>
      <c r="O26" s="20">
        <v>5.7331258000000003E-2</v>
      </c>
      <c r="P26" s="20">
        <v>1.1690155000000001E-2</v>
      </c>
      <c r="Q26" s="20">
        <f t="shared" si="0"/>
        <v>0.241610253</v>
      </c>
      <c r="R26" s="20">
        <v>0</v>
      </c>
      <c r="S26" s="20">
        <v>0.17383061999999999</v>
      </c>
      <c r="T26" s="20">
        <v>0</v>
      </c>
      <c r="U26" s="20">
        <v>0.14404738</v>
      </c>
      <c r="V26" s="20">
        <v>0.28569020000000001</v>
      </c>
      <c r="X26" s="20">
        <f t="shared" si="1"/>
        <v>0.42979594097109003</v>
      </c>
    </row>
    <row r="27" spans="2:24">
      <c r="B27" s="23">
        <v>0.46642361111298669</v>
      </c>
      <c r="C27" s="20">
        <v>0</v>
      </c>
      <c r="D27" s="20">
        <v>9.4363325999999997E-3</v>
      </c>
      <c r="E27" s="20">
        <v>3.3410140999999997E-2</v>
      </c>
      <c r="F27" s="20">
        <v>0</v>
      </c>
      <c r="G27" s="20">
        <v>-4.5077531999999997E-2</v>
      </c>
      <c r="H27" s="20">
        <v>0</v>
      </c>
      <c r="I27" s="20">
        <v>0</v>
      </c>
      <c r="J27" s="20">
        <v>0</v>
      </c>
      <c r="K27" s="20">
        <v>5.0253664999999996E-3</v>
      </c>
      <c r="L27" s="20">
        <v>0</v>
      </c>
      <c r="M27" s="20">
        <v>0</v>
      </c>
      <c r="N27" s="20">
        <v>0.18581411</v>
      </c>
      <c r="O27" s="20">
        <v>0.1354042</v>
      </c>
      <c r="P27" s="20">
        <v>0</v>
      </c>
      <c r="Q27" s="20">
        <f t="shared" si="0"/>
        <v>0.32121831000000001</v>
      </c>
      <c r="R27" s="20">
        <v>0</v>
      </c>
      <c r="S27" s="20">
        <v>4.2846474000000002E-2</v>
      </c>
      <c r="T27" s="20">
        <v>0</v>
      </c>
      <c r="U27" s="20">
        <v>0.13597571</v>
      </c>
      <c r="V27" s="20">
        <v>0.35991979000000002</v>
      </c>
      <c r="X27" s="20">
        <f t="shared" si="1"/>
        <v>0.49593218590921007</v>
      </c>
    </row>
    <row r="28" spans="2:24">
      <c r="B28" s="23">
        <v>0.46693287036760012</v>
      </c>
      <c r="C28" s="20">
        <v>0</v>
      </c>
      <c r="D28" s="20">
        <v>0</v>
      </c>
      <c r="E28" s="20">
        <v>2.6341539000000001E-2</v>
      </c>
      <c r="F28" s="20">
        <v>0</v>
      </c>
      <c r="G28" s="20">
        <v>-1.0768298000000001E-2</v>
      </c>
      <c r="H28" s="20">
        <v>0</v>
      </c>
      <c r="I28" s="20">
        <v>5.6883601000000004E-3</v>
      </c>
      <c r="J28" s="20">
        <v>0</v>
      </c>
      <c r="K28" s="20">
        <v>0</v>
      </c>
      <c r="L28" s="20">
        <v>0</v>
      </c>
      <c r="M28" s="20">
        <v>3.9706054999999997E-2</v>
      </c>
      <c r="N28" s="20">
        <v>0</v>
      </c>
      <c r="O28" s="20">
        <v>7.9884249000000004E-2</v>
      </c>
      <c r="P28" s="20">
        <v>0</v>
      </c>
      <c r="Q28" s="20">
        <f t="shared" si="0"/>
        <v>0.11959030400000001</v>
      </c>
      <c r="R28" s="20">
        <v>0</v>
      </c>
      <c r="S28" s="20">
        <v>2.6341539000000001E-2</v>
      </c>
      <c r="T28" s="20">
        <v>0</v>
      </c>
      <c r="U28" s="20">
        <v>0.14891589999999999</v>
      </c>
      <c r="V28" s="20">
        <v>0.32498104</v>
      </c>
      <c r="X28" s="20">
        <f t="shared" si="1"/>
        <v>0.47391365934440999</v>
      </c>
    </row>
    <row r="29" spans="2:24">
      <c r="B29" s="23">
        <v>0.46743055555270985</v>
      </c>
      <c r="C29" s="20">
        <v>0</v>
      </c>
      <c r="D29" s="20">
        <v>0</v>
      </c>
      <c r="E29" s="20">
        <v>2.4460964000000002E-2</v>
      </c>
      <c r="F29" s="20">
        <v>0</v>
      </c>
      <c r="G29" s="20">
        <v>-7.7135576999999997E-2</v>
      </c>
      <c r="H29" s="20">
        <v>0</v>
      </c>
      <c r="I29" s="20">
        <v>1.4582773999999999E-3</v>
      </c>
      <c r="J29" s="20">
        <v>0</v>
      </c>
      <c r="K29" s="20">
        <v>0</v>
      </c>
      <c r="L29" s="20">
        <v>0</v>
      </c>
      <c r="M29" s="20">
        <v>0.26816224999999999</v>
      </c>
      <c r="N29" s="20">
        <v>0</v>
      </c>
      <c r="O29" s="20">
        <v>7.9315315999999997E-2</v>
      </c>
      <c r="P29" s="20">
        <v>0</v>
      </c>
      <c r="Q29" s="20">
        <f t="shared" si="0"/>
        <v>0.34747756600000002</v>
      </c>
      <c r="R29" s="20">
        <v>0</v>
      </c>
      <c r="S29" s="20">
        <v>2.4460964000000002E-2</v>
      </c>
      <c r="T29" s="20">
        <v>0</v>
      </c>
      <c r="U29" s="20">
        <v>0.14011602000000001</v>
      </c>
      <c r="V29" s="20">
        <v>0.25134433</v>
      </c>
      <c r="X29" s="20">
        <f t="shared" si="1"/>
        <v>0.39149242221944003</v>
      </c>
    </row>
    <row r="30" spans="2:24">
      <c r="B30" s="23">
        <v>0.46792824073781958</v>
      </c>
      <c r="C30" s="20">
        <v>0</v>
      </c>
      <c r="D30" s="20">
        <v>0</v>
      </c>
      <c r="E30" s="20">
        <v>0</v>
      </c>
      <c r="F30" s="20">
        <v>0</v>
      </c>
      <c r="G30" s="20">
        <v>-3.6251519000000003E-2</v>
      </c>
      <c r="H30" s="20">
        <v>0</v>
      </c>
      <c r="I30" s="20">
        <v>3.5373557000000001E-3</v>
      </c>
      <c r="J30" s="20">
        <v>0</v>
      </c>
      <c r="K30" s="20">
        <v>0</v>
      </c>
      <c r="L30" s="20">
        <v>0</v>
      </c>
      <c r="M30" s="20">
        <v>0.30124474000000001</v>
      </c>
      <c r="N30" s="20">
        <v>2.9995371E-2</v>
      </c>
      <c r="O30" s="20">
        <v>6.4728565000000002E-2</v>
      </c>
      <c r="P30" s="20">
        <v>0</v>
      </c>
      <c r="Q30" s="20">
        <f t="shared" si="0"/>
        <v>0.39596867600000002</v>
      </c>
      <c r="R30" s="20">
        <v>0</v>
      </c>
      <c r="S30" s="20">
        <v>0</v>
      </c>
      <c r="T30" s="20">
        <v>0</v>
      </c>
      <c r="U30" s="20">
        <v>0.12893615</v>
      </c>
      <c r="V30" s="20">
        <v>0.25023015999999998</v>
      </c>
      <c r="X30" s="20">
        <f t="shared" si="1"/>
        <v>0.37920263545127003</v>
      </c>
    </row>
    <row r="31" spans="2:24">
      <c r="B31" s="23">
        <v>0.46842592592292931</v>
      </c>
      <c r="C31" s="20">
        <v>0</v>
      </c>
      <c r="D31" s="20">
        <v>0</v>
      </c>
      <c r="E31" s="20">
        <v>8.7081276999999996E-4</v>
      </c>
      <c r="F31" s="20">
        <v>0</v>
      </c>
      <c r="G31" s="20">
        <v>-1.019246E-2</v>
      </c>
      <c r="H31" s="20">
        <v>0</v>
      </c>
      <c r="I31" s="20">
        <v>0</v>
      </c>
      <c r="J31" s="20">
        <v>0</v>
      </c>
      <c r="K31" s="20">
        <v>0</v>
      </c>
      <c r="L31" s="20">
        <v>0</v>
      </c>
      <c r="M31" s="20">
        <v>0.25914921000000002</v>
      </c>
      <c r="N31" s="20">
        <v>4.8280455E-2</v>
      </c>
      <c r="O31" s="20">
        <v>0.11413875</v>
      </c>
      <c r="P31" s="20">
        <v>0</v>
      </c>
      <c r="Q31" s="20">
        <f t="shared" si="0"/>
        <v>0.42156841500000003</v>
      </c>
      <c r="R31" s="20">
        <v>0</v>
      </c>
      <c r="S31" s="20">
        <v>8.7081276999999996E-4</v>
      </c>
      <c r="T31" s="20">
        <v>1.0510711000000001E-2</v>
      </c>
      <c r="U31" s="20">
        <v>9.9633582999999998E-2</v>
      </c>
      <c r="V31" s="20">
        <v>0.21260219</v>
      </c>
      <c r="X31" s="20">
        <f t="shared" si="1"/>
        <v>0.322787795758054</v>
      </c>
    </row>
    <row r="32" spans="2:24">
      <c r="B32" s="23">
        <v>0.46892361110803904</v>
      </c>
      <c r="C32" s="20">
        <v>8.4665334000000002E-3</v>
      </c>
      <c r="D32" s="20">
        <v>2.3155487999999998E-2</v>
      </c>
      <c r="E32" s="20">
        <v>6.3290872E-4</v>
      </c>
      <c r="F32" s="20">
        <v>1.4373692E-2</v>
      </c>
      <c r="G32" s="20">
        <v>8.9174641999999998E-2</v>
      </c>
      <c r="H32" s="20">
        <v>0</v>
      </c>
      <c r="I32" s="20">
        <v>3.1588040000000002E-4</v>
      </c>
      <c r="J32" s="20">
        <v>0</v>
      </c>
      <c r="K32" s="20">
        <v>0</v>
      </c>
      <c r="L32" s="20">
        <v>0</v>
      </c>
      <c r="M32" s="20">
        <v>1.5888049000000001E-2</v>
      </c>
      <c r="N32" s="20">
        <v>4.4199232999999997E-2</v>
      </c>
      <c r="O32" s="20">
        <v>0.13577854</v>
      </c>
      <c r="P32" s="20">
        <v>0</v>
      </c>
      <c r="Q32" s="20">
        <f t="shared" si="0"/>
        <v>0.19586582199999999</v>
      </c>
      <c r="R32" s="20">
        <v>0</v>
      </c>
      <c r="S32" s="20">
        <v>2.3788396999999999E-2</v>
      </c>
      <c r="T32" s="20">
        <v>3.1065849E-2</v>
      </c>
      <c r="U32" s="20">
        <v>9.3603196999999999E-2</v>
      </c>
      <c r="V32" s="20">
        <v>0.3246193</v>
      </c>
      <c r="X32" s="20">
        <f t="shared" si="1"/>
        <v>0.44932392333635202</v>
      </c>
    </row>
    <row r="33" spans="2:24">
      <c r="B33" s="23">
        <v>0.46942129629314877</v>
      </c>
      <c r="C33" s="20">
        <v>1.2495043000000001E-2</v>
      </c>
      <c r="D33" s="20">
        <v>0</v>
      </c>
      <c r="E33" s="20">
        <v>1.2143529E-3</v>
      </c>
      <c r="F33" s="20">
        <v>1.4059837E-2</v>
      </c>
      <c r="G33" s="20">
        <v>-3.8191673000000002E-2</v>
      </c>
      <c r="H33" s="20">
        <v>0</v>
      </c>
      <c r="I33" s="20">
        <v>0</v>
      </c>
      <c r="J33" s="20">
        <v>0</v>
      </c>
      <c r="K33" s="20">
        <v>8.8893704000000007E-3</v>
      </c>
      <c r="L33" s="20">
        <v>0</v>
      </c>
      <c r="M33" s="20">
        <v>1.0659989E-2</v>
      </c>
      <c r="N33" s="20">
        <v>0</v>
      </c>
      <c r="O33" s="20">
        <v>7.2524123999999995E-2</v>
      </c>
      <c r="P33" s="20">
        <v>0</v>
      </c>
      <c r="Q33" s="20">
        <f t="shared" si="0"/>
        <v>8.318411299999999E-2</v>
      </c>
      <c r="R33" s="20">
        <v>0</v>
      </c>
      <c r="S33" s="20">
        <v>1.2143529E-3</v>
      </c>
      <c r="T33" s="20">
        <v>2.2984099000000001E-2</v>
      </c>
      <c r="U33" s="20">
        <v>0.10290065</v>
      </c>
      <c r="V33" s="20">
        <v>0.39434759000000003</v>
      </c>
      <c r="X33" s="20">
        <f t="shared" si="1"/>
        <v>0.52024062553962003</v>
      </c>
    </row>
    <row r="34" spans="2:24">
      <c r="B34" s="23">
        <v>0.46993055555503815</v>
      </c>
      <c r="C34" s="20">
        <v>2.5426522999999999E-2</v>
      </c>
      <c r="D34" s="20">
        <v>0</v>
      </c>
      <c r="E34" s="20">
        <v>0</v>
      </c>
      <c r="F34" s="20">
        <v>6.6726412999999997E-3</v>
      </c>
      <c r="G34" s="20">
        <v>-3.2546780999999997E-2</v>
      </c>
      <c r="H34" s="20">
        <v>0</v>
      </c>
      <c r="I34" s="20">
        <v>0</v>
      </c>
      <c r="J34" s="20">
        <v>0</v>
      </c>
      <c r="K34" s="20">
        <v>7.8219758000000004E-3</v>
      </c>
      <c r="L34" s="20">
        <v>0</v>
      </c>
      <c r="M34" s="20">
        <v>1.3431391000000001E-2</v>
      </c>
      <c r="N34" s="20">
        <v>0</v>
      </c>
      <c r="O34" s="20">
        <v>0.1069833</v>
      </c>
      <c r="P34" s="20">
        <v>6.3852619999999999E-2</v>
      </c>
      <c r="Q34" s="20">
        <f t="shared" si="0"/>
        <v>0.18426731099999999</v>
      </c>
      <c r="R34" s="20">
        <v>0</v>
      </c>
      <c r="S34" s="20">
        <v>0</v>
      </c>
      <c r="T34" s="20">
        <v>0</v>
      </c>
      <c r="U34" s="20">
        <v>0.10284735</v>
      </c>
      <c r="V34" s="20">
        <v>0.54468881000000002</v>
      </c>
      <c r="X34" s="20">
        <f t="shared" si="1"/>
        <v>0.64755532416701</v>
      </c>
    </row>
    <row r="35" spans="2:24">
      <c r="B35" s="23">
        <v>0.47042824074014788</v>
      </c>
      <c r="C35" s="20">
        <v>0.30254574000000001</v>
      </c>
      <c r="D35" s="20">
        <v>9.0562079000000004E-2</v>
      </c>
      <c r="E35" s="20">
        <v>2.7658372000000001E-2</v>
      </c>
      <c r="F35" s="20">
        <v>0</v>
      </c>
      <c r="G35" s="20">
        <v>-7.0426878999999998E-2</v>
      </c>
      <c r="H35" s="20">
        <v>0</v>
      </c>
      <c r="I35" s="20">
        <v>2.0604277999999998E-5</v>
      </c>
      <c r="J35" s="20">
        <v>0</v>
      </c>
      <c r="K35" s="20">
        <v>4.4051400000000001E-3</v>
      </c>
      <c r="L35" s="20">
        <v>0.44981681000000001</v>
      </c>
      <c r="M35" s="20">
        <v>3.3991348000000001E-3</v>
      </c>
      <c r="N35" s="20">
        <v>3.4359980999999998E-2</v>
      </c>
      <c r="O35" s="20">
        <v>0.38595736000000003</v>
      </c>
      <c r="P35" s="20">
        <v>7.3189241000000002E-2</v>
      </c>
      <c r="Q35" s="20">
        <f t="shared" si="0"/>
        <v>0.49690571680000006</v>
      </c>
      <c r="R35" s="20">
        <v>1.2837521999999999</v>
      </c>
      <c r="S35" s="20">
        <v>0.11822045</v>
      </c>
      <c r="T35" s="20">
        <v>4.6210569E-2</v>
      </c>
      <c r="U35" s="20">
        <v>0.10054568999999999</v>
      </c>
      <c r="V35" s="20">
        <v>0.32678982000000001</v>
      </c>
      <c r="X35" s="20">
        <f t="shared" si="1"/>
        <v>0.47368804980330781</v>
      </c>
    </row>
    <row r="36" spans="2:24">
      <c r="B36" s="23">
        <v>0.47092592592525762</v>
      </c>
      <c r="C36" s="20">
        <v>0.99351833000000001</v>
      </c>
      <c r="D36" s="20">
        <v>0.97955424000000002</v>
      </c>
      <c r="E36" s="20">
        <v>2.4879813000000001E-2</v>
      </c>
      <c r="F36" s="20">
        <v>0</v>
      </c>
      <c r="G36" s="20">
        <v>-7.4300598999999995E-2</v>
      </c>
      <c r="H36" s="20">
        <v>0</v>
      </c>
      <c r="I36" s="20">
        <v>0</v>
      </c>
      <c r="J36" s="20">
        <v>8.6067752999999993E-3</v>
      </c>
      <c r="K36" s="20">
        <v>4.4768676E-3</v>
      </c>
      <c r="L36" s="20">
        <v>1.4030415000000001</v>
      </c>
      <c r="M36" s="20">
        <v>7.7336983999999998E-2</v>
      </c>
      <c r="N36" s="20">
        <v>0.40545130000000001</v>
      </c>
      <c r="O36" s="20">
        <v>0.89132871000000002</v>
      </c>
      <c r="P36" s="20">
        <v>0.19991234999999999</v>
      </c>
      <c r="Q36" s="20">
        <f t="shared" si="0"/>
        <v>1.5740293439999999</v>
      </c>
      <c r="R36" s="20">
        <v>3.4706782999999999</v>
      </c>
      <c r="S36" s="20">
        <v>1.0044341000000001</v>
      </c>
      <c r="T36" s="20">
        <v>0.25576964000000002</v>
      </c>
      <c r="U36" s="20">
        <v>7.1764669000000003E-2</v>
      </c>
      <c r="V36" s="20">
        <v>0.32498104</v>
      </c>
      <c r="X36" s="20">
        <f t="shared" si="1"/>
        <v>0.65310717303708998</v>
      </c>
    </row>
    <row r="37" spans="2:24">
      <c r="B37" s="23">
        <v>0.47142361111036735</v>
      </c>
      <c r="C37" s="20">
        <v>1.6869425</v>
      </c>
      <c r="D37" s="20">
        <v>1.2233794</v>
      </c>
      <c r="E37" s="20">
        <v>5.9797858000000002E-2</v>
      </c>
      <c r="F37" s="20">
        <v>0</v>
      </c>
      <c r="G37" s="20">
        <v>-6.3722084999999996E-3</v>
      </c>
      <c r="H37" s="20">
        <v>0</v>
      </c>
      <c r="I37" s="20">
        <v>1.5353376999999999E-3</v>
      </c>
      <c r="J37" s="20">
        <v>1.0705829E-2</v>
      </c>
      <c r="K37" s="20">
        <v>4.4810789999999998E-3</v>
      </c>
      <c r="L37" s="20">
        <v>2.5879373999999999</v>
      </c>
      <c r="M37" s="20">
        <v>8.1829031999999996E-2</v>
      </c>
      <c r="N37" s="20">
        <v>0.81165246000000002</v>
      </c>
      <c r="O37" s="20">
        <v>1.2705829</v>
      </c>
      <c r="P37" s="20">
        <v>0.1946949</v>
      </c>
      <c r="Q37" s="20">
        <f t="shared" si="0"/>
        <v>2.3587592920000002</v>
      </c>
      <c r="R37" s="20">
        <v>5.5757386999999996</v>
      </c>
      <c r="S37" s="20">
        <v>1.2831771999999999</v>
      </c>
      <c r="T37" s="20">
        <v>0.48938935</v>
      </c>
      <c r="U37" s="20">
        <v>7.7150268999999994E-2</v>
      </c>
      <c r="V37" s="20">
        <v>0.25023015999999998</v>
      </c>
      <c r="X37" s="20">
        <f t="shared" si="1"/>
        <v>0.81769081336872007</v>
      </c>
    </row>
    <row r="38" spans="2:24">
      <c r="B38" s="23">
        <v>0.47192129629547708</v>
      </c>
      <c r="C38" s="20">
        <v>1.9915465999999999</v>
      </c>
      <c r="D38" s="20">
        <v>2.2961877999999998</v>
      </c>
      <c r="E38" s="20">
        <v>1.6072439000000001E-2</v>
      </c>
      <c r="F38" s="20">
        <v>0</v>
      </c>
      <c r="G38" s="20">
        <v>-8.7168085000000006E-2</v>
      </c>
      <c r="H38" s="20">
        <v>0.29848400000000003</v>
      </c>
      <c r="I38" s="20">
        <v>0</v>
      </c>
      <c r="J38" s="20">
        <v>1.8808796E-3</v>
      </c>
      <c r="K38" s="20">
        <v>0</v>
      </c>
      <c r="L38" s="20">
        <v>3.7054632000000001</v>
      </c>
      <c r="M38" s="20">
        <v>0.21950496</v>
      </c>
      <c r="N38" s="20">
        <v>1.5263491</v>
      </c>
      <c r="O38" s="20">
        <v>1.4361511</v>
      </c>
      <c r="P38" s="20">
        <v>0.25104737999999999</v>
      </c>
      <c r="Q38" s="20">
        <f t="shared" si="0"/>
        <v>3.4330525400000003</v>
      </c>
      <c r="R38" s="20">
        <v>7.4380744999999999</v>
      </c>
      <c r="S38" s="20">
        <v>2.3122601999999999</v>
      </c>
      <c r="T38" s="20">
        <v>0.67840968999999995</v>
      </c>
      <c r="U38" s="20">
        <v>5.034305E-2</v>
      </c>
      <c r="V38" s="20">
        <v>0.28697081000000002</v>
      </c>
      <c r="X38" s="20">
        <f t="shared" si="1"/>
        <v>1.0171203279573602</v>
      </c>
    </row>
    <row r="39" spans="2:24">
      <c r="B39" s="23">
        <v>0.47243055555736646</v>
      </c>
      <c r="C39" s="20">
        <v>1.6999390999999999</v>
      </c>
      <c r="D39" s="20">
        <v>2.5757526999999998</v>
      </c>
      <c r="E39" s="20">
        <v>4.3556652000000001E-2</v>
      </c>
      <c r="F39" s="20">
        <v>0</v>
      </c>
      <c r="G39" s="20">
        <v>-7.6309070000000007E-2</v>
      </c>
      <c r="H39" s="20">
        <v>0.27785597000000001</v>
      </c>
      <c r="I39" s="20">
        <v>0</v>
      </c>
      <c r="J39" s="20">
        <v>0</v>
      </c>
      <c r="K39" s="20">
        <v>0</v>
      </c>
      <c r="L39" s="20">
        <v>4.1696084999999998</v>
      </c>
      <c r="M39" s="20">
        <v>0.12319363999999999</v>
      </c>
      <c r="N39" s="20">
        <v>1.5393281999999999</v>
      </c>
      <c r="O39" s="20">
        <v>1.2792926</v>
      </c>
      <c r="P39" s="20">
        <v>0.21686505</v>
      </c>
      <c r="Q39" s="20">
        <f t="shared" si="0"/>
        <v>3.1586794899999999</v>
      </c>
      <c r="R39" s="20">
        <v>7.5958066999999998</v>
      </c>
      <c r="S39" s="20">
        <v>2.6193094000000001</v>
      </c>
      <c r="T39" s="20">
        <v>0.58400174000000005</v>
      </c>
      <c r="U39" s="20">
        <v>6.6164214999999998E-2</v>
      </c>
      <c r="V39" s="20">
        <v>0.62353974999999995</v>
      </c>
      <c r="X39" s="20">
        <f t="shared" si="1"/>
        <v>1.2751525442742</v>
      </c>
    </row>
    <row r="40" spans="2:24">
      <c r="B40" s="23">
        <v>0.47292824074247619</v>
      </c>
      <c r="C40" s="20">
        <v>1.3917842</v>
      </c>
      <c r="D40" s="20">
        <v>3.4210075</v>
      </c>
      <c r="E40" s="20">
        <v>2.5451576E-2</v>
      </c>
      <c r="F40" s="20">
        <v>0</v>
      </c>
      <c r="G40" s="20">
        <v>-3.2629252999999997E-2</v>
      </c>
      <c r="H40" s="20">
        <v>0.24464622999999999</v>
      </c>
      <c r="I40" s="20">
        <v>0</v>
      </c>
      <c r="J40" s="20">
        <v>2.3410162000000001E-3</v>
      </c>
      <c r="K40" s="20">
        <v>0</v>
      </c>
      <c r="L40" s="20">
        <v>4.1500472000000004</v>
      </c>
      <c r="M40" s="20">
        <v>0.14292105999999999</v>
      </c>
      <c r="N40" s="20">
        <v>1.5049688999999999</v>
      </c>
      <c r="O40" s="20">
        <v>1.0703653</v>
      </c>
      <c r="P40" s="20">
        <v>0.14589368</v>
      </c>
      <c r="Q40" s="20">
        <f t="shared" si="0"/>
        <v>2.8641489399999998</v>
      </c>
      <c r="R40" s="20">
        <v>6.9884193999999997</v>
      </c>
      <c r="S40" s="20">
        <v>3.4464591000000002</v>
      </c>
      <c r="T40" s="20">
        <v>0.42859508000000002</v>
      </c>
      <c r="U40" s="20">
        <v>5.8188185000000003E-2</v>
      </c>
      <c r="V40" s="20">
        <v>0.25023015999999998</v>
      </c>
      <c r="X40" s="20">
        <f t="shared" si="1"/>
        <v>0.73856475065091998</v>
      </c>
    </row>
    <row r="41" spans="2:24">
      <c r="B41" s="23">
        <v>0.47342592592758592</v>
      </c>
      <c r="C41" s="20">
        <v>1.105524</v>
      </c>
      <c r="D41" s="20">
        <v>2.4941436000000001</v>
      </c>
      <c r="E41" s="20">
        <v>4.8336478000000002E-2</v>
      </c>
      <c r="F41" s="20">
        <v>0</v>
      </c>
      <c r="G41" s="20">
        <v>-3.3759888000000002E-2</v>
      </c>
      <c r="H41" s="20">
        <v>0</v>
      </c>
      <c r="I41" s="20">
        <v>0</v>
      </c>
      <c r="J41" s="20">
        <v>7.2648807000000003E-3</v>
      </c>
      <c r="K41" s="20">
        <v>0</v>
      </c>
      <c r="L41" s="20">
        <v>3.4192938000000002</v>
      </c>
      <c r="M41" s="20">
        <v>1.8140492000000001E-2</v>
      </c>
      <c r="N41" s="20">
        <v>0.91590682999999995</v>
      </c>
      <c r="O41" s="20">
        <v>0.78342867000000005</v>
      </c>
      <c r="P41" s="20">
        <v>8.9342475000000005E-2</v>
      </c>
      <c r="Q41" s="20">
        <f t="shared" si="0"/>
        <v>1.806818467</v>
      </c>
      <c r="R41" s="20">
        <v>5.1871377000000001</v>
      </c>
      <c r="S41" s="20">
        <v>2.5424801000000001</v>
      </c>
      <c r="T41" s="20">
        <v>0.22695866000000001</v>
      </c>
      <c r="U41" s="20">
        <v>7.4917248000000006E-2</v>
      </c>
      <c r="V41" s="20">
        <v>0.28729097999999997</v>
      </c>
      <c r="X41" s="20">
        <f t="shared" si="1"/>
        <v>0.5903058981437701</v>
      </c>
    </row>
    <row r="42" spans="2:24">
      <c r="B42" s="23">
        <v>0.47392361111269565</v>
      </c>
      <c r="C42" s="20">
        <v>0.93567836000000004</v>
      </c>
      <c r="D42" s="20">
        <v>2.0355500000000002</v>
      </c>
      <c r="E42" s="20">
        <v>4.0879894E-2</v>
      </c>
      <c r="F42" s="20">
        <v>0</v>
      </c>
      <c r="G42" s="20">
        <v>-5.0526049000000003E-2</v>
      </c>
      <c r="H42" s="20">
        <v>0</v>
      </c>
      <c r="I42" s="20">
        <v>0</v>
      </c>
      <c r="J42" s="20">
        <v>1.5752652E-3</v>
      </c>
      <c r="K42" s="20">
        <v>0</v>
      </c>
      <c r="L42" s="20">
        <v>2.6784129999999999</v>
      </c>
      <c r="M42" s="20">
        <v>1.6299859E-2</v>
      </c>
      <c r="N42" s="20">
        <v>0.83729909000000002</v>
      </c>
      <c r="O42" s="20">
        <v>0.62761825999999998</v>
      </c>
      <c r="P42" s="20">
        <v>6.8209886000000003E-3</v>
      </c>
      <c r="Q42" s="20">
        <f t="shared" si="0"/>
        <v>1.4880381975999999</v>
      </c>
      <c r="R42" s="20">
        <v>4.3053970000000001</v>
      </c>
      <c r="S42" s="20">
        <v>2.0764298000000001</v>
      </c>
      <c r="T42" s="20">
        <v>0.22291792999999999</v>
      </c>
      <c r="U42" s="20">
        <v>6.8686357000000003E-2</v>
      </c>
      <c r="V42" s="20">
        <v>0.28761112999999999</v>
      </c>
      <c r="X42" s="20">
        <f t="shared" si="1"/>
        <v>0.58013602084677995</v>
      </c>
    </row>
    <row r="43" spans="2:24">
      <c r="B43" s="23">
        <v>0.47442129629780538</v>
      </c>
      <c r="C43" s="20">
        <v>0.81049934999999995</v>
      </c>
      <c r="D43" s="20">
        <v>1.1570062000000001</v>
      </c>
      <c r="E43" s="20">
        <v>8.4994437000000006E-2</v>
      </c>
      <c r="F43" s="20">
        <v>0</v>
      </c>
      <c r="G43" s="20">
        <v>-4.9929501000000001E-2</v>
      </c>
      <c r="H43" s="20">
        <v>0</v>
      </c>
      <c r="I43" s="20">
        <v>0</v>
      </c>
      <c r="J43" s="20">
        <v>0</v>
      </c>
      <c r="K43" s="20">
        <v>0</v>
      </c>
      <c r="L43" s="20">
        <v>2.1034228000000001</v>
      </c>
      <c r="M43" s="20">
        <v>5.7540208000000002E-2</v>
      </c>
      <c r="N43" s="20">
        <v>0.55830232000000002</v>
      </c>
      <c r="O43" s="20">
        <v>0.54725838999999998</v>
      </c>
      <c r="P43" s="20">
        <v>8.5285567999999999E-3</v>
      </c>
      <c r="Q43" s="20">
        <f t="shared" si="0"/>
        <v>1.1716294748</v>
      </c>
      <c r="R43" s="20">
        <v>4.2191504999999996</v>
      </c>
      <c r="S43" s="20">
        <v>1.2420007</v>
      </c>
      <c r="T43" s="20">
        <v>0.26488561999999999</v>
      </c>
      <c r="U43" s="20">
        <v>7.9061318000000005E-2</v>
      </c>
      <c r="V43" s="20">
        <v>0.21354987</v>
      </c>
      <c r="X43" s="20">
        <f t="shared" si="1"/>
        <v>0.55814877034608001</v>
      </c>
    </row>
    <row r="44" spans="2:24">
      <c r="B44" s="23">
        <v>0.47491898148291511</v>
      </c>
      <c r="C44" s="20">
        <v>0.74729964000000004</v>
      </c>
      <c r="D44" s="20">
        <v>0.86475594</v>
      </c>
      <c r="E44" s="20">
        <v>0.11166598</v>
      </c>
      <c r="F44" s="20">
        <v>0</v>
      </c>
      <c r="G44" s="20">
        <v>1.8572446999999999E-2</v>
      </c>
      <c r="H44" s="20">
        <v>0</v>
      </c>
      <c r="I44" s="20">
        <v>0</v>
      </c>
      <c r="J44" s="20">
        <v>0</v>
      </c>
      <c r="K44" s="20">
        <v>0</v>
      </c>
      <c r="L44" s="20">
        <v>1.6754838999999999</v>
      </c>
      <c r="M44" s="20">
        <v>0.13420902000000001</v>
      </c>
      <c r="N44" s="20">
        <v>0.47030096999999998</v>
      </c>
      <c r="O44" s="20">
        <v>0.57030265999999996</v>
      </c>
      <c r="P44" s="20">
        <v>6.0032634000000001E-3</v>
      </c>
      <c r="Q44" s="20">
        <f t="shared" si="0"/>
        <v>1.1808159133999998</v>
      </c>
      <c r="R44" s="20">
        <v>3.9269303</v>
      </c>
      <c r="S44" s="20">
        <v>0.97642192000000005</v>
      </c>
      <c r="T44" s="20">
        <v>0.31436277000000001</v>
      </c>
      <c r="U44" s="20">
        <v>7.8831792999999997E-2</v>
      </c>
      <c r="V44" s="20">
        <v>0.24883743</v>
      </c>
      <c r="X44" s="20">
        <f t="shared" si="1"/>
        <v>0.64258949457404002</v>
      </c>
    </row>
    <row r="45" spans="2:24">
      <c r="B45" s="23">
        <v>0.47542824073752854</v>
      </c>
      <c r="C45" s="20">
        <v>0.84431637999999998</v>
      </c>
      <c r="D45" s="20">
        <v>0.25175945</v>
      </c>
      <c r="E45" s="20">
        <v>0.14952123</v>
      </c>
      <c r="F45" s="20">
        <v>0</v>
      </c>
      <c r="G45" s="20">
        <v>-3.7671260999999998E-2</v>
      </c>
      <c r="H45" s="20">
        <v>0</v>
      </c>
      <c r="I45" s="20">
        <v>2.4297666000000001E-3</v>
      </c>
      <c r="J45" s="20">
        <v>0</v>
      </c>
      <c r="K45" s="20">
        <v>0</v>
      </c>
      <c r="L45" s="20">
        <v>1.3865596</v>
      </c>
      <c r="M45" s="20">
        <v>0.21501793</v>
      </c>
      <c r="N45" s="20">
        <v>0.16473621999999999</v>
      </c>
      <c r="O45" s="20">
        <v>0.55618082000000002</v>
      </c>
      <c r="P45" s="20">
        <v>0</v>
      </c>
      <c r="Q45" s="20">
        <f t="shared" si="0"/>
        <v>0.93593497000000003</v>
      </c>
      <c r="R45" s="20">
        <v>3.2710963</v>
      </c>
      <c r="S45" s="20">
        <v>0.40128068</v>
      </c>
      <c r="T45" s="20">
        <v>0.26987071000000001</v>
      </c>
      <c r="U45" s="20">
        <v>7.8303504999999995E-2</v>
      </c>
      <c r="V45" s="20">
        <v>0.25023015999999998</v>
      </c>
      <c r="X45" s="20">
        <f t="shared" si="1"/>
        <v>0.59879778808156003</v>
      </c>
    </row>
    <row r="46" spans="2:24">
      <c r="B46" s="23">
        <v>0.47592592592263827</v>
      </c>
      <c r="C46" s="20">
        <v>0.95753604999999997</v>
      </c>
      <c r="D46" s="20">
        <v>0.14290119000000001</v>
      </c>
      <c r="E46" s="20">
        <v>0.13936710999999999</v>
      </c>
      <c r="F46" s="20">
        <v>0</v>
      </c>
      <c r="G46" s="20">
        <v>-3.8318741000000003E-2</v>
      </c>
      <c r="H46" s="20">
        <v>0</v>
      </c>
      <c r="I46" s="20">
        <v>9.5028577999999996E-4</v>
      </c>
      <c r="J46" s="20">
        <v>0</v>
      </c>
      <c r="K46" s="20">
        <v>9.1889680000000005E-3</v>
      </c>
      <c r="L46" s="20">
        <v>1.2689566999999999</v>
      </c>
      <c r="M46" s="20">
        <v>0.15803672999999999</v>
      </c>
      <c r="N46" s="20">
        <v>0.33222969000000002</v>
      </c>
      <c r="O46" s="20">
        <v>0.60241641000000001</v>
      </c>
      <c r="P46" s="20">
        <v>1.8187080000000001E-2</v>
      </c>
      <c r="Q46" s="20">
        <f t="shared" si="0"/>
        <v>1.1108699099999999</v>
      </c>
      <c r="R46" s="20">
        <v>3.0683755000000001</v>
      </c>
      <c r="S46" s="20">
        <v>0.28226830000000003</v>
      </c>
      <c r="T46" s="20">
        <v>0.21287846999999999</v>
      </c>
      <c r="U46" s="20">
        <v>8.0634822999999994E-2</v>
      </c>
      <c r="V46" s="20">
        <v>0.32498104</v>
      </c>
      <c r="X46" s="20">
        <f t="shared" si="1"/>
        <v>0.6188817049772779</v>
      </c>
    </row>
    <row r="47" spans="2:24">
      <c r="B47" s="23">
        <v>0.476423611107748</v>
      </c>
      <c r="C47" s="20">
        <v>1.1429856</v>
      </c>
      <c r="D47" s="20">
        <v>0.14799018999999999</v>
      </c>
      <c r="E47" s="20">
        <v>9.5575449000000007E-2</v>
      </c>
      <c r="F47" s="20">
        <v>0</v>
      </c>
      <c r="G47" s="20">
        <v>-2.3847421000000001E-2</v>
      </c>
      <c r="H47" s="20">
        <v>0</v>
      </c>
      <c r="I47" s="20">
        <v>1.5981359E-3</v>
      </c>
      <c r="J47" s="20">
        <v>0</v>
      </c>
      <c r="K47" s="20">
        <v>5.1567647999999997E-3</v>
      </c>
      <c r="L47" s="20">
        <v>1.1877352000000001</v>
      </c>
      <c r="M47" s="20">
        <v>8.6155287999999997E-2</v>
      </c>
      <c r="N47" s="20">
        <v>0.41003161999999999</v>
      </c>
      <c r="O47" s="20">
        <v>0.62064759000000003</v>
      </c>
      <c r="P47" s="20">
        <v>2.3364022000000002E-2</v>
      </c>
      <c r="Q47" s="20">
        <f t="shared" si="0"/>
        <v>1.14019852</v>
      </c>
      <c r="R47" s="20">
        <v>2.9838219000000001</v>
      </c>
      <c r="S47" s="20">
        <v>0.24356564</v>
      </c>
      <c r="T47" s="20">
        <v>9.2807457999999995E-2</v>
      </c>
      <c r="U47" s="20">
        <v>0.10399306</v>
      </c>
      <c r="V47" s="20">
        <v>0.47118152000000002</v>
      </c>
      <c r="X47" s="20">
        <f t="shared" si="1"/>
        <v>0.66837613380786998</v>
      </c>
    </row>
    <row r="48" spans="2:24">
      <c r="B48" s="23">
        <v>0.47692129629285773</v>
      </c>
      <c r="C48" s="20">
        <v>1.2003651</v>
      </c>
      <c r="D48" s="20">
        <v>0.10209514</v>
      </c>
      <c r="E48" s="20">
        <v>4.6777065999999999E-2</v>
      </c>
      <c r="F48" s="20">
        <v>0</v>
      </c>
      <c r="G48" s="20">
        <v>8.2014019000000004E-3</v>
      </c>
      <c r="H48" s="20">
        <v>0</v>
      </c>
      <c r="I48" s="20">
        <v>0</v>
      </c>
      <c r="J48" s="20">
        <v>0</v>
      </c>
      <c r="K48" s="20">
        <v>7.1409089000000004E-4</v>
      </c>
      <c r="L48" s="20">
        <v>1.1889460000000001</v>
      </c>
      <c r="M48" s="20">
        <v>1.5002125999999999E-2</v>
      </c>
      <c r="N48" s="20">
        <v>0.73556041000000005</v>
      </c>
      <c r="O48" s="20">
        <v>0.60654074999999996</v>
      </c>
      <c r="P48" s="20">
        <v>3.4058863000000002E-2</v>
      </c>
      <c r="Q48" s="20">
        <f t="shared" si="0"/>
        <v>1.3911621490000001</v>
      </c>
      <c r="R48" s="20">
        <v>3.2096447000000001</v>
      </c>
      <c r="S48" s="20">
        <v>0.14887220000000001</v>
      </c>
      <c r="T48" s="20">
        <v>4.6418595E-2</v>
      </c>
      <c r="U48" s="20">
        <v>0.12964555999999999</v>
      </c>
      <c r="V48" s="20">
        <v>0.32606631000000003</v>
      </c>
      <c r="X48" s="20">
        <f t="shared" si="1"/>
        <v>0.50253917831477901</v>
      </c>
    </row>
    <row r="49" spans="2:24">
      <c r="B49" s="23">
        <v>0.47743055555474712</v>
      </c>
      <c r="C49" s="20">
        <v>1.1968363</v>
      </c>
      <c r="D49" s="20">
        <v>5.7158317E-3</v>
      </c>
      <c r="E49" s="20">
        <v>1.5795107999999999E-2</v>
      </c>
      <c r="F49" s="20">
        <v>0</v>
      </c>
      <c r="G49" s="20">
        <v>-2.8958850000000001E-2</v>
      </c>
      <c r="H49" s="20">
        <v>0</v>
      </c>
      <c r="I49" s="20">
        <v>0</v>
      </c>
      <c r="J49" s="20">
        <v>0</v>
      </c>
      <c r="K49" s="20">
        <v>0</v>
      </c>
      <c r="L49" s="20">
        <v>1.0800015000000001</v>
      </c>
      <c r="M49" s="20">
        <v>7.9977369000000006E-2</v>
      </c>
      <c r="N49" s="20">
        <v>0.52899805</v>
      </c>
      <c r="O49" s="20">
        <v>0.56550056999999998</v>
      </c>
      <c r="P49" s="20">
        <v>1.0503431000000001E-3</v>
      </c>
      <c r="Q49" s="20">
        <f t="shared" si="0"/>
        <v>1.1755263320999998</v>
      </c>
      <c r="R49" s="20">
        <v>3.1606448</v>
      </c>
      <c r="S49" s="20">
        <v>2.1510939999999999E-2</v>
      </c>
      <c r="T49" s="20">
        <v>8.3976167000000008E-3</v>
      </c>
      <c r="U49" s="20">
        <v>0.13066674</v>
      </c>
      <c r="V49" s="20">
        <v>0.36354985000000001</v>
      </c>
      <c r="X49" s="20">
        <f t="shared" si="1"/>
        <v>0.50296084941618002</v>
      </c>
    </row>
    <row r="50" spans="2:24">
      <c r="B50" s="23">
        <v>0.47792824073985685</v>
      </c>
      <c r="C50" s="20">
        <v>1.0891253999999999</v>
      </c>
      <c r="D50" s="20">
        <v>5.4745786999999998E-5</v>
      </c>
      <c r="E50" s="20">
        <v>2.8479692000000001E-2</v>
      </c>
      <c r="F50" s="20">
        <v>0</v>
      </c>
      <c r="G50" s="20">
        <v>-4.3400356999999997E-3</v>
      </c>
      <c r="H50" s="20">
        <v>0</v>
      </c>
      <c r="I50" s="20">
        <v>0</v>
      </c>
      <c r="J50" s="20">
        <v>0</v>
      </c>
      <c r="K50" s="20">
        <v>1.7711655000000001E-3</v>
      </c>
      <c r="L50" s="20">
        <v>1.0970363000000001</v>
      </c>
      <c r="M50" s="20">
        <v>0.23275799</v>
      </c>
      <c r="N50" s="20">
        <v>0.41878922000000002</v>
      </c>
      <c r="O50" s="20">
        <v>0.49457359000000001</v>
      </c>
      <c r="P50" s="20">
        <v>1.0501123E-4</v>
      </c>
      <c r="Q50" s="20">
        <f t="shared" si="0"/>
        <v>1.1462258112300001</v>
      </c>
      <c r="R50" s="20">
        <v>3.2757014999999998</v>
      </c>
      <c r="S50" s="20">
        <v>2.8534437999999999E-2</v>
      </c>
      <c r="T50" s="20">
        <v>0</v>
      </c>
      <c r="U50" s="20">
        <v>0.12482511</v>
      </c>
      <c r="V50" s="20">
        <v>0.3246193</v>
      </c>
      <c r="X50" s="20">
        <f t="shared" si="1"/>
        <v>0.44978309875168171</v>
      </c>
    </row>
    <row r="51" spans="2:24">
      <c r="B51" s="23">
        <v>0.47846064814802958</v>
      </c>
      <c r="C51" s="20">
        <v>1.1449281</v>
      </c>
      <c r="D51" s="20">
        <v>0.14886018000000001</v>
      </c>
      <c r="E51" s="20">
        <v>3.4727793E-2</v>
      </c>
      <c r="F51" s="20">
        <v>0</v>
      </c>
      <c r="G51" s="20">
        <v>-3.1749263999999999E-2</v>
      </c>
      <c r="H51" s="20">
        <v>0</v>
      </c>
      <c r="I51" s="20">
        <v>0</v>
      </c>
      <c r="J51" s="20">
        <v>0</v>
      </c>
      <c r="K51" s="20">
        <v>2.9019344999999998E-3</v>
      </c>
      <c r="L51" s="20">
        <v>1.1619330000000001</v>
      </c>
      <c r="M51" s="20">
        <v>0.23847750000000001</v>
      </c>
      <c r="N51" s="20">
        <v>0.19791669000000001</v>
      </c>
      <c r="O51" s="20">
        <v>0.54751183000000003</v>
      </c>
      <c r="P51" s="20">
        <v>2.6428679E-2</v>
      </c>
      <c r="Q51" s="20">
        <f t="shared" si="0"/>
        <v>1.0103346989999999</v>
      </c>
      <c r="R51" s="20">
        <v>3.4608856000000001</v>
      </c>
      <c r="S51" s="20">
        <v>0.18358796999999999</v>
      </c>
      <c r="T51" s="20">
        <v>0</v>
      </c>
      <c r="U51" s="20">
        <v>0.12738926</v>
      </c>
      <c r="V51" s="20">
        <v>0.32534278999999999</v>
      </c>
      <c r="X51" s="20">
        <f t="shared" si="1"/>
        <v>0.45309760244125002</v>
      </c>
    </row>
    <row r="52" spans="2:24">
      <c r="B52" s="23">
        <v>0.47895833333313931</v>
      </c>
      <c r="C52" s="20">
        <v>1.1055893000000001</v>
      </c>
      <c r="D52" s="20">
        <v>0.15715580000000001</v>
      </c>
      <c r="E52" s="20">
        <v>3.0975795E-2</v>
      </c>
      <c r="F52" s="20">
        <v>0</v>
      </c>
      <c r="G52" s="20">
        <v>-3.1475075999999998E-2</v>
      </c>
      <c r="H52" s="20">
        <v>0</v>
      </c>
      <c r="I52" s="20">
        <v>0</v>
      </c>
      <c r="J52" s="20">
        <v>0</v>
      </c>
      <c r="K52" s="20">
        <v>4.6362456999999996E-3</v>
      </c>
      <c r="L52" s="20">
        <v>1.2543082999999999</v>
      </c>
      <c r="M52" s="20">
        <v>0.20958918000000001</v>
      </c>
      <c r="N52" s="20">
        <v>0.54284515</v>
      </c>
      <c r="O52" s="20">
        <v>0.56187810000000005</v>
      </c>
      <c r="P52" s="20">
        <v>2.3871282000000001E-2</v>
      </c>
      <c r="Q52" s="20">
        <f t="shared" si="0"/>
        <v>1.3381837120000002</v>
      </c>
      <c r="R52" s="20">
        <v>3.6258013999999998</v>
      </c>
      <c r="S52" s="20">
        <v>0.18813158999999999</v>
      </c>
      <c r="T52" s="20">
        <v>0</v>
      </c>
      <c r="U52" s="20">
        <v>0.12280677</v>
      </c>
      <c r="V52" s="20">
        <v>0.32534278999999999</v>
      </c>
      <c r="X52" s="20">
        <f t="shared" si="1"/>
        <v>0.44855431056667</v>
      </c>
    </row>
    <row r="53" spans="2:24">
      <c r="B53" s="23">
        <v>0.47945601851824904</v>
      </c>
      <c r="C53" s="20">
        <v>1.0329781</v>
      </c>
      <c r="D53" s="20">
        <v>0.27271522999999998</v>
      </c>
      <c r="E53" s="20">
        <v>1.8426542000000001E-2</v>
      </c>
      <c r="F53" s="20">
        <v>0</v>
      </c>
      <c r="G53" s="20">
        <v>-5.0755006999999998E-2</v>
      </c>
      <c r="H53" s="20">
        <v>0</v>
      </c>
      <c r="I53" s="20">
        <v>0</v>
      </c>
      <c r="J53" s="20">
        <v>0</v>
      </c>
      <c r="K53" s="20">
        <v>0</v>
      </c>
      <c r="L53" s="20">
        <v>1.3962451</v>
      </c>
      <c r="M53" s="20">
        <v>4.6657744000000001E-2</v>
      </c>
      <c r="N53" s="20">
        <v>0.54314572000000005</v>
      </c>
      <c r="O53" s="20">
        <v>0.67343461999999998</v>
      </c>
      <c r="P53" s="20">
        <v>2.1467244E-2</v>
      </c>
      <c r="Q53" s="20">
        <f t="shared" si="0"/>
        <v>1.2847053280000003</v>
      </c>
      <c r="R53" s="20">
        <v>3.9218139000000001</v>
      </c>
      <c r="S53" s="20">
        <v>0.29114177000000002</v>
      </c>
      <c r="T53" s="20">
        <v>0</v>
      </c>
      <c r="U53" s="20">
        <v>0.12320059999999999</v>
      </c>
      <c r="V53" s="20">
        <v>0.40013141000000002</v>
      </c>
      <c r="X53" s="20">
        <f t="shared" si="1"/>
        <v>0.52375655570630009</v>
      </c>
    </row>
    <row r="54" spans="2:24">
      <c r="B54" s="23">
        <v>0.47998842592642177</v>
      </c>
      <c r="C54" s="20">
        <v>0.89217429000000004</v>
      </c>
      <c r="D54" s="20">
        <v>0.15947961999999999</v>
      </c>
      <c r="E54" s="20">
        <v>2.3614725E-2</v>
      </c>
      <c r="F54" s="20">
        <v>0</v>
      </c>
      <c r="G54" s="20">
        <v>-3.2508440999999999E-2</v>
      </c>
      <c r="H54" s="20">
        <v>0</v>
      </c>
      <c r="I54" s="20">
        <v>0</v>
      </c>
      <c r="J54" s="20">
        <v>0</v>
      </c>
      <c r="K54" s="20">
        <v>0</v>
      </c>
      <c r="L54" s="20">
        <v>1.5872386000000001</v>
      </c>
      <c r="M54" s="20">
        <v>2.412332E-2</v>
      </c>
      <c r="N54" s="20">
        <v>0.43841635000000001</v>
      </c>
      <c r="O54" s="20">
        <v>0.75876818999999995</v>
      </c>
      <c r="P54" s="20">
        <v>0</v>
      </c>
      <c r="Q54" s="20">
        <f t="shared" si="0"/>
        <v>1.22130786</v>
      </c>
      <c r="R54" s="20">
        <v>4.0399533999999999</v>
      </c>
      <c r="S54" s="20">
        <v>0.18309434999999999</v>
      </c>
      <c r="T54" s="20">
        <v>7.2844475000000001E-3</v>
      </c>
      <c r="U54" s="20">
        <v>0.10321237</v>
      </c>
      <c r="V54" s="20">
        <v>0.28857159999999998</v>
      </c>
      <c r="X54" s="20">
        <f t="shared" si="1"/>
        <v>0.39947185760039999</v>
      </c>
    </row>
    <row r="55" spans="2:24">
      <c r="B55" s="23">
        <v>0.4804861111115315</v>
      </c>
      <c r="C55" s="20">
        <v>0.73300619</v>
      </c>
      <c r="D55" s="20">
        <v>0.15505229000000001</v>
      </c>
      <c r="E55" s="20">
        <v>3.8244031999999997E-2</v>
      </c>
      <c r="F55" s="20">
        <v>0</v>
      </c>
      <c r="G55" s="20">
        <v>-2.2661895000000001E-2</v>
      </c>
      <c r="H55" s="20">
        <v>0</v>
      </c>
      <c r="I55" s="20">
        <v>4.7872391999999997E-4</v>
      </c>
      <c r="J55" s="20">
        <v>0</v>
      </c>
      <c r="K55" s="20">
        <v>0</v>
      </c>
      <c r="L55" s="20">
        <v>1.8733533</v>
      </c>
      <c r="M55" s="20">
        <v>0</v>
      </c>
      <c r="N55" s="20">
        <v>0.1420643</v>
      </c>
      <c r="O55" s="20">
        <v>0.78682114000000003</v>
      </c>
      <c r="P55" s="20">
        <v>1.7282075000000001E-2</v>
      </c>
      <c r="Q55" s="20">
        <f t="shared" si="0"/>
        <v>0.94616751500000007</v>
      </c>
      <c r="R55" s="20">
        <v>4.1452777000000003</v>
      </c>
      <c r="S55" s="20">
        <v>0.19329632999999999</v>
      </c>
      <c r="T55" s="20">
        <v>0</v>
      </c>
      <c r="U55" s="20">
        <v>0.12123850999999999</v>
      </c>
      <c r="V55" s="20">
        <v>0.3246193</v>
      </c>
      <c r="X55" s="20">
        <f t="shared" si="1"/>
        <v>0.44624950364859201</v>
      </c>
    </row>
    <row r="56" spans="2:24">
      <c r="B56" s="23">
        <v>0.48098379629664123</v>
      </c>
      <c r="C56" s="20">
        <v>0.96865257000000005</v>
      </c>
      <c r="D56" s="20">
        <v>3.1359106999999997E-2</v>
      </c>
      <c r="E56" s="20">
        <v>4.6195007000000003E-2</v>
      </c>
      <c r="F56" s="20">
        <v>0</v>
      </c>
      <c r="G56" s="20">
        <v>-3.0601336E-2</v>
      </c>
      <c r="H56" s="20">
        <v>0</v>
      </c>
      <c r="I56" s="20">
        <v>2.1899799999999998E-3</v>
      </c>
      <c r="J56" s="20">
        <v>0</v>
      </c>
      <c r="K56" s="20">
        <v>0</v>
      </c>
      <c r="L56" s="20">
        <v>2.2355295000000002</v>
      </c>
      <c r="M56" s="20">
        <v>1.6205678000000001E-2</v>
      </c>
      <c r="N56" s="20">
        <v>0.33044464000000001</v>
      </c>
      <c r="O56" s="20">
        <v>0.78116549000000002</v>
      </c>
      <c r="P56" s="20">
        <v>2.1877155999999998E-2</v>
      </c>
      <c r="Q56" s="20">
        <f t="shared" si="0"/>
        <v>1.149692964</v>
      </c>
      <c r="R56" s="20">
        <v>4.6350660000000001</v>
      </c>
      <c r="S56" s="20">
        <v>7.7554112999999994E-2</v>
      </c>
      <c r="T56" s="20">
        <v>0</v>
      </c>
      <c r="U56" s="20">
        <v>0.12156746</v>
      </c>
      <c r="V56" s="20">
        <v>0.28793128000000001</v>
      </c>
      <c r="X56" s="20">
        <f t="shared" si="1"/>
        <v>0.40994679719050003</v>
      </c>
    </row>
    <row r="57" spans="2:24">
      <c r="B57" s="23">
        <v>0.48148148148175096</v>
      </c>
      <c r="C57" s="20">
        <v>1.1275979</v>
      </c>
      <c r="D57" s="20">
        <v>0</v>
      </c>
      <c r="E57" s="20">
        <v>3.2273310999999999E-2</v>
      </c>
      <c r="F57" s="20">
        <v>0</v>
      </c>
      <c r="G57" s="20">
        <v>-1.2686595E-2</v>
      </c>
      <c r="H57" s="20">
        <v>0</v>
      </c>
      <c r="I57" s="20">
        <v>0</v>
      </c>
      <c r="J57" s="20">
        <v>0</v>
      </c>
      <c r="K57" s="20">
        <v>0</v>
      </c>
      <c r="L57" s="20">
        <v>2.5309056999999999</v>
      </c>
      <c r="M57" s="20">
        <v>2.5105936999999998E-2</v>
      </c>
      <c r="N57" s="20">
        <v>0.58991342000000002</v>
      </c>
      <c r="O57" s="20">
        <v>0.87864070000000005</v>
      </c>
      <c r="P57" s="20">
        <v>1.5495782E-2</v>
      </c>
      <c r="Q57" s="20">
        <f t="shared" si="0"/>
        <v>1.5091558389999999</v>
      </c>
      <c r="R57" s="20">
        <v>5.0676559000000001</v>
      </c>
      <c r="S57" s="20">
        <v>3.2273310999999999E-2</v>
      </c>
      <c r="T57" s="20">
        <v>0</v>
      </c>
      <c r="U57" s="20">
        <v>0.13584504</v>
      </c>
      <c r="V57" s="20">
        <v>0.28857159999999998</v>
      </c>
      <c r="X57" s="20">
        <f t="shared" si="1"/>
        <v>0.4249385919466</v>
      </c>
    </row>
    <row r="58" spans="2:24">
      <c r="B58" s="23">
        <v>0.48197916666686069</v>
      </c>
      <c r="C58" s="20">
        <v>1.5152439</v>
      </c>
      <c r="D58" s="20">
        <v>4.6621748999999997E-2</v>
      </c>
      <c r="E58" s="20">
        <v>1.4556288000000001E-2</v>
      </c>
      <c r="F58" s="20">
        <v>0</v>
      </c>
      <c r="G58" s="20">
        <v>-2.527076E-2</v>
      </c>
      <c r="H58" s="20">
        <v>0</v>
      </c>
      <c r="I58" s="20">
        <v>0</v>
      </c>
      <c r="J58" s="20">
        <v>0</v>
      </c>
      <c r="K58" s="20">
        <v>0</v>
      </c>
      <c r="L58" s="20">
        <v>2.9248044000000002</v>
      </c>
      <c r="M58" s="20">
        <v>0.14930119</v>
      </c>
      <c r="N58" s="20">
        <v>0.75398949999999998</v>
      </c>
      <c r="O58" s="20">
        <v>0.87889114999999995</v>
      </c>
      <c r="P58" s="20">
        <v>0</v>
      </c>
      <c r="Q58" s="20">
        <f t="shared" si="0"/>
        <v>1.7821818399999998</v>
      </c>
      <c r="R58" s="20">
        <v>5.7058691000000001</v>
      </c>
      <c r="S58" s="20">
        <v>6.1178036999999998E-2</v>
      </c>
      <c r="T58" s="20">
        <v>0</v>
      </c>
      <c r="U58" s="20">
        <v>0.11757765000000001</v>
      </c>
      <c r="V58" s="20">
        <v>0.28793128000000001</v>
      </c>
      <c r="X58" s="20">
        <f t="shared" si="1"/>
        <v>0.40614086154539997</v>
      </c>
    </row>
    <row r="59" spans="2:24">
      <c r="B59" s="23">
        <v>0.48248842592875008</v>
      </c>
      <c r="C59" s="20">
        <v>1.4538513</v>
      </c>
      <c r="D59" s="20">
        <v>9.2204941999999998E-2</v>
      </c>
      <c r="E59" s="20">
        <v>2.0618208999999998E-2</v>
      </c>
      <c r="F59" s="20">
        <v>0</v>
      </c>
      <c r="G59" s="20">
        <v>-4.4595201000000001E-2</v>
      </c>
      <c r="H59" s="20">
        <v>0</v>
      </c>
      <c r="I59" s="20">
        <v>1.1378420999999999E-4</v>
      </c>
      <c r="J59" s="20">
        <v>0</v>
      </c>
      <c r="K59" s="20">
        <v>0</v>
      </c>
      <c r="L59" s="20">
        <v>3.133737</v>
      </c>
      <c r="M59" s="20">
        <v>0.22222723</v>
      </c>
      <c r="N59" s="20">
        <v>0.67410508000000002</v>
      </c>
      <c r="O59" s="20">
        <v>0.87413317999999995</v>
      </c>
      <c r="P59" s="20">
        <v>0</v>
      </c>
      <c r="Q59" s="20">
        <f t="shared" si="0"/>
        <v>1.7704654899999999</v>
      </c>
      <c r="R59" s="20">
        <v>5.9079052000000001</v>
      </c>
      <c r="S59" s="20">
        <v>0.11282315</v>
      </c>
      <c r="T59" s="20">
        <v>0</v>
      </c>
      <c r="U59" s="20">
        <v>0.10744291</v>
      </c>
      <c r="V59" s="20">
        <v>0.36395317999999999</v>
      </c>
      <c r="X59" s="20">
        <f t="shared" si="1"/>
        <v>0.47205001186742102</v>
      </c>
    </row>
    <row r="60" spans="2:24">
      <c r="B60" s="23">
        <v>0.48298611111385981</v>
      </c>
      <c r="C60" s="20">
        <v>1.4857397000000001</v>
      </c>
      <c r="D60" s="20">
        <v>0.19825566</v>
      </c>
      <c r="E60" s="20">
        <v>1.9891875E-2</v>
      </c>
      <c r="F60" s="20">
        <v>0</v>
      </c>
      <c r="G60" s="20">
        <v>-3.3361966999999999E-2</v>
      </c>
      <c r="H60" s="20">
        <v>0</v>
      </c>
      <c r="I60" s="20">
        <v>3.3882503999999999E-3</v>
      </c>
      <c r="J60" s="20">
        <v>0</v>
      </c>
      <c r="K60" s="20">
        <v>0</v>
      </c>
      <c r="L60" s="20">
        <v>3.3715834999999998</v>
      </c>
      <c r="M60" s="20">
        <v>0.31576157999999999</v>
      </c>
      <c r="N60" s="20">
        <v>0.47898522999999998</v>
      </c>
      <c r="O60" s="20">
        <v>0.71992233999999999</v>
      </c>
      <c r="P60" s="20">
        <v>0</v>
      </c>
      <c r="Q60" s="20">
        <f t="shared" si="0"/>
        <v>1.51466915</v>
      </c>
      <c r="R60" s="20">
        <v>6.0657357000000003</v>
      </c>
      <c r="S60" s="20">
        <v>0.21814754</v>
      </c>
      <c r="T60" s="20">
        <v>5.2118219999999996E-3</v>
      </c>
      <c r="U60" s="20">
        <v>0.10998281</v>
      </c>
      <c r="V60" s="20">
        <v>0.36314649999999998</v>
      </c>
      <c r="X60" s="20">
        <f t="shared" si="1"/>
        <v>0.47901896337083999</v>
      </c>
    </row>
    <row r="61" spans="2:24">
      <c r="B61" s="23">
        <v>0.48348379629896954</v>
      </c>
      <c r="C61" s="20">
        <v>1.3649792000000001</v>
      </c>
      <c r="D61" s="20">
        <v>8.1000344000000002E-2</v>
      </c>
      <c r="E61" s="20">
        <v>1.7831565000000001E-2</v>
      </c>
      <c r="F61" s="20">
        <v>0</v>
      </c>
      <c r="G61" s="20">
        <v>-1.2271104E-2</v>
      </c>
      <c r="H61" s="20">
        <v>0</v>
      </c>
      <c r="I61" s="20">
        <v>2.3371338000000002E-3</v>
      </c>
      <c r="J61" s="20">
        <v>0</v>
      </c>
      <c r="K61" s="20">
        <v>1.4409474000000001E-3</v>
      </c>
      <c r="L61" s="20">
        <v>3.4865230999999999</v>
      </c>
      <c r="M61" s="20">
        <v>0.19210358</v>
      </c>
      <c r="N61" s="20">
        <v>0.20965500000000001</v>
      </c>
      <c r="O61" s="20">
        <v>0.75933154000000003</v>
      </c>
      <c r="P61" s="20">
        <v>2.0863108999999999E-3</v>
      </c>
      <c r="Q61" s="20">
        <f t="shared" si="0"/>
        <v>1.1631764308999999</v>
      </c>
      <c r="R61" s="20">
        <v>5.9007003999999998</v>
      </c>
      <c r="S61" s="20">
        <v>9.8831907999999996E-2</v>
      </c>
      <c r="T61" s="20">
        <v>8.6449049E-3</v>
      </c>
      <c r="U61" s="20">
        <v>0.12543757</v>
      </c>
      <c r="V61" s="20">
        <v>0.47593373999999999</v>
      </c>
      <c r="X61" s="20">
        <f t="shared" si="1"/>
        <v>0.61063659985251006</v>
      </c>
    </row>
    <row r="62" spans="2:24">
      <c r="B62" s="23">
        <v>0.48398148148407927</v>
      </c>
      <c r="C62" s="20">
        <v>1.3783223</v>
      </c>
      <c r="D62" s="20">
        <v>6.3587389999999994E-2</v>
      </c>
      <c r="E62" s="20">
        <v>9.8636543E-3</v>
      </c>
      <c r="F62" s="20">
        <v>0</v>
      </c>
      <c r="G62" s="20">
        <v>-3.1225675000000001E-2</v>
      </c>
      <c r="H62" s="20">
        <v>0</v>
      </c>
      <c r="I62" s="20">
        <v>1.341086E-3</v>
      </c>
      <c r="J62" s="20">
        <v>0</v>
      </c>
      <c r="K62" s="20">
        <v>0</v>
      </c>
      <c r="L62" s="20">
        <v>3.6646293000000001</v>
      </c>
      <c r="M62" s="20">
        <v>0.22748425</v>
      </c>
      <c r="N62" s="20">
        <v>5.4115209999999997E-2</v>
      </c>
      <c r="O62" s="20">
        <v>0.74718620000000002</v>
      </c>
      <c r="P62" s="20">
        <v>2.4849630000000002E-3</v>
      </c>
      <c r="Q62" s="20">
        <f t="shared" si="0"/>
        <v>1.0312706229999999</v>
      </c>
      <c r="R62" s="20">
        <v>5.5994444999999997</v>
      </c>
      <c r="S62" s="20">
        <v>7.3451045000000006E-2</v>
      </c>
      <c r="T62" s="20">
        <v>0</v>
      </c>
      <c r="U62" s="20">
        <v>0.14058292</v>
      </c>
      <c r="V62" s="20">
        <v>0.3246193</v>
      </c>
      <c r="X62" s="20">
        <f t="shared" si="1"/>
        <v>0.46582134397232999</v>
      </c>
    </row>
    <row r="63" spans="2:24">
      <c r="B63" s="23">
        <v>0.484479166669189</v>
      </c>
      <c r="C63" s="20">
        <v>1.3407509</v>
      </c>
      <c r="D63" s="20">
        <v>0</v>
      </c>
      <c r="E63" s="20">
        <v>4.9162357000000004E-3</v>
      </c>
      <c r="F63" s="20">
        <v>0</v>
      </c>
      <c r="G63" s="20">
        <v>-1.9203789999999998E-2</v>
      </c>
      <c r="H63" s="20">
        <v>0</v>
      </c>
      <c r="I63" s="20">
        <v>1.9239725000000001E-3</v>
      </c>
      <c r="J63" s="20">
        <v>3.8010969000000001E-4</v>
      </c>
      <c r="K63" s="20">
        <v>0</v>
      </c>
      <c r="L63" s="20">
        <v>3.8038949</v>
      </c>
      <c r="M63" s="20">
        <v>0.39734163</v>
      </c>
      <c r="N63" s="20">
        <v>0</v>
      </c>
      <c r="O63" s="20">
        <v>0.75799415999999997</v>
      </c>
      <c r="P63" s="20">
        <v>4.9789266E-3</v>
      </c>
      <c r="Q63" s="20">
        <f t="shared" si="0"/>
        <v>1.1603147166000001</v>
      </c>
      <c r="R63" s="20">
        <v>5.2284930000000003</v>
      </c>
      <c r="S63" s="20">
        <v>4.9162357000000004E-3</v>
      </c>
      <c r="T63" s="20">
        <v>0</v>
      </c>
      <c r="U63" s="20">
        <v>0.12971948999999999</v>
      </c>
      <c r="V63" s="20">
        <v>0.24995162000000001</v>
      </c>
      <c r="X63" s="20">
        <f t="shared" si="1"/>
        <v>0.38030089932801897</v>
      </c>
    </row>
    <row r="64" spans="2:24">
      <c r="B64" s="23">
        <v>0.48498842592380242</v>
      </c>
      <c r="C64" s="20">
        <v>1.2667337999999999</v>
      </c>
      <c r="D64" s="20">
        <v>0</v>
      </c>
      <c r="E64" s="20">
        <v>1.0732953E-2</v>
      </c>
      <c r="F64" s="20">
        <v>0</v>
      </c>
      <c r="G64" s="20">
        <v>-5.9604499999999999E-3</v>
      </c>
      <c r="H64" s="20">
        <v>0</v>
      </c>
      <c r="I64" s="20">
        <v>0</v>
      </c>
      <c r="J64" s="20">
        <v>0</v>
      </c>
      <c r="K64" s="20">
        <v>0</v>
      </c>
      <c r="L64" s="20">
        <v>3.8339913000000001</v>
      </c>
      <c r="M64" s="20">
        <v>0.49932313</v>
      </c>
      <c r="N64" s="20">
        <v>5.1162802E-3</v>
      </c>
      <c r="O64" s="20">
        <v>0.72246281999999995</v>
      </c>
      <c r="P64" s="20">
        <v>6.6155904000000003E-3</v>
      </c>
      <c r="Q64" s="20">
        <f t="shared" si="0"/>
        <v>1.2335178205999999</v>
      </c>
      <c r="R64" s="20">
        <v>4.4217034999999996</v>
      </c>
      <c r="S64" s="20">
        <v>1.0732953E-2</v>
      </c>
      <c r="T64" s="20">
        <v>2.4713009000000001E-2</v>
      </c>
      <c r="U64" s="20">
        <v>0.12834961</v>
      </c>
      <c r="V64" s="20">
        <v>0.36233982999999997</v>
      </c>
      <c r="X64" s="20">
        <f t="shared" si="1"/>
        <v>0.51603742383765994</v>
      </c>
    </row>
    <row r="65" spans="2:24">
      <c r="B65" s="23">
        <v>0.48548611110891216</v>
      </c>
      <c r="C65" s="20">
        <v>1.2075659000000001</v>
      </c>
      <c r="D65" s="20">
        <v>0</v>
      </c>
      <c r="E65" s="20">
        <v>1.7783297999999999E-2</v>
      </c>
      <c r="F65" s="20">
        <v>0</v>
      </c>
      <c r="G65" s="20">
        <v>-2.1750901E-2</v>
      </c>
      <c r="H65" s="20">
        <v>0</v>
      </c>
      <c r="I65" s="20">
        <v>0</v>
      </c>
      <c r="J65" s="20">
        <v>0</v>
      </c>
      <c r="K65" s="20">
        <v>0</v>
      </c>
      <c r="L65" s="20">
        <v>3.7755768000000001</v>
      </c>
      <c r="M65" s="20">
        <v>0.62841555000000004</v>
      </c>
      <c r="N65" s="20">
        <v>3.6115880000000003E-2</v>
      </c>
      <c r="O65" s="20">
        <v>0.68821705</v>
      </c>
      <c r="P65" s="20">
        <v>4.4591350000000002E-2</v>
      </c>
      <c r="Q65" s="20">
        <f t="shared" si="0"/>
        <v>1.3973398299999999</v>
      </c>
      <c r="R65" s="20">
        <v>3.647875</v>
      </c>
      <c r="S65" s="20">
        <v>1.7783297999999999E-2</v>
      </c>
      <c r="T65" s="20">
        <v>8.3105253999999993E-3</v>
      </c>
      <c r="U65" s="20">
        <v>0.12695872</v>
      </c>
      <c r="V65" s="20">
        <v>0.28761112999999999</v>
      </c>
      <c r="X65" s="20">
        <f t="shared" si="1"/>
        <v>0.42351980522249999</v>
      </c>
    </row>
    <row r="66" spans="2:24">
      <c r="B66" s="23">
        <v>0.48598379629402189</v>
      </c>
      <c r="C66" s="20">
        <v>1.1323741000000001</v>
      </c>
      <c r="D66" s="20">
        <v>1.2881592000000001E-2</v>
      </c>
      <c r="E66" s="20">
        <v>2.7722314000000001E-2</v>
      </c>
      <c r="F66" s="20">
        <v>0</v>
      </c>
      <c r="G66" s="20">
        <v>-1.8495411E-2</v>
      </c>
      <c r="H66" s="20">
        <v>0</v>
      </c>
      <c r="I66" s="20">
        <v>0</v>
      </c>
      <c r="J66" s="20">
        <v>0</v>
      </c>
      <c r="K66" s="20">
        <v>0</v>
      </c>
      <c r="L66" s="20">
        <v>3.6295077</v>
      </c>
      <c r="M66" s="20">
        <v>0.53573044000000003</v>
      </c>
      <c r="N66" s="20">
        <v>0.10684966</v>
      </c>
      <c r="O66" s="20">
        <v>0.60308879000000004</v>
      </c>
      <c r="P66" s="20">
        <v>8.5146552E-2</v>
      </c>
      <c r="Q66" s="20">
        <f t="shared" si="0"/>
        <v>1.3308154420000002</v>
      </c>
      <c r="R66" s="20">
        <v>2.8355337999999999</v>
      </c>
      <c r="S66" s="20">
        <v>4.0603906000000002E-2</v>
      </c>
      <c r="T66" s="20">
        <v>8.3515551999999993E-3</v>
      </c>
      <c r="U66" s="20">
        <v>0.14171713</v>
      </c>
      <c r="V66" s="20">
        <v>0.28857159999999998</v>
      </c>
      <c r="X66" s="20">
        <f t="shared" si="1"/>
        <v>0.43925582616429998</v>
      </c>
    </row>
    <row r="67" spans="2:24">
      <c r="B67" s="23">
        <v>0.48648148147913162</v>
      </c>
      <c r="C67" s="20">
        <v>1.2652696000000001</v>
      </c>
      <c r="D67" s="20">
        <v>1.074643E-2</v>
      </c>
      <c r="E67" s="20">
        <v>5.1966408999999998E-2</v>
      </c>
      <c r="F67" s="20">
        <v>0</v>
      </c>
      <c r="G67" s="20">
        <v>-1.3827977999999999E-2</v>
      </c>
      <c r="H67" s="20">
        <v>0</v>
      </c>
      <c r="I67" s="20">
        <v>0</v>
      </c>
      <c r="J67" s="20">
        <v>0</v>
      </c>
      <c r="K67" s="20">
        <v>0</v>
      </c>
      <c r="L67" s="20">
        <v>3.3118987999999998</v>
      </c>
      <c r="M67" s="20">
        <v>0.56787275000000004</v>
      </c>
      <c r="N67" s="20">
        <v>0.13875019</v>
      </c>
      <c r="O67" s="20">
        <v>0.52005228999999997</v>
      </c>
      <c r="P67" s="20">
        <v>8.6303062999999999E-2</v>
      </c>
      <c r="Q67" s="20">
        <f t="shared" si="0"/>
        <v>1.312978293</v>
      </c>
      <c r="R67" s="20">
        <v>2.4287564000000001</v>
      </c>
      <c r="S67" s="20">
        <v>6.2712839000000006E-2</v>
      </c>
      <c r="T67" s="20">
        <v>0</v>
      </c>
      <c r="U67" s="20">
        <v>0.13091423999999999</v>
      </c>
      <c r="V67" s="20">
        <v>0.54835531000000004</v>
      </c>
      <c r="X67" s="20">
        <f t="shared" si="1"/>
        <v>0.67986972443930005</v>
      </c>
    </row>
    <row r="68" spans="2:24">
      <c r="B68" s="23">
        <v>0.48697916666424135</v>
      </c>
      <c r="C68" s="20">
        <v>1.1622182999999999</v>
      </c>
      <c r="D68" s="20">
        <v>5.0676244000000002E-2</v>
      </c>
      <c r="E68" s="20">
        <v>4.0896900999999999E-2</v>
      </c>
      <c r="F68" s="20">
        <v>0</v>
      </c>
      <c r="G68" s="20">
        <v>6.3005554000000004E-3</v>
      </c>
      <c r="H68" s="20">
        <v>0</v>
      </c>
      <c r="I68" s="20">
        <v>1.8186697E-3</v>
      </c>
      <c r="J68" s="20">
        <v>1.2112002E-3</v>
      </c>
      <c r="K68" s="20">
        <v>1.5507739E-3</v>
      </c>
      <c r="L68" s="20">
        <v>3.0606768999999998</v>
      </c>
      <c r="M68" s="20">
        <v>0.30715682</v>
      </c>
      <c r="N68" s="20">
        <v>0.11942729000000001</v>
      </c>
      <c r="O68" s="20">
        <v>0.52463196000000001</v>
      </c>
      <c r="P68" s="20">
        <v>4.2223346000000002E-2</v>
      </c>
      <c r="Q68" s="20">
        <f t="shared" si="0"/>
        <v>0.99343941600000008</v>
      </c>
      <c r="R68" s="20">
        <v>2.0427455000000001</v>
      </c>
      <c r="S68" s="20">
        <v>9.1573144999999995E-2</v>
      </c>
      <c r="T68" s="20">
        <v>3.2020465999999997E-2</v>
      </c>
      <c r="U68" s="20">
        <v>0.12731748000000001</v>
      </c>
      <c r="V68" s="20">
        <v>0.35991979000000002</v>
      </c>
      <c r="X68" s="20">
        <f t="shared" si="1"/>
        <v>0.51979877221052007</v>
      </c>
    </row>
    <row r="69" spans="2:24">
      <c r="B69" s="23">
        <v>0.48748842592613073</v>
      </c>
      <c r="C69" s="20">
        <v>0.96268560999999997</v>
      </c>
      <c r="D69" s="20">
        <v>0</v>
      </c>
      <c r="E69" s="20">
        <v>5.8897103999999999E-2</v>
      </c>
      <c r="F69" s="20">
        <v>5.3452978E-3</v>
      </c>
      <c r="G69" s="20">
        <v>2.3245867E-2</v>
      </c>
      <c r="H69" s="20">
        <v>0</v>
      </c>
      <c r="I69" s="20">
        <v>3.6927868E-4</v>
      </c>
      <c r="J69" s="20">
        <v>0</v>
      </c>
      <c r="K69" s="20">
        <v>8.0941564000000001E-3</v>
      </c>
      <c r="L69" s="20">
        <v>2.6342292</v>
      </c>
      <c r="M69" s="20">
        <v>0.17735122</v>
      </c>
      <c r="N69" s="20">
        <v>3.8258978999999999E-2</v>
      </c>
      <c r="O69" s="20">
        <v>0.51127626000000004</v>
      </c>
      <c r="P69" s="20">
        <v>3.0908944E-3</v>
      </c>
      <c r="Q69" s="20">
        <f t="shared" si="0"/>
        <v>0.72997735340000003</v>
      </c>
      <c r="R69" s="20">
        <v>1.677082</v>
      </c>
      <c r="S69" s="20">
        <v>5.8897103999999999E-2</v>
      </c>
      <c r="T69" s="20">
        <v>2.5081444000000001E-2</v>
      </c>
      <c r="U69" s="20">
        <v>0.11902716000000001</v>
      </c>
      <c r="V69" s="20">
        <v>0.36354985000000001</v>
      </c>
      <c r="X69" s="20">
        <f t="shared" si="1"/>
        <v>0.50810662809712803</v>
      </c>
    </row>
    <row r="70" spans="2:24">
      <c r="B70" s="23">
        <v>0.48798611111124046</v>
      </c>
      <c r="C70" s="20">
        <v>0.48239314</v>
      </c>
      <c r="D70" s="20">
        <v>5.9267535000000003E-2</v>
      </c>
      <c r="E70" s="20">
        <v>3.6643012000000003E-2</v>
      </c>
      <c r="F70" s="20">
        <v>0</v>
      </c>
      <c r="G70" s="20">
        <v>-7.0140147999999999E-2</v>
      </c>
      <c r="H70" s="20">
        <v>0</v>
      </c>
      <c r="I70" s="20">
        <v>1.4645966000000001E-3</v>
      </c>
      <c r="J70" s="20">
        <v>0</v>
      </c>
      <c r="K70" s="20">
        <v>9.7007512999999993E-3</v>
      </c>
      <c r="L70" s="20">
        <v>2.3056584</v>
      </c>
      <c r="M70" s="20">
        <v>6.7662282000000004E-2</v>
      </c>
      <c r="N70" s="20">
        <v>3.4305148000000001E-2</v>
      </c>
      <c r="O70" s="20">
        <v>0.41912004000000003</v>
      </c>
      <c r="P70" s="20">
        <v>4.8582228999999998E-2</v>
      </c>
      <c r="Q70" s="20">
        <f t="shared" si="0"/>
        <v>0.56966969899999997</v>
      </c>
      <c r="R70" s="20">
        <v>1.6801694</v>
      </c>
      <c r="S70" s="20">
        <v>9.5910546999999999E-2</v>
      </c>
      <c r="T70" s="20">
        <v>2.5263001E-2</v>
      </c>
      <c r="U70" s="20">
        <v>0.12952419000000001</v>
      </c>
      <c r="V70" s="20">
        <v>0.21260219</v>
      </c>
      <c r="X70" s="20">
        <f t="shared" si="1"/>
        <v>0.36773843775329002</v>
      </c>
    </row>
    <row r="71" spans="2:24">
      <c r="B71" s="23">
        <v>0.48848379629635019</v>
      </c>
      <c r="C71" s="20">
        <v>0.28872241999999998</v>
      </c>
      <c r="D71" s="20">
        <v>1.4082720999999999E-2</v>
      </c>
      <c r="E71" s="20">
        <v>3.5027629999999997E-2</v>
      </c>
      <c r="F71" s="20">
        <v>0</v>
      </c>
      <c r="G71" s="20">
        <v>-1.8497030000000001E-3</v>
      </c>
      <c r="H71" s="20">
        <v>0</v>
      </c>
      <c r="I71" s="20">
        <v>0</v>
      </c>
      <c r="J71" s="20">
        <v>0</v>
      </c>
      <c r="K71" s="20">
        <v>3.4118162999999999E-3</v>
      </c>
      <c r="L71" s="20">
        <v>1.8279519</v>
      </c>
      <c r="M71" s="20">
        <v>0.18508430000000001</v>
      </c>
      <c r="N71" s="20">
        <v>6.4295451000000003E-2</v>
      </c>
      <c r="O71" s="20">
        <v>0.21839367000000001</v>
      </c>
      <c r="P71" s="20">
        <v>4.6594182999999997E-2</v>
      </c>
      <c r="Q71" s="20">
        <f t="shared" si="0"/>
        <v>0.51436760400000003</v>
      </c>
      <c r="R71" s="20">
        <v>1.059898</v>
      </c>
      <c r="S71" s="20">
        <v>4.9110350999999997E-2</v>
      </c>
      <c r="T71" s="20">
        <v>2.4869173000000001E-2</v>
      </c>
      <c r="U71" s="20">
        <v>0.12558925000000001</v>
      </c>
      <c r="V71" s="20">
        <v>0.36314649999999998</v>
      </c>
      <c r="X71" s="20">
        <f t="shared" si="1"/>
        <v>0.51387800547392992</v>
      </c>
    </row>
    <row r="72" spans="2:24">
      <c r="B72" s="23">
        <v>0.48898148148145992</v>
      </c>
      <c r="C72" s="20">
        <v>0.36392186999999998</v>
      </c>
      <c r="D72" s="20">
        <v>0.13947897000000001</v>
      </c>
      <c r="E72" s="20">
        <v>9.9049740000000004E-3</v>
      </c>
      <c r="F72" s="20">
        <v>0</v>
      </c>
      <c r="G72" s="20">
        <v>-1.8785205999999999E-2</v>
      </c>
      <c r="H72" s="20">
        <v>0</v>
      </c>
      <c r="I72" s="20">
        <v>9.4564151000000006E-3</v>
      </c>
      <c r="J72" s="20">
        <v>0</v>
      </c>
      <c r="K72" s="20">
        <v>2.9010337000000001E-3</v>
      </c>
      <c r="L72" s="20">
        <v>1.4371934</v>
      </c>
      <c r="M72" s="20">
        <v>0.14654558000000001</v>
      </c>
      <c r="N72" s="20">
        <v>6.4449662000000005E-2</v>
      </c>
      <c r="O72" s="20">
        <v>0.16053153000000001</v>
      </c>
      <c r="P72" s="20">
        <v>4.0576075000000003E-2</v>
      </c>
      <c r="Q72" s="20">
        <f t="shared" ref="Q72:Q135" si="2">M72+N72+O72+P72</f>
        <v>0.41210284700000005</v>
      </c>
      <c r="R72" s="20">
        <v>0.78758289000000004</v>
      </c>
      <c r="S72" s="20">
        <v>0.14938393999999999</v>
      </c>
      <c r="T72" s="20">
        <v>1.8438187000000002E-2</v>
      </c>
      <c r="U72" s="20">
        <v>0.13066717999999999</v>
      </c>
      <c r="V72" s="20">
        <v>0.28825142999999998</v>
      </c>
      <c r="X72" s="20">
        <f t="shared" ref="X72:X135" si="3">(SUM(C72:S72)-Q72-R72)/10000+SUM(T72:V72)</f>
        <v>0.43760735282437996</v>
      </c>
    </row>
    <row r="73" spans="2:24">
      <c r="B73" s="23">
        <v>0.48947916666656965</v>
      </c>
      <c r="C73" s="20">
        <v>0.47664915000000002</v>
      </c>
      <c r="D73" s="20">
        <v>0.19041564999999999</v>
      </c>
      <c r="E73" s="20">
        <v>1.8040862000000001E-2</v>
      </c>
      <c r="F73" s="20">
        <v>0</v>
      </c>
      <c r="G73" s="20">
        <v>-4.6571900000000003E-3</v>
      </c>
      <c r="H73" s="20">
        <v>0</v>
      </c>
      <c r="I73" s="20">
        <v>1.0752179000000001E-2</v>
      </c>
      <c r="J73" s="20">
        <v>0</v>
      </c>
      <c r="K73" s="20">
        <v>4.8408692000000003E-3</v>
      </c>
      <c r="L73" s="20">
        <v>1.0610402999999999</v>
      </c>
      <c r="M73" s="20">
        <v>0.13085585999999999</v>
      </c>
      <c r="N73" s="20">
        <v>5.5753724999999997E-2</v>
      </c>
      <c r="O73" s="20">
        <v>0.20767954999999999</v>
      </c>
      <c r="P73" s="20">
        <v>1.3254846000000001E-2</v>
      </c>
      <c r="Q73" s="20">
        <f t="shared" si="2"/>
        <v>0.40754398099999994</v>
      </c>
      <c r="R73" s="20">
        <v>0.1957236</v>
      </c>
      <c r="S73" s="20">
        <v>0.20845652000000001</v>
      </c>
      <c r="T73" s="20">
        <v>0</v>
      </c>
      <c r="U73" s="20">
        <v>0.14103242999999999</v>
      </c>
      <c r="V73" s="20">
        <v>0.17524065999999999</v>
      </c>
      <c r="X73" s="20">
        <f t="shared" si="3"/>
        <v>0.31651039823211996</v>
      </c>
    </row>
    <row r="74" spans="2:24">
      <c r="B74" s="23">
        <v>0.48998842592845904</v>
      </c>
      <c r="C74" s="20">
        <v>0.55638306000000004</v>
      </c>
      <c r="D74" s="20">
        <v>0.17631240000000001</v>
      </c>
      <c r="E74" s="20">
        <v>3.0580607999999999E-2</v>
      </c>
      <c r="F74" s="20">
        <v>0</v>
      </c>
      <c r="G74" s="20">
        <v>-3.4139899000000001E-2</v>
      </c>
      <c r="H74" s="20">
        <v>0</v>
      </c>
      <c r="I74" s="20">
        <v>1.0631069999999999E-2</v>
      </c>
      <c r="J74" s="20">
        <v>0</v>
      </c>
      <c r="K74" s="20">
        <v>0</v>
      </c>
      <c r="L74" s="20">
        <v>0.77274659999999995</v>
      </c>
      <c r="M74" s="20">
        <v>3.3605555E-3</v>
      </c>
      <c r="N74" s="20">
        <v>1.0037938E-2</v>
      </c>
      <c r="O74" s="20">
        <v>0.19824422999999999</v>
      </c>
      <c r="P74" s="20">
        <v>2.1648780999999999E-2</v>
      </c>
      <c r="Q74" s="20">
        <f t="shared" si="2"/>
        <v>0.2332915045</v>
      </c>
      <c r="R74" s="20">
        <v>0.36474111999999997</v>
      </c>
      <c r="S74" s="20">
        <v>0.20689300999999999</v>
      </c>
      <c r="T74" s="20">
        <v>0</v>
      </c>
      <c r="U74" s="20">
        <v>0.15921916999999999</v>
      </c>
      <c r="V74" s="20">
        <v>0.28793128000000001</v>
      </c>
      <c r="X74" s="20">
        <f t="shared" si="3"/>
        <v>0.44734571983534999</v>
      </c>
    </row>
    <row r="75" spans="2:24">
      <c r="B75" s="23">
        <v>0.49048611111356877</v>
      </c>
      <c r="C75" s="20">
        <v>0.35709552</v>
      </c>
      <c r="D75" s="20">
        <v>5.1912178000000003E-2</v>
      </c>
      <c r="E75" s="20">
        <v>5.6309658999999998E-2</v>
      </c>
      <c r="F75" s="20">
        <v>0</v>
      </c>
      <c r="G75" s="20">
        <v>-2.7214927E-2</v>
      </c>
      <c r="H75" s="20">
        <v>0</v>
      </c>
      <c r="I75" s="20">
        <v>1.1687817000000001E-3</v>
      </c>
      <c r="J75" s="20">
        <v>0</v>
      </c>
      <c r="K75" s="20">
        <v>0</v>
      </c>
      <c r="L75" s="20">
        <v>0.55676592999999996</v>
      </c>
      <c r="M75" s="20">
        <v>4.8146637999999997E-3</v>
      </c>
      <c r="N75" s="20">
        <v>4.1497128000000001E-2</v>
      </c>
      <c r="O75" s="20">
        <v>9.7737512999999998E-2</v>
      </c>
      <c r="P75" s="20">
        <v>2.2328889000000001E-2</v>
      </c>
      <c r="Q75" s="20">
        <f t="shared" si="2"/>
        <v>0.16637819379999999</v>
      </c>
      <c r="R75" s="20">
        <v>0.26421057999999997</v>
      </c>
      <c r="S75" s="20">
        <v>0.10822184</v>
      </c>
      <c r="T75" s="20">
        <v>0</v>
      </c>
      <c r="U75" s="20">
        <v>0.16183990000000001</v>
      </c>
      <c r="V75" s="20">
        <v>0.36193649999999999</v>
      </c>
      <c r="X75" s="20">
        <f t="shared" si="3"/>
        <v>0.52390346371755003</v>
      </c>
    </row>
    <row r="76" spans="2:24">
      <c r="B76" s="23">
        <v>0.4909837962986785</v>
      </c>
      <c r="C76" s="20">
        <v>0.4078367</v>
      </c>
      <c r="D76" s="20">
        <v>0</v>
      </c>
      <c r="E76" s="20">
        <v>6.4661675000000002E-2</v>
      </c>
      <c r="F76" s="20">
        <v>0</v>
      </c>
      <c r="G76" s="20">
        <v>-1.4624203000000001E-2</v>
      </c>
      <c r="H76" s="20">
        <v>0</v>
      </c>
      <c r="I76" s="20">
        <v>4.5671328000000001E-3</v>
      </c>
      <c r="J76" s="20">
        <v>0</v>
      </c>
      <c r="K76" s="20">
        <v>0</v>
      </c>
      <c r="L76" s="20">
        <v>0.39632255999999999</v>
      </c>
      <c r="M76" s="20">
        <v>0</v>
      </c>
      <c r="N76" s="20">
        <v>9.8412767999999998E-2</v>
      </c>
      <c r="O76" s="20">
        <v>9.6501912999999995E-2</v>
      </c>
      <c r="P76" s="20">
        <v>1.0634645E-2</v>
      </c>
      <c r="Q76" s="20">
        <f t="shared" si="2"/>
        <v>0.20554932599999998</v>
      </c>
      <c r="R76" s="20">
        <v>0.17151528999999999</v>
      </c>
      <c r="S76" s="20">
        <v>6.4661675000000002E-2</v>
      </c>
      <c r="T76" s="20">
        <v>0</v>
      </c>
      <c r="U76" s="20">
        <v>0.16780758000000001</v>
      </c>
      <c r="V76" s="20">
        <v>0.28889175</v>
      </c>
      <c r="X76" s="20">
        <f t="shared" si="3"/>
        <v>0.45681222748658001</v>
      </c>
    </row>
    <row r="77" spans="2:24">
      <c r="B77" s="23">
        <v>0.49148148148378823</v>
      </c>
      <c r="C77" s="20">
        <v>0.50263106000000002</v>
      </c>
      <c r="D77" s="20">
        <v>0</v>
      </c>
      <c r="E77" s="20">
        <v>6.5495719999999993E-2</v>
      </c>
      <c r="F77" s="20">
        <v>0</v>
      </c>
      <c r="G77" s="20">
        <v>-3.4227345999999999E-2</v>
      </c>
      <c r="H77" s="20">
        <v>0</v>
      </c>
      <c r="I77" s="20">
        <v>1.8164665E-2</v>
      </c>
      <c r="J77" s="20">
        <v>0</v>
      </c>
      <c r="K77" s="20">
        <v>0</v>
      </c>
      <c r="L77" s="20">
        <v>0.22703936999999999</v>
      </c>
      <c r="M77" s="20">
        <v>0</v>
      </c>
      <c r="N77" s="20">
        <v>0.1028374</v>
      </c>
      <c r="O77" s="20">
        <v>0.14117688</v>
      </c>
      <c r="P77" s="20">
        <v>8.0515813000000006E-2</v>
      </c>
      <c r="Q77" s="20">
        <f t="shared" si="2"/>
        <v>0.32453009300000002</v>
      </c>
      <c r="R77" s="20">
        <v>0.13632514000000001</v>
      </c>
      <c r="S77" s="20">
        <v>6.5495719999999993E-2</v>
      </c>
      <c r="T77" s="20">
        <v>0</v>
      </c>
      <c r="U77" s="20">
        <v>0.17335422</v>
      </c>
      <c r="V77" s="20">
        <v>0.47065351</v>
      </c>
      <c r="X77" s="20">
        <f t="shared" si="3"/>
        <v>0.64412464292820004</v>
      </c>
    </row>
    <row r="78" spans="2:24">
      <c r="B78" s="23">
        <v>0.49197916666889796</v>
      </c>
      <c r="C78" s="20">
        <v>0.48139173000000002</v>
      </c>
      <c r="D78" s="20">
        <v>0</v>
      </c>
      <c r="E78" s="20">
        <v>4.2036792000000003E-2</v>
      </c>
      <c r="F78" s="20">
        <v>0</v>
      </c>
      <c r="G78" s="20">
        <v>-4.8149285999999999E-2</v>
      </c>
      <c r="H78" s="20">
        <v>0</v>
      </c>
      <c r="I78" s="20">
        <v>2.2388014000000001E-2</v>
      </c>
      <c r="J78" s="20">
        <v>0</v>
      </c>
      <c r="K78" s="20">
        <v>0</v>
      </c>
      <c r="L78" s="20">
        <v>0.11163584</v>
      </c>
      <c r="M78" s="20">
        <v>5.2884662999999998E-2</v>
      </c>
      <c r="N78" s="20">
        <v>0.26139125000000002</v>
      </c>
      <c r="O78" s="20">
        <v>0.19549074999999999</v>
      </c>
      <c r="P78" s="20">
        <v>0.12006643</v>
      </c>
      <c r="Q78" s="20">
        <f t="shared" si="2"/>
        <v>0.62983309300000001</v>
      </c>
      <c r="R78" s="20">
        <v>0.35537868</v>
      </c>
      <c r="S78" s="20">
        <v>4.2036792000000003E-2</v>
      </c>
      <c r="T78" s="20">
        <v>0</v>
      </c>
      <c r="U78" s="20">
        <v>0.18691013000000001</v>
      </c>
      <c r="V78" s="20">
        <v>0.21307602</v>
      </c>
      <c r="X78" s="20">
        <f t="shared" si="3"/>
        <v>0.40011426729750005</v>
      </c>
    </row>
    <row r="79" spans="2:24">
      <c r="B79" s="23">
        <v>0.49248842592351139</v>
      </c>
      <c r="C79" s="20">
        <v>0.67135385000000003</v>
      </c>
      <c r="D79" s="20">
        <v>0</v>
      </c>
      <c r="E79" s="20">
        <v>3.5359900999999999E-2</v>
      </c>
      <c r="F79" s="20">
        <v>0</v>
      </c>
      <c r="G79" s="20">
        <v>-7.0086437E-3</v>
      </c>
      <c r="H79" s="20">
        <v>0</v>
      </c>
      <c r="I79" s="20">
        <v>1.5632647999999999E-2</v>
      </c>
      <c r="J79" s="20">
        <v>0</v>
      </c>
      <c r="K79" s="20">
        <v>0</v>
      </c>
      <c r="L79" s="20">
        <v>9.7355367000000002E-3</v>
      </c>
      <c r="M79" s="20">
        <v>0.10556587000000001</v>
      </c>
      <c r="N79" s="20">
        <v>0.16354648999999999</v>
      </c>
      <c r="O79" s="20">
        <v>0.19272046000000001</v>
      </c>
      <c r="P79" s="20">
        <v>0.19166386999999999</v>
      </c>
      <c r="Q79" s="20">
        <f t="shared" si="2"/>
        <v>0.65349668999999999</v>
      </c>
      <c r="R79" s="20">
        <v>0.42134272</v>
      </c>
      <c r="S79" s="20">
        <v>3.5359900999999999E-2</v>
      </c>
      <c r="T79" s="20">
        <v>0</v>
      </c>
      <c r="U79" s="20">
        <v>0.17823675999999999</v>
      </c>
      <c r="V79" s="20">
        <v>0.32570453999999999</v>
      </c>
      <c r="X79" s="20">
        <f t="shared" si="3"/>
        <v>0.50408269298829989</v>
      </c>
    </row>
    <row r="80" spans="2:24">
      <c r="B80" s="23">
        <v>0.49298611110862112</v>
      </c>
      <c r="C80" s="20">
        <v>0.61594554999999995</v>
      </c>
      <c r="D80" s="20">
        <v>6.569883E-2</v>
      </c>
      <c r="E80" s="20">
        <v>4.054468E-2</v>
      </c>
      <c r="F80" s="20">
        <v>0</v>
      </c>
      <c r="G80" s="20">
        <v>-3.6113271000000002E-2</v>
      </c>
      <c r="H80" s="20">
        <v>0</v>
      </c>
      <c r="I80" s="20">
        <v>2.6768297000000002E-3</v>
      </c>
      <c r="J80" s="20">
        <v>0</v>
      </c>
      <c r="K80" s="20">
        <v>0</v>
      </c>
      <c r="L80" s="20">
        <v>7.4931566000000002E-3</v>
      </c>
      <c r="M80" s="20">
        <v>0.11345005</v>
      </c>
      <c r="N80" s="20">
        <v>0.1588059</v>
      </c>
      <c r="O80" s="20">
        <v>0.24594611999999999</v>
      </c>
      <c r="P80" s="20">
        <v>0.13535057</v>
      </c>
      <c r="Q80" s="20">
        <f t="shared" si="2"/>
        <v>0.65355264000000002</v>
      </c>
      <c r="R80" s="20">
        <v>0.25448155</v>
      </c>
      <c r="S80" s="20">
        <v>0.10624351</v>
      </c>
      <c r="T80" s="20">
        <v>0</v>
      </c>
      <c r="U80" s="20">
        <v>0.17378152999999999</v>
      </c>
      <c r="V80" s="20">
        <v>0.21354987</v>
      </c>
      <c r="X80" s="20">
        <f t="shared" si="3"/>
        <v>0.38747700419253001</v>
      </c>
    </row>
    <row r="81" spans="2:24">
      <c r="B81" s="23">
        <v>0.49348379629373085</v>
      </c>
      <c r="C81" s="20">
        <v>0.91971016999999999</v>
      </c>
      <c r="D81" s="20">
        <v>0.11991806000000001</v>
      </c>
      <c r="E81" s="20">
        <v>5.4742034000000002E-2</v>
      </c>
      <c r="F81" s="20">
        <v>0</v>
      </c>
      <c r="G81" s="20">
        <v>-4.1289562000000002E-2</v>
      </c>
      <c r="H81" s="20">
        <v>0</v>
      </c>
      <c r="I81" s="20">
        <v>0</v>
      </c>
      <c r="J81" s="20">
        <v>0</v>
      </c>
      <c r="K81" s="20">
        <v>1.8890659E-3</v>
      </c>
      <c r="L81" s="20">
        <v>6.2490484999999998E-3</v>
      </c>
      <c r="M81" s="20">
        <v>8.3379288999999995E-2</v>
      </c>
      <c r="N81" s="20">
        <v>0</v>
      </c>
      <c r="O81" s="20">
        <v>0.19722633000000001</v>
      </c>
      <c r="P81" s="20">
        <v>0.12384595</v>
      </c>
      <c r="Q81" s="20">
        <f t="shared" si="2"/>
        <v>0.40445156900000001</v>
      </c>
      <c r="R81" s="20">
        <v>1.8731484999999999E-2</v>
      </c>
      <c r="S81" s="20">
        <v>0.17466010000000001</v>
      </c>
      <c r="T81" s="20">
        <v>0</v>
      </c>
      <c r="U81" s="20">
        <v>0.15941886999999999</v>
      </c>
      <c r="V81" s="20">
        <v>0.32534278999999999</v>
      </c>
      <c r="X81" s="20">
        <f t="shared" si="3"/>
        <v>0.48492569304854</v>
      </c>
    </row>
    <row r="82" spans="2:24">
      <c r="B82" s="23">
        <v>0.49398148147884058</v>
      </c>
      <c r="C82" s="20">
        <v>0.86982594999999996</v>
      </c>
      <c r="D82" s="20">
        <v>0.33778659</v>
      </c>
      <c r="E82" s="20">
        <v>4.5646596999999997E-2</v>
      </c>
      <c r="F82" s="20">
        <v>0</v>
      </c>
      <c r="G82" s="20">
        <v>-4.3463845000000001E-2</v>
      </c>
      <c r="H82" s="20">
        <v>0</v>
      </c>
      <c r="I82" s="20">
        <v>7.6598775000000002E-4</v>
      </c>
      <c r="J82" s="20">
        <v>0</v>
      </c>
      <c r="K82" s="20">
        <v>0</v>
      </c>
      <c r="L82" s="20">
        <v>6.824498E-3</v>
      </c>
      <c r="M82" s="20">
        <v>3.3894037000000002E-2</v>
      </c>
      <c r="N82" s="20">
        <v>0</v>
      </c>
      <c r="O82" s="20">
        <v>0.10750694</v>
      </c>
      <c r="P82" s="20">
        <v>4.1280298999999999E-2</v>
      </c>
      <c r="Q82" s="20">
        <f t="shared" si="2"/>
        <v>0.18268127599999998</v>
      </c>
      <c r="R82" s="20">
        <v>0.17481018000000001</v>
      </c>
      <c r="S82" s="20">
        <v>0.38343318999999998</v>
      </c>
      <c r="T82" s="20">
        <v>0</v>
      </c>
      <c r="U82" s="20">
        <v>0.15377073999999999</v>
      </c>
      <c r="V82" s="20">
        <v>0.32570453999999999</v>
      </c>
      <c r="X82" s="20">
        <f t="shared" si="3"/>
        <v>0.47965363002437494</v>
      </c>
    </row>
    <row r="83" spans="2:24">
      <c r="B83" s="23">
        <v>0.49447916666395031</v>
      </c>
      <c r="C83" s="20">
        <v>1.0898283</v>
      </c>
      <c r="D83" s="20">
        <v>0.35335675999999999</v>
      </c>
      <c r="E83" s="20">
        <v>3.1152240000000001E-2</v>
      </c>
      <c r="F83" s="20">
        <v>0</v>
      </c>
      <c r="G83" s="20">
        <v>-5.0233341000000001E-2</v>
      </c>
      <c r="H83" s="20">
        <v>0</v>
      </c>
      <c r="I83" s="20">
        <v>8.6444360000000001E-3</v>
      </c>
      <c r="J83" s="20">
        <v>2.1890529999999998E-3</v>
      </c>
      <c r="K83" s="20">
        <v>0</v>
      </c>
      <c r="L83" s="20">
        <v>7.2294107999999998E-3</v>
      </c>
      <c r="M83" s="20">
        <v>3.3017895999999998E-2</v>
      </c>
      <c r="N83" s="20">
        <v>0</v>
      </c>
      <c r="O83" s="20">
        <v>1.6713789999999999E-2</v>
      </c>
      <c r="P83" s="20">
        <v>0.13000373000000001</v>
      </c>
      <c r="Q83" s="20">
        <f t="shared" si="2"/>
        <v>0.17973541600000001</v>
      </c>
      <c r="R83" s="20">
        <v>0.19290400999999999</v>
      </c>
      <c r="S83" s="20">
        <v>0.38450899999999999</v>
      </c>
      <c r="T83" s="20">
        <v>0</v>
      </c>
      <c r="U83" s="20">
        <v>0.14893659000000001</v>
      </c>
      <c r="V83" s="20">
        <v>0.36314649999999998</v>
      </c>
      <c r="X83" s="20">
        <f t="shared" si="3"/>
        <v>0.51228373112747994</v>
      </c>
    </row>
    <row r="84" spans="2:24">
      <c r="B84" s="23">
        <v>0.49498842592583969</v>
      </c>
      <c r="C84" s="20">
        <v>1.1848753999999999</v>
      </c>
      <c r="D84" s="20">
        <v>0.32798426000000003</v>
      </c>
      <c r="E84" s="20">
        <v>1.6406418999999998E-2</v>
      </c>
      <c r="F84" s="20">
        <v>0</v>
      </c>
      <c r="G84" s="20">
        <v>-1.6980221E-2</v>
      </c>
      <c r="H84" s="20">
        <v>0</v>
      </c>
      <c r="I84" s="20">
        <v>1.9699118000000002E-2</v>
      </c>
      <c r="J84" s="20">
        <v>0</v>
      </c>
      <c r="K84" s="20">
        <v>0</v>
      </c>
      <c r="L84" s="20">
        <v>9.5385395999999997E-3</v>
      </c>
      <c r="M84" s="20">
        <v>3.2260122000000002E-2</v>
      </c>
      <c r="N84" s="20">
        <v>0</v>
      </c>
      <c r="O84" s="20">
        <v>1.450738E-2</v>
      </c>
      <c r="P84" s="20">
        <v>0.10699781999999999</v>
      </c>
      <c r="Q84" s="20">
        <f t="shared" si="2"/>
        <v>0.15376532199999998</v>
      </c>
      <c r="R84" s="20">
        <v>0.41149312999999998</v>
      </c>
      <c r="S84" s="20">
        <v>0.34439068</v>
      </c>
      <c r="T84" s="20">
        <v>0</v>
      </c>
      <c r="U84" s="20">
        <v>0.16174548</v>
      </c>
      <c r="V84" s="20">
        <v>0.32606631000000003</v>
      </c>
      <c r="X84" s="20">
        <f t="shared" si="3"/>
        <v>0.48801575795176</v>
      </c>
    </row>
    <row r="85" spans="2:24">
      <c r="B85" s="23">
        <v>0.49548611111094942</v>
      </c>
      <c r="C85" s="20">
        <v>1.3039114000000001</v>
      </c>
      <c r="D85" s="20">
        <v>9.2302037000000003E-2</v>
      </c>
      <c r="E85" s="20">
        <v>3.2627511999999997E-2</v>
      </c>
      <c r="F85" s="20">
        <v>0</v>
      </c>
      <c r="G85" s="20">
        <v>-3.4585744000000002E-2</v>
      </c>
      <c r="H85" s="20">
        <v>0</v>
      </c>
      <c r="I85" s="20">
        <v>2.5451138000000002E-2</v>
      </c>
      <c r="J85" s="20">
        <v>0</v>
      </c>
      <c r="K85" s="20">
        <v>0</v>
      </c>
      <c r="L85" s="20">
        <v>1.1465022E-2</v>
      </c>
      <c r="M85" s="20">
        <v>1.9098232999999999E-2</v>
      </c>
      <c r="N85" s="20">
        <v>5.4460133000000001E-2</v>
      </c>
      <c r="O85" s="20">
        <v>2.9882209999999999E-2</v>
      </c>
      <c r="P85" s="20">
        <v>0.11012273</v>
      </c>
      <c r="Q85" s="20">
        <f t="shared" si="2"/>
        <v>0.21356330600000001</v>
      </c>
      <c r="R85" s="20">
        <v>0.19439477999999999</v>
      </c>
      <c r="S85" s="20">
        <v>0.12492955</v>
      </c>
      <c r="T85" s="20">
        <v>0</v>
      </c>
      <c r="U85" s="20">
        <v>0.18725438</v>
      </c>
      <c r="V85" s="20">
        <v>0.28761112999999999</v>
      </c>
      <c r="X85" s="20">
        <f t="shared" si="3"/>
        <v>0.47504247642210001</v>
      </c>
    </row>
    <row r="86" spans="2:24">
      <c r="B86" s="23">
        <v>0.49598379629605915</v>
      </c>
      <c r="C86" s="20">
        <v>1.3051353999999999</v>
      </c>
      <c r="D86" s="20">
        <v>0</v>
      </c>
      <c r="E86" s="20">
        <v>4.0498004999999997E-2</v>
      </c>
      <c r="F86" s="20">
        <v>0</v>
      </c>
      <c r="G86" s="20">
        <v>-7.3521820000000002E-2</v>
      </c>
      <c r="H86" s="20">
        <v>0</v>
      </c>
      <c r="I86" s="20">
        <v>2.0463063E-2</v>
      </c>
      <c r="J86" s="20">
        <v>0</v>
      </c>
      <c r="K86" s="20">
        <v>0</v>
      </c>
      <c r="L86" s="20">
        <v>3.8263605999999999E-2</v>
      </c>
      <c r="M86" s="20">
        <v>1.7095941E-2</v>
      </c>
      <c r="N86" s="20">
        <v>5.6788854999999999E-2</v>
      </c>
      <c r="O86" s="20">
        <v>5.5855581000000001E-2</v>
      </c>
      <c r="P86" s="20">
        <v>5.7724719000000002E-3</v>
      </c>
      <c r="Q86" s="20">
        <f t="shared" si="2"/>
        <v>0.13551284890000001</v>
      </c>
      <c r="R86" s="20">
        <v>0.20841330999999999</v>
      </c>
      <c r="S86" s="20">
        <v>4.0498004999999997E-2</v>
      </c>
      <c r="T86" s="20">
        <v>3.7390967000000002E-3</v>
      </c>
      <c r="U86" s="20">
        <v>0.18708027999999999</v>
      </c>
      <c r="V86" s="20">
        <v>0.40102125</v>
      </c>
      <c r="X86" s="20">
        <f t="shared" si="3"/>
        <v>0.59199131161078999</v>
      </c>
    </row>
    <row r="87" spans="2:24">
      <c r="B87" s="23">
        <v>0.49651620370423188</v>
      </c>
      <c r="C87" s="20">
        <v>1.4380907000000001</v>
      </c>
      <c r="D87" s="20">
        <v>0</v>
      </c>
      <c r="E87" s="20">
        <v>6.2980237999999994E-2</v>
      </c>
      <c r="F87" s="20">
        <v>0</v>
      </c>
      <c r="G87" s="20">
        <v>-3.0998850000000001E-2</v>
      </c>
      <c r="H87" s="20">
        <v>0</v>
      </c>
      <c r="I87" s="20">
        <v>2.0004469E-2</v>
      </c>
      <c r="J87" s="20">
        <v>0</v>
      </c>
      <c r="K87" s="20">
        <v>0</v>
      </c>
      <c r="L87" s="20">
        <v>2.3080257999999999E-2</v>
      </c>
      <c r="M87" s="20">
        <v>0</v>
      </c>
      <c r="N87" s="20">
        <v>5.7681521999999999E-2</v>
      </c>
      <c r="O87" s="20">
        <v>8.7539627999999994E-2</v>
      </c>
      <c r="P87" s="20">
        <v>0</v>
      </c>
      <c r="Q87" s="20">
        <f t="shared" si="2"/>
        <v>0.14522114999999999</v>
      </c>
      <c r="R87" s="20">
        <v>0</v>
      </c>
      <c r="S87" s="20">
        <v>6.2980237999999994E-2</v>
      </c>
      <c r="T87" s="20">
        <v>0</v>
      </c>
      <c r="U87" s="20">
        <v>0.20430045999999999</v>
      </c>
      <c r="V87" s="20">
        <v>0.28729097999999997</v>
      </c>
      <c r="X87" s="20">
        <f t="shared" si="3"/>
        <v>0.4917635758203</v>
      </c>
    </row>
    <row r="88" spans="2:24">
      <c r="B88" s="23">
        <v>0.49701388888934162</v>
      </c>
      <c r="C88" s="20">
        <v>1.4998108000000001</v>
      </c>
      <c r="D88" s="20">
        <v>2.8476746000000001E-2</v>
      </c>
      <c r="E88" s="20">
        <v>3.7742100000000001E-2</v>
      </c>
      <c r="F88" s="20">
        <v>0</v>
      </c>
      <c r="G88" s="20">
        <v>1.8701033999999998E-2</v>
      </c>
      <c r="H88" s="20">
        <v>0</v>
      </c>
      <c r="I88" s="20">
        <v>1.9465041999999998E-2</v>
      </c>
      <c r="J88" s="20">
        <v>0</v>
      </c>
      <c r="K88" s="20">
        <v>0</v>
      </c>
      <c r="L88" s="20">
        <v>1.4553055000000001E-2</v>
      </c>
      <c r="M88" s="20">
        <v>0</v>
      </c>
      <c r="N88" s="20">
        <v>1.0694646E-2</v>
      </c>
      <c r="O88" s="20">
        <v>0.11024723</v>
      </c>
      <c r="P88" s="20">
        <v>8.9441269999999996E-3</v>
      </c>
      <c r="Q88" s="20">
        <f t="shared" si="2"/>
        <v>0.129886003</v>
      </c>
      <c r="R88" s="20">
        <v>0</v>
      </c>
      <c r="S88" s="20">
        <v>6.6218845999999998E-2</v>
      </c>
      <c r="T88" s="20">
        <v>0</v>
      </c>
      <c r="U88" s="20">
        <v>0.18725193000000001</v>
      </c>
      <c r="V88" s="20">
        <v>0.25050869999999997</v>
      </c>
      <c r="X88" s="20">
        <f t="shared" si="3"/>
        <v>0.43794211536259997</v>
      </c>
    </row>
    <row r="89" spans="2:24">
      <c r="B89" s="23">
        <v>0.49751157407445135</v>
      </c>
      <c r="C89" s="20">
        <v>1.5837114999999999</v>
      </c>
      <c r="D89" s="20">
        <v>1.8088314000000001E-2</v>
      </c>
      <c r="E89" s="20">
        <v>4.1985730999999998E-2</v>
      </c>
      <c r="F89" s="20">
        <v>0</v>
      </c>
      <c r="G89" s="20">
        <v>-9.6554911E-3</v>
      </c>
      <c r="H89" s="20">
        <v>0</v>
      </c>
      <c r="I89" s="20">
        <v>2.5037099E-2</v>
      </c>
      <c r="J89" s="20">
        <v>0</v>
      </c>
      <c r="K89" s="20">
        <v>0</v>
      </c>
      <c r="L89" s="20">
        <v>0</v>
      </c>
      <c r="M89" s="20">
        <v>0</v>
      </c>
      <c r="N89" s="20">
        <v>1.8592556E-3</v>
      </c>
      <c r="O89" s="20">
        <v>9.8531682999999995E-2</v>
      </c>
      <c r="P89" s="20">
        <v>4.3729834000000002E-2</v>
      </c>
      <c r="Q89" s="20">
        <f t="shared" si="2"/>
        <v>0.1441207726</v>
      </c>
      <c r="R89" s="20">
        <v>0</v>
      </c>
      <c r="S89" s="20">
        <v>6.0074045E-2</v>
      </c>
      <c r="T89" s="20">
        <v>0</v>
      </c>
      <c r="U89" s="20">
        <v>0.19535760999999999</v>
      </c>
      <c r="V89" s="20">
        <v>0.36354985000000001</v>
      </c>
      <c r="X89" s="20">
        <f t="shared" si="3"/>
        <v>0.55909379619705002</v>
      </c>
    </row>
    <row r="90" spans="2:24">
      <c r="B90" s="23">
        <v>0.49804398148262408</v>
      </c>
      <c r="C90" s="20">
        <v>1.6652226000000001</v>
      </c>
      <c r="D90" s="20">
        <v>3.3471238E-2</v>
      </c>
      <c r="E90" s="20">
        <v>2.4116578999999999E-2</v>
      </c>
      <c r="F90" s="20">
        <v>0</v>
      </c>
      <c r="G90" s="20">
        <v>-2.7609671999999998E-2</v>
      </c>
      <c r="H90" s="20">
        <v>0</v>
      </c>
      <c r="I90" s="20">
        <v>2.0874482999999999E-2</v>
      </c>
      <c r="J90" s="20">
        <v>0</v>
      </c>
      <c r="K90" s="20">
        <v>0</v>
      </c>
      <c r="L90" s="20">
        <v>0</v>
      </c>
      <c r="M90" s="20">
        <v>0</v>
      </c>
      <c r="N90" s="20">
        <v>0</v>
      </c>
      <c r="O90" s="20">
        <v>0.10106237999999999</v>
      </c>
      <c r="P90" s="20">
        <v>5.4391522999999997E-2</v>
      </c>
      <c r="Q90" s="20">
        <f t="shared" si="2"/>
        <v>0.155453903</v>
      </c>
      <c r="R90" s="20">
        <v>0</v>
      </c>
      <c r="S90" s="20">
        <v>5.7587816999999999E-2</v>
      </c>
      <c r="T90" s="20">
        <v>0</v>
      </c>
      <c r="U90" s="20">
        <v>0.18408996999999999</v>
      </c>
      <c r="V90" s="20">
        <v>0.24967306</v>
      </c>
      <c r="X90" s="20">
        <f t="shared" si="3"/>
        <v>0.43395594169480001</v>
      </c>
    </row>
    <row r="91" spans="2:24">
      <c r="B91" s="23">
        <v>0.49854166666773381</v>
      </c>
      <c r="C91" s="20">
        <v>1.6471001999999999</v>
      </c>
      <c r="D91" s="20">
        <v>3.8969446999999997E-2</v>
      </c>
      <c r="E91" s="20">
        <v>4.0781481000000001E-2</v>
      </c>
      <c r="F91" s="20">
        <v>0</v>
      </c>
      <c r="G91" s="20">
        <v>-2.1554574E-2</v>
      </c>
      <c r="H91" s="20">
        <v>0</v>
      </c>
      <c r="I91" s="20">
        <v>2.1995219999999999E-2</v>
      </c>
      <c r="J91" s="20">
        <v>0</v>
      </c>
      <c r="K91" s="20">
        <v>0</v>
      </c>
      <c r="L91" s="20">
        <v>0</v>
      </c>
      <c r="M91" s="20">
        <v>2.8261594000000001E-3</v>
      </c>
      <c r="N91" s="20">
        <v>3.7329805000000001E-2</v>
      </c>
      <c r="O91" s="20">
        <v>6.1676971999999997E-2</v>
      </c>
      <c r="P91" s="20">
        <v>4.1361343000000002E-2</v>
      </c>
      <c r="Q91" s="20">
        <f t="shared" si="2"/>
        <v>0.14319427939999999</v>
      </c>
      <c r="R91" s="20">
        <v>0</v>
      </c>
      <c r="S91" s="20">
        <v>7.9750927999999999E-2</v>
      </c>
      <c r="T91" s="20">
        <v>0</v>
      </c>
      <c r="U91" s="20">
        <v>0.20662042999999999</v>
      </c>
      <c r="V91" s="20">
        <v>0.32425753000000002</v>
      </c>
      <c r="X91" s="20">
        <f t="shared" si="3"/>
        <v>0.53107298369813993</v>
      </c>
    </row>
    <row r="92" spans="2:24">
      <c r="B92" s="23">
        <v>0.49905092592234723</v>
      </c>
      <c r="C92" s="20">
        <v>1.916671</v>
      </c>
      <c r="D92" s="20">
        <v>0.17151557000000001</v>
      </c>
      <c r="E92" s="20">
        <v>2.7692954999999998E-2</v>
      </c>
      <c r="F92" s="20">
        <v>0</v>
      </c>
      <c r="G92" s="20">
        <v>-4.0487852999999997E-2</v>
      </c>
      <c r="H92" s="20">
        <v>0</v>
      </c>
      <c r="I92" s="20">
        <v>1.8690577999999999E-2</v>
      </c>
      <c r="J92" s="20">
        <v>0</v>
      </c>
      <c r="K92" s="20">
        <v>6.8095647E-4</v>
      </c>
      <c r="L92" s="20">
        <v>0</v>
      </c>
      <c r="M92" s="20">
        <v>7.3002917999999998E-3</v>
      </c>
      <c r="N92" s="20">
        <v>6.4807040999999996E-2</v>
      </c>
      <c r="O92" s="20">
        <v>4.2682149000000003E-2</v>
      </c>
      <c r="P92" s="20">
        <v>1.8349346999999998E-2</v>
      </c>
      <c r="Q92" s="20">
        <f t="shared" si="2"/>
        <v>0.1331388288</v>
      </c>
      <c r="R92" s="20">
        <v>8.6430985999999994E-3</v>
      </c>
      <c r="S92" s="20">
        <v>0.19920852999999999</v>
      </c>
      <c r="T92" s="20">
        <v>0</v>
      </c>
      <c r="U92" s="20">
        <v>0.22264178000000001</v>
      </c>
      <c r="V92" s="20">
        <v>0.24995162000000001</v>
      </c>
      <c r="X92" s="20">
        <f t="shared" si="3"/>
        <v>0.47283611105652706</v>
      </c>
    </row>
    <row r="93" spans="2:24">
      <c r="B93" s="23">
        <v>0.49954861111473292</v>
      </c>
      <c r="C93" s="20">
        <v>2.0353864000000002</v>
      </c>
      <c r="D93" s="20">
        <v>7.4452105000000005E-2</v>
      </c>
      <c r="E93" s="20">
        <v>3.2081770000000003E-2</v>
      </c>
      <c r="F93" s="20">
        <v>0</v>
      </c>
      <c r="G93" s="20">
        <v>-2.2390556999999998E-2</v>
      </c>
      <c r="H93" s="20">
        <v>0</v>
      </c>
      <c r="I93" s="20">
        <v>2.2982075000000001E-2</v>
      </c>
      <c r="J93" s="20">
        <v>0</v>
      </c>
      <c r="K93" s="20">
        <v>0</v>
      </c>
      <c r="L93" s="20">
        <v>0</v>
      </c>
      <c r="M93" s="20">
        <v>5.123051E-3</v>
      </c>
      <c r="N93" s="20">
        <v>6.0066221000000003E-2</v>
      </c>
      <c r="O93" s="20">
        <v>2.7455627999999999E-2</v>
      </c>
      <c r="P93" s="20">
        <v>1.3707433E-2</v>
      </c>
      <c r="Q93" s="20">
        <f t="shared" si="2"/>
        <v>0.10635233300000001</v>
      </c>
      <c r="R93" s="20">
        <v>9.6393722000000001E-2</v>
      </c>
      <c r="S93" s="20">
        <v>0.10653388</v>
      </c>
      <c r="T93" s="20">
        <v>2.3062872000000002E-2</v>
      </c>
      <c r="U93" s="20">
        <v>0.22212257999999999</v>
      </c>
      <c r="V93" s="20">
        <v>0.3246193</v>
      </c>
      <c r="X93" s="20">
        <f t="shared" si="3"/>
        <v>0.57004029180060001</v>
      </c>
    </row>
    <row r="94" spans="2:24">
      <c r="B94" s="23">
        <v>0.50979166666365927</v>
      </c>
      <c r="C94" s="20">
        <v>8.0712382999999992</v>
      </c>
      <c r="D94" s="20">
        <v>0</v>
      </c>
      <c r="E94" s="20">
        <v>1.1633638E-3</v>
      </c>
      <c r="F94" s="20">
        <v>0</v>
      </c>
      <c r="G94" s="20">
        <v>-5.4379288999999997E-2</v>
      </c>
      <c r="H94" s="20">
        <v>0</v>
      </c>
      <c r="I94" s="20">
        <v>0</v>
      </c>
      <c r="J94" s="20">
        <v>0</v>
      </c>
      <c r="K94" s="20">
        <v>1.2787048000000001E-2</v>
      </c>
      <c r="L94" s="20">
        <v>0.14708955000000001</v>
      </c>
      <c r="M94" s="20">
        <v>2.679606E-2</v>
      </c>
      <c r="N94" s="20">
        <v>1.5070972E-2</v>
      </c>
      <c r="O94" s="20">
        <v>3.9923249000000001E-3</v>
      </c>
      <c r="P94" s="20">
        <v>5.7247938999999998E-2</v>
      </c>
      <c r="Q94" s="20">
        <f t="shared" si="2"/>
        <v>0.10310729589999999</v>
      </c>
      <c r="R94" s="20">
        <v>0.31740548000000002</v>
      </c>
      <c r="S94" s="20">
        <v>1.1633638E-3</v>
      </c>
      <c r="T94" s="20">
        <v>4.1589299000000003E-3</v>
      </c>
      <c r="U94" s="20">
        <v>0.39194477</v>
      </c>
      <c r="V94" s="20">
        <v>0.24995162000000001</v>
      </c>
      <c r="X94" s="20">
        <f t="shared" si="3"/>
        <v>0.64688353686324995</v>
      </c>
    </row>
    <row r="95" spans="2:24">
      <c r="B95" s="23">
        <v>0.510289351848769</v>
      </c>
      <c r="C95" s="20">
        <v>30.062173999999999</v>
      </c>
      <c r="D95" s="20">
        <v>1.9502249</v>
      </c>
      <c r="E95" s="20">
        <v>3.9100317999999998E-3</v>
      </c>
      <c r="F95" s="20">
        <v>0</v>
      </c>
      <c r="G95" s="20">
        <v>-8.7276788999999994E-2</v>
      </c>
      <c r="H95" s="20">
        <v>0</v>
      </c>
      <c r="I95" s="20">
        <v>5.1450727999999999E-3</v>
      </c>
      <c r="J95" s="20">
        <v>0</v>
      </c>
      <c r="K95" s="20">
        <v>1.1822286E-2</v>
      </c>
      <c r="L95" s="20">
        <v>0.27103187000000001</v>
      </c>
      <c r="M95" s="20">
        <v>1.9524821000000001E-2</v>
      </c>
      <c r="N95" s="20">
        <v>0</v>
      </c>
      <c r="O95" s="20">
        <v>0.37407941</v>
      </c>
      <c r="P95" s="20">
        <v>3.6433457000000002E-2</v>
      </c>
      <c r="Q95" s="20">
        <f t="shared" si="2"/>
        <v>0.43003768800000003</v>
      </c>
      <c r="R95" s="20">
        <v>0.97731815</v>
      </c>
      <c r="S95" s="20">
        <v>1.9541348999999999</v>
      </c>
      <c r="T95" s="20">
        <v>4.8064967000000002E-3</v>
      </c>
      <c r="U95" s="20">
        <v>0.40498028000000003</v>
      </c>
      <c r="V95" s="20">
        <v>0.32570453999999999</v>
      </c>
      <c r="X95" s="20">
        <f t="shared" si="3"/>
        <v>0.73895143709596001</v>
      </c>
    </row>
    <row r="96" spans="2:24">
      <c r="B96" s="23">
        <v>0.51079861111065838</v>
      </c>
      <c r="C96" s="20">
        <v>38.097718</v>
      </c>
      <c r="D96" s="20">
        <v>3.9098261000000001</v>
      </c>
      <c r="E96" s="20">
        <v>1.9737454E-3</v>
      </c>
      <c r="F96" s="20">
        <v>0</v>
      </c>
      <c r="G96" s="20">
        <v>-4.5952660999999999E-2</v>
      </c>
      <c r="H96" s="20">
        <v>0</v>
      </c>
      <c r="I96" s="20">
        <v>1.3686955000000001E-2</v>
      </c>
      <c r="J96" s="20">
        <v>0</v>
      </c>
      <c r="K96" s="20">
        <v>2.3707767000000001E-2</v>
      </c>
      <c r="L96" s="20">
        <v>0.23719944000000001</v>
      </c>
      <c r="M96" s="20">
        <v>2.3966999999999999E-2</v>
      </c>
      <c r="N96" s="20">
        <v>0</v>
      </c>
      <c r="O96" s="20">
        <v>0.50433459000000003</v>
      </c>
      <c r="P96" s="20">
        <v>3.2727636999999997E-2</v>
      </c>
      <c r="Q96" s="20">
        <f t="shared" si="2"/>
        <v>0.56102922700000002</v>
      </c>
      <c r="R96" s="20">
        <v>1.1233754</v>
      </c>
      <c r="S96" s="20">
        <v>3.9117997999999998</v>
      </c>
      <c r="T96" s="20">
        <v>1.2741417E-2</v>
      </c>
      <c r="U96" s="20">
        <v>0.40647893000000002</v>
      </c>
      <c r="V96" s="20">
        <v>4.0784143999999998</v>
      </c>
      <c r="X96" s="20">
        <f t="shared" si="3"/>
        <v>4.5023058458373395</v>
      </c>
    </row>
    <row r="97" spans="2:24">
      <c r="B97" s="23">
        <v>0.51129629629576812</v>
      </c>
      <c r="C97" s="20">
        <v>38.936655999999999</v>
      </c>
      <c r="D97" s="20">
        <v>4.1644597000000001</v>
      </c>
      <c r="E97" s="20">
        <v>2.1521235999999999E-2</v>
      </c>
      <c r="F97" s="20">
        <v>0</v>
      </c>
      <c r="G97" s="20">
        <v>-1.7428203E-2</v>
      </c>
      <c r="H97" s="20">
        <v>0</v>
      </c>
      <c r="I97" s="20">
        <v>2.3784079999999999E-2</v>
      </c>
      <c r="J97" s="20">
        <v>0</v>
      </c>
      <c r="K97" s="20">
        <v>2.3007228000000001E-2</v>
      </c>
      <c r="L97" s="20">
        <v>0.17809955999999999</v>
      </c>
      <c r="M97" s="20">
        <v>7.0942899000000004E-2</v>
      </c>
      <c r="N97" s="20">
        <v>0</v>
      </c>
      <c r="O97" s="20">
        <v>0.51844018000000003</v>
      </c>
      <c r="P97" s="20">
        <v>1.5083025999999999E-2</v>
      </c>
      <c r="Q97" s="20">
        <f t="shared" si="2"/>
        <v>0.60446610500000009</v>
      </c>
      <c r="R97" s="20">
        <v>1.0779856000000001</v>
      </c>
      <c r="S97" s="20">
        <v>4.1859808999999997</v>
      </c>
      <c r="T97" s="20">
        <v>3.9885760999999999E-2</v>
      </c>
      <c r="U97" s="20">
        <v>0.38940448</v>
      </c>
      <c r="V97" s="20">
        <v>11.366144999999999</v>
      </c>
      <c r="X97" s="20">
        <f t="shared" si="3"/>
        <v>11.800247295660601</v>
      </c>
    </row>
    <row r="98" spans="2:24">
      <c r="B98" s="23">
        <v>0.51179398148087785</v>
      </c>
      <c r="C98" s="20">
        <v>15.6189</v>
      </c>
      <c r="D98" s="20">
        <v>2.3111085999999998</v>
      </c>
      <c r="E98" s="20">
        <v>4.8955305999999997E-2</v>
      </c>
      <c r="F98" s="20">
        <v>0</v>
      </c>
      <c r="G98" s="20">
        <v>4.8059364E-2</v>
      </c>
      <c r="H98" s="20">
        <v>0</v>
      </c>
      <c r="I98" s="20">
        <v>2.0243924999999999E-2</v>
      </c>
      <c r="J98" s="20">
        <v>0</v>
      </c>
      <c r="K98" s="20">
        <v>2.5451043E-2</v>
      </c>
      <c r="L98" s="20">
        <v>1.2108850000000001E-3</v>
      </c>
      <c r="M98" s="20">
        <v>6.9236223E-2</v>
      </c>
      <c r="N98" s="20">
        <v>0</v>
      </c>
      <c r="O98" s="20">
        <v>0.15069742</v>
      </c>
      <c r="P98" s="20">
        <v>2.4553858000000001E-2</v>
      </c>
      <c r="Q98" s="20">
        <f t="shared" si="2"/>
        <v>0.24448750100000002</v>
      </c>
      <c r="R98" s="20">
        <v>0.31042171000000002</v>
      </c>
      <c r="S98" s="20">
        <v>2.3600639000000001</v>
      </c>
      <c r="T98" s="20">
        <v>3.9367904000000002E-2</v>
      </c>
      <c r="U98" s="20">
        <v>0.35589242999999998</v>
      </c>
      <c r="V98" s="20">
        <v>13.193553</v>
      </c>
      <c r="X98" s="20">
        <f t="shared" si="3"/>
        <v>13.590881182052399</v>
      </c>
    </row>
    <row r="99" spans="2:24">
      <c r="B99" s="23">
        <v>0.51229166666598758</v>
      </c>
      <c r="C99" s="20">
        <v>5.5682232999999997</v>
      </c>
      <c r="D99" s="20">
        <v>0.55957668999999999</v>
      </c>
      <c r="E99" s="20">
        <v>5.9031958000000002E-2</v>
      </c>
      <c r="F99" s="20">
        <v>0</v>
      </c>
      <c r="G99" s="20">
        <v>-4.7257674E-2</v>
      </c>
      <c r="H99" s="20">
        <v>0</v>
      </c>
      <c r="I99" s="20">
        <v>2.8753384999999999E-2</v>
      </c>
      <c r="J99" s="20">
        <v>0</v>
      </c>
      <c r="K99" s="20">
        <v>1.0955889E-2</v>
      </c>
      <c r="L99" s="20">
        <v>3.4775858E-4</v>
      </c>
      <c r="M99" s="20">
        <v>0.24189958</v>
      </c>
      <c r="N99" s="20">
        <v>0</v>
      </c>
      <c r="O99" s="20">
        <v>2.1124415000000001E-2</v>
      </c>
      <c r="P99" s="20">
        <v>1.9633652000000001E-2</v>
      </c>
      <c r="Q99" s="20">
        <f t="shared" si="2"/>
        <v>0.28265764700000001</v>
      </c>
      <c r="R99" s="20">
        <v>0</v>
      </c>
      <c r="S99" s="20">
        <v>0.61860864000000004</v>
      </c>
      <c r="T99" s="20">
        <v>1.3136714000000001E-2</v>
      </c>
      <c r="U99" s="20">
        <v>0.35801084</v>
      </c>
      <c r="V99" s="20">
        <v>13.956110000000001</v>
      </c>
      <c r="X99" s="20">
        <f t="shared" si="3"/>
        <v>14.327965643759359</v>
      </c>
    </row>
    <row r="100" spans="2:24">
      <c r="B100" s="23">
        <v>0.51278935185109731</v>
      </c>
      <c r="C100" s="20">
        <v>2.5084838999999999</v>
      </c>
      <c r="D100" s="20">
        <v>0.34767614000000002</v>
      </c>
      <c r="E100" s="20">
        <v>5.3931510000000002E-2</v>
      </c>
      <c r="F100" s="20">
        <v>0</v>
      </c>
      <c r="G100" s="20">
        <v>-3.1359872999999999E-3</v>
      </c>
      <c r="H100" s="20">
        <v>0</v>
      </c>
      <c r="I100" s="20">
        <v>2.3861555E-2</v>
      </c>
      <c r="J100" s="20">
        <v>0</v>
      </c>
      <c r="K100" s="20">
        <v>9.4272278000000001E-3</v>
      </c>
      <c r="L100" s="20">
        <v>0</v>
      </c>
      <c r="M100" s="20">
        <v>0.23057454999999999</v>
      </c>
      <c r="N100" s="20">
        <v>0</v>
      </c>
      <c r="O100" s="20">
        <v>4.1742206000000004E-3</v>
      </c>
      <c r="P100" s="20">
        <v>0</v>
      </c>
      <c r="Q100" s="20">
        <f t="shared" si="2"/>
        <v>0.23474877059999999</v>
      </c>
      <c r="R100" s="20">
        <v>0</v>
      </c>
      <c r="S100" s="20">
        <v>0.40160764999999998</v>
      </c>
      <c r="T100" s="20">
        <v>7.6272944000000005E-4</v>
      </c>
      <c r="U100" s="20">
        <v>0.36852002</v>
      </c>
      <c r="V100" s="20">
        <v>14.168164000000001</v>
      </c>
      <c r="X100" s="20">
        <f t="shared" si="3"/>
        <v>14.53780440951661</v>
      </c>
    </row>
    <row r="101" spans="2:24">
      <c r="B101" s="23">
        <v>0.51329861111298669</v>
      </c>
      <c r="C101" s="20">
        <v>5.2594953000000002</v>
      </c>
      <c r="D101" s="20">
        <v>0.19071945000000001</v>
      </c>
      <c r="E101" s="20">
        <v>4.4629673000000002E-2</v>
      </c>
      <c r="F101" s="20">
        <v>0</v>
      </c>
      <c r="G101" s="20">
        <v>-5.1830506999999998E-2</v>
      </c>
      <c r="H101" s="20">
        <v>0</v>
      </c>
      <c r="I101" s="20">
        <v>2.5739666000000001E-2</v>
      </c>
      <c r="J101" s="20">
        <v>6.2068161E-3</v>
      </c>
      <c r="K101" s="20">
        <v>2.2735737999999998E-2</v>
      </c>
      <c r="L101" s="20">
        <v>5.6971658999999999</v>
      </c>
      <c r="M101" s="20">
        <v>0.17801681</v>
      </c>
      <c r="N101" s="20">
        <v>0.70176132999999996</v>
      </c>
      <c r="O101" s="20">
        <v>0.78767752999999996</v>
      </c>
      <c r="P101" s="20">
        <v>0</v>
      </c>
      <c r="Q101" s="20">
        <f t="shared" si="2"/>
        <v>1.6674556699999998</v>
      </c>
      <c r="R101" s="20">
        <v>2.4967581000000001</v>
      </c>
      <c r="S101" s="20">
        <v>0.23534912999999999</v>
      </c>
      <c r="T101" s="20">
        <v>0</v>
      </c>
      <c r="U101" s="20">
        <v>0.38903725</v>
      </c>
      <c r="V101" s="20">
        <v>14.037703</v>
      </c>
      <c r="X101" s="20">
        <f t="shared" si="3"/>
        <v>14.42805001668361</v>
      </c>
    </row>
    <row r="102" spans="2:24">
      <c r="B102" s="23">
        <v>0.51379629629809642</v>
      </c>
      <c r="C102" s="20">
        <v>538.70618000000002</v>
      </c>
      <c r="D102" s="20">
        <v>0.94887438000000002</v>
      </c>
      <c r="E102" s="20">
        <v>3.9193426000000003E-2</v>
      </c>
      <c r="F102" s="20">
        <v>0.58273134000000004</v>
      </c>
      <c r="G102" s="20">
        <v>1.7719164000000001</v>
      </c>
      <c r="H102" s="20">
        <v>5.0268721999999997</v>
      </c>
      <c r="I102" s="20">
        <v>5.1512268999999999E-3</v>
      </c>
      <c r="J102" s="20">
        <v>4.5759026</v>
      </c>
      <c r="K102" s="20">
        <v>1.498064E-2</v>
      </c>
      <c r="L102" s="20">
        <v>1321.6808000000001</v>
      </c>
      <c r="M102" s="20">
        <v>0</v>
      </c>
      <c r="N102" s="20">
        <v>0</v>
      </c>
      <c r="O102" s="20">
        <v>86.716108000000006</v>
      </c>
      <c r="P102" s="20">
        <v>0.23492730000000001</v>
      </c>
      <c r="Q102" s="20">
        <f t="shared" si="2"/>
        <v>86.951035300000001</v>
      </c>
      <c r="R102" s="20">
        <v>390.86489</v>
      </c>
      <c r="S102" s="20">
        <v>0.98806780999999999</v>
      </c>
      <c r="T102" s="20">
        <v>0</v>
      </c>
      <c r="U102" s="20">
        <v>0.39205178000000002</v>
      </c>
      <c r="V102" s="20">
        <v>10.88889</v>
      </c>
      <c r="X102" s="20">
        <f t="shared" si="3"/>
        <v>11.477070950532289</v>
      </c>
    </row>
    <row r="103" spans="2:24">
      <c r="B103" s="23">
        <v>0.51429398148320615</v>
      </c>
      <c r="C103" s="20">
        <v>1399.1962000000001</v>
      </c>
      <c r="D103" s="20">
        <v>4.0767785999999999</v>
      </c>
      <c r="E103" s="20">
        <v>0.87233640999999995</v>
      </c>
      <c r="F103" s="20">
        <v>1.2608727</v>
      </c>
      <c r="G103" s="20">
        <v>1.9953531</v>
      </c>
      <c r="H103" s="20">
        <v>13.416702000000001</v>
      </c>
      <c r="I103" s="20">
        <v>0</v>
      </c>
      <c r="J103" s="20">
        <v>13.068697999999999</v>
      </c>
      <c r="K103" s="20">
        <v>0</v>
      </c>
      <c r="L103" s="20">
        <v>2604.3811000000001</v>
      </c>
      <c r="M103" s="20">
        <v>0</v>
      </c>
      <c r="N103" s="20">
        <v>6.1747845000000003</v>
      </c>
      <c r="O103" s="20">
        <v>209.83534</v>
      </c>
      <c r="P103" s="20">
        <v>2.3902944000000002</v>
      </c>
      <c r="Q103" s="20">
        <f t="shared" si="2"/>
        <v>218.40041889999998</v>
      </c>
      <c r="R103" s="20">
        <v>953.86972000000003</v>
      </c>
      <c r="S103" s="20">
        <v>4.9491149999999999</v>
      </c>
      <c r="T103" s="20">
        <v>0</v>
      </c>
      <c r="U103" s="20">
        <v>0.46157194000000001</v>
      </c>
      <c r="V103" s="20">
        <v>9.8933552999999996</v>
      </c>
      <c r="X103" s="20">
        <f t="shared" si="3"/>
        <v>10.781088997471</v>
      </c>
    </row>
    <row r="104" spans="2:24">
      <c r="B104" s="23">
        <v>0.51479166666831588</v>
      </c>
      <c r="C104" s="20">
        <v>2357.6803</v>
      </c>
      <c r="D104" s="20">
        <v>10.320710999999999</v>
      </c>
      <c r="E104" s="20">
        <v>2.7126491000000001</v>
      </c>
      <c r="F104" s="20">
        <v>2.1224517999999999</v>
      </c>
      <c r="G104" s="20">
        <v>2.5102437000000002</v>
      </c>
      <c r="H104" s="20">
        <v>20.872629</v>
      </c>
      <c r="I104" s="20">
        <v>0</v>
      </c>
      <c r="J104" s="20">
        <v>19.177706000000001</v>
      </c>
      <c r="K104" s="20">
        <v>0</v>
      </c>
      <c r="L104" s="20">
        <v>3807.491</v>
      </c>
      <c r="M104" s="20">
        <v>0</v>
      </c>
      <c r="N104" s="20">
        <v>5.5153990000000004</v>
      </c>
      <c r="O104" s="20">
        <v>305.17509000000001</v>
      </c>
      <c r="P104" s="20">
        <v>5.3951251999999998</v>
      </c>
      <c r="Q104" s="20">
        <f t="shared" si="2"/>
        <v>316.08561420000001</v>
      </c>
      <c r="R104" s="20">
        <v>1413.1043</v>
      </c>
      <c r="S104" s="20">
        <v>13.033360999999999</v>
      </c>
      <c r="T104" s="20">
        <v>0</v>
      </c>
      <c r="U104" s="20">
        <v>0.84258330000000004</v>
      </c>
      <c r="V104" s="20">
        <v>6.6435854000000001</v>
      </c>
      <c r="X104" s="20">
        <f t="shared" si="3"/>
        <v>8.1413693665799993</v>
      </c>
    </row>
    <row r="105" spans="2:24">
      <c r="B105" s="23">
        <v>0.51528935185342561</v>
      </c>
      <c r="C105" s="20">
        <v>3289.0050999999999</v>
      </c>
      <c r="D105" s="20">
        <v>19.603831</v>
      </c>
      <c r="E105" s="20">
        <v>0.95722744999999998</v>
      </c>
      <c r="F105" s="20">
        <v>2.3304071</v>
      </c>
      <c r="G105" s="20">
        <v>2.3956170999999999</v>
      </c>
      <c r="H105" s="20">
        <v>15.835660000000001</v>
      </c>
      <c r="I105" s="20">
        <v>1.4154689999999999E-2</v>
      </c>
      <c r="J105" s="20">
        <v>16.880721999999999</v>
      </c>
      <c r="K105" s="20">
        <v>3.0285392000000001E-2</v>
      </c>
      <c r="L105" s="20">
        <v>3649.6102000000001</v>
      </c>
      <c r="M105" s="20">
        <v>0</v>
      </c>
      <c r="N105" s="20">
        <v>6.6743268999999996</v>
      </c>
      <c r="O105" s="20">
        <v>280.66487999999998</v>
      </c>
      <c r="P105" s="20">
        <v>7.0300197000000004</v>
      </c>
      <c r="Q105" s="20">
        <f t="shared" si="2"/>
        <v>294.36922659999999</v>
      </c>
      <c r="R105" s="20">
        <v>1365.5757000000001</v>
      </c>
      <c r="S105" s="20">
        <v>20.561057999999999</v>
      </c>
      <c r="T105" s="20">
        <v>0</v>
      </c>
      <c r="U105" s="20">
        <v>1.9884809999999999</v>
      </c>
      <c r="V105" s="20">
        <v>3.1691321000000001</v>
      </c>
      <c r="X105" s="20">
        <f t="shared" si="3"/>
        <v>5.8887724489331994</v>
      </c>
    </row>
    <row r="106" spans="2:24">
      <c r="B106" s="23">
        <v>0.51579861110803904</v>
      </c>
      <c r="C106" s="20">
        <v>4096.0253000000002</v>
      </c>
      <c r="D106" s="20">
        <v>27.642406999999999</v>
      </c>
      <c r="E106" s="20">
        <v>0</v>
      </c>
      <c r="F106" s="20">
        <v>2.4425387999999999</v>
      </c>
      <c r="G106" s="20">
        <v>2.3416877</v>
      </c>
      <c r="H106" s="20">
        <v>7.8944964000000004</v>
      </c>
      <c r="I106" s="20">
        <v>3.9887658999999999E-2</v>
      </c>
      <c r="J106" s="20">
        <v>9.6772831000000004</v>
      </c>
      <c r="K106" s="20">
        <v>8.6165463999999997E-2</v>
      </c>
      <c r="L106" s="20">
        <v>3585.4627999999998</v>
      </c>
      <c r="M106" s="20">
        <v>55.815024000000001</v>
      </c>
      <c r="N106" s="20">
        <v>3.0693202999999998</v>
      </c>
      <c r="O106" s="20">
        <v>207.12492</v>
      </c>
      <c r="P106" s="20">
        <v>6.1805975999999996</v>
      </c>
      <c r="Q106" s="20">
        <f t="shared" si="2"/>
        <v>272.18986189999998</v>
      </c>
      <c r="R106" s="20">
        <v>1048.3380999999999</v>
      </c>
      <c r="S106" s="20">
        <v>27.642406999999999</v>
      </c>
      <c r="T106" s="20">
        <v>4.5365926999999999</v>
      </c>
      <c r="U106" s="20">
        <v>3.4399731</v>
      </c>
      <c r="V106" s="20">
        <v>2.1033358999999998</v>
      </c>
      <c r="X106" s="20">
        <f t="shared" si="3"/>
        <v>10.883046183502298</v>
      </c>
    </row>
    <row r="107" spans="2:24">
      <c r="B107" s="23">
        <v>0.51629629629314877</v>
      </c>
      <c r="C107" s="20">
        <v>4853.0968000000003</v>
      </c>
      <c r="D107" s="20">
        <v>33.184987</v>
      </c>
      <c r="E107" s="20">
        <v>0</v>
      </c>
      <c r="F107" s="20">
        <v>2.2798954</v>
      </c>
      <c r="G107" s="20">
        <v>2.0082835000000001</v>
      </c>
      <c r="H107" s="20">
        <v>1.6480687999999999</v>
      </c>
      <c r="I107" s="20">
        <v>0.10295650000000001</v>
      </c>
      <c r="J107" s="20">
        <v>4.4052137</v>
      </c>
      <c r="K107" s="20">
        <v>0.17898564</v>
      </c>
      <c r="L107" s="20">
        <v>3120.5965999999999</v>
      </c>
      <c r="M107" s="20">
        <v>59.664864000000001</v>
      </c>
      <c r="N107" s="20">
        <v>3.7692815</v>
      </c>
      <c r="O107" s="20">
        <v>154.00175999999999</v>
      </c>
      <c r="P107" s="20">
        <v>3.7059848999999998</v>
      </c>
      <c r="Q107" s="20">
        <f t="shared" si="2"/>
        <v>221.14189039999999</v>
      </c>
      <c r="R107" s="20">
        <v>788.32946000000004</v>
      </c>
      <c r="S107" s="20">
        <v>33.184987</v>
      </c>
      <c r="T107" s="20">
        <v>8.7391848000000003</v>
      </c>
      <c r="U107" s="20">
        <v>4.8441384000000003</v>
      </c>
      <c r="V107" s="20">
        <v>1.629551</v>
      </c>
      <c r="X107" s="20">
        <f t="shared" si="3"/>
        <v>16.040057066793999</v>
      </c>
    </row>
    <row r="108" spans="2:24">
      <c r="B108" s="23">
        <v>0.5167939814782585</v>
      </c>
      <c r="C108" s="20">
        <v>5116.6247999999996</v>
      </c>
      <c r="D108" s="20">
        <v>33.744641000000001</v>
      </c>
      <c r="E108" s="20">
        <v>0</v>
      </c>
      <c r="F108" s="20">
        <v>2.1054675</v>
      </c>
      <c r="G108" s="20">
        <v>1.8920135</v>
      </c>
      <c r="H108" s="20">
        <v>3.2725669000000002</v>
      </c>
      <c r="I108" s="20">
        <v>0.15887388</v>
      </c>
      <c r="J108" s="20">
        <v>2.8189999000000001</v>
      </c>
      <c r="K108" s="20">
        <v>0.27550670999999999</v>
      </c>
      <c r="L108" s="20">
        <v>2742.3894</v>
      </c>
      <c r="M108" s="20">
        <v>73.445379000000003</v>
      </c>
      <c r="N108" s="20">
        <v>4.8433631999999998</v>
      </c>
      <c r="O108" s="20">
        <v>133.87914000000001</v>
      </c>
      <c r="P108" s="20">
        <v>2.1664777000000002</v>
      </c>
      <c r="Q108" s="20">
        <f t="shared" si="2"/>
        <v>214.33435990000001</v>
      </c>
      <c r="R108" s="20">
        <v>640.17214999999999</v>
      </c>
      <c r="S108" s="20">
        <v>33.744641000000001</v>
      </c>
      <c r="T108" s="20">
        <v>10.142825</v>
      </c>
      <c r="U108" s="20">
        <v>5.5996778999999997</v>
      </c>
      <c r="V108" s="20">
        <v>1.8046252</v>
      </c>
      <c r="X108" s="20">
        <f t="shared" si="3"/>
        <v>18.362264227028998</v>
      </c>
    </row>
    <row r="109" spans="2:24">
      <c r="B109" s="23">
        <v>0.51729166666336823</v>
      </c>
      <c r="C109" s="20">
        <v>5216.6597000000002</v>
      </c>
      <c r="D109" s="20">
        <v>33.190137</v>
      </c>
      <c r="E109" s="20">
        <v>0</v>
      </c>
      <c r="F109" s="20">
        <v>1.871286</v>
      </c>
      <c r="G109" s="20">
        <v>1.6356727</v>
      </c>
      <c r="H109" s="20">
        <v>4.4793532999999996</v>
      </c>
      <c r="I109" s="20">
        <v>0.18800923</v>
      </c>
      <c r="J109" s="20">
        <v>2.0059524</v>
      </c>
      <c r="K109" s="20">
        <v>0.34547477999999998</v>
      </c>
      <c r="L109" s="20">
        <v>2157.0437999999999</v>
      </c>
      <c r="M109" s="20">
        <v>12.273999</v>
      </c>
      <c r="N109" s="20">
        <v>2.2037455000000001</v>
      </c>
      <c r="O109" s="20">
        <v>121.79443000000001</v>
      </c>
      <c r="P109" s="20">
        <v>1.1508122000000001</v>
      </c>
      <c r="Q109" s="20">
        <f t="shared" si="2"/>
        <v>137.4229867</v>
      </c>
      <c r="R109" s="20">
        <v>572.95800999999994</v>
      </c>
      <c r="S109" s="20">
        <v>33.190137</v>
      </c>
      <c r="T109" s="20">
        <v>10.698482</v>
      </c>
      <c r="U109" s="20">
        <v>6.1827440999999999</v>
      </c>
      <c r="V109" s="20">
        <v>1.4070015</v>
      </c>
      <c r="X109" s="20">
        <f t="shared" si="3"/>
        <v>19.047030850911</v>
      </c>
    </row>
    <row r="110" spans="2:24">
      <c r="B110" s="23">
        <v>0.51778935184847796</v>
      </c>
      <c r="C110" s="20">
        <v>5386.5065999999997</v>
      </c>
      <c r="D110" s="20">
        <v>31.357116999999999</v>
      </c>
      <c r="E110" s="20">
        <v>0</v>
      </c>
      <c r="F110" s="20">
        <v>1.9689439</v>
      </c>
      <c r="G110" s="20">
        <v>2.3065340999999999</v>
      </c>
      <c r="H110" s="20">
        <v>4.8756659000000004</v>
      </c>
      <c r="I110" s="20">
        <v>0.19299491999999999</v>
      </c>
      <c r="J110" s="20">
        <v>1.8282027999999999</v>
      </c>
      <c r="K110" s="20">
        <v>0.34677103999999997</v>
      </c>
      <c r="L110" s="20">
        <v>2116.3878</v>
      </c>
      <c r="M110" s="20">
        <v>12.228460999999999</v>
      </c>
      <c r="N110" s="20">
        <v>2.6266658999999999</v>
      </c>
      <c r="O110" s="20">
        <v>122.51766000000001</v>
      </c>
      <c r="P110" s="20">
        <v>0.93426003999999996</v>
      </c>
      <c r="Q110" s="20">
        <f t="shared" si="2"/>
        <v>138.30704693999999</v>
      </c>
      <c r="R110" s="20">
        <v>567.67206999999996</v>
      </c>
      <c r="S110" s="20">
        <v>31.357116999999999</v>
      </c>
      <c r="T110" s="20">
        <v>10.845560000000001</v>
      </c>
      <c r="U110" s="20">
        <v>6.5789507</v>
      </c>
      <c r="V110" s="20">
        <v>1.2185253</v>
      </c>
      <c r="X110" s="20">
        <f t="shared" si="3"/>
        <v>19.41457947936</v>
      </c>
    </row>
    <row r="111" spans="2:24">
      <c r="B111" s="23">
        <v>0.51829861111036735</v>
      </c>
      <c r="C111" s="20">
        <v>5354.5616</v>
      </c>
      <c r="D111" s="20">
        <v>29.423306</v>
      </c>
      <c r="E111" s="20">
        <v>0</v>
      </c>
      <c r="F111" s="20">
        <v>1.5727093000000001</v>
      </c>
      <c r="G111" s="20">
        <v>0.70941997999999995</v>
      </c>
      <c r="H111" s="20">
        <v>5.0947804000000003</v>
      </c>
      <c r="I111" s="20">
        <v>0.15013238000000001</v>
      </c>
      <c r="J111" s="20">
        <v>1.5263602000000001</v>
      </c>
      <c r="K111" s="20">
        <v>0.25793690000000002</v>
      </c>
      <c r="L111" s="20">
        <v>1946.2791</v>
      </c>
      <c r="M111" s="20">
        <v>0</v>
      </c>
      <c r="N111" s="20">
        <v>2.8366615999999998</v>
      </c>
      <c r="O111" s="20">
        <v>116.78984</v>
      </c>
      <c r="P111" s="20">
        <v>0.64754480000000003</v>
      </c>
      <c r="Q111" s="20">
        <f t="shared" si="2"/>
        <v>120.2740464</v>
      </c>
      <c r="R111" s="20">
        <v>539.90740000000005</v>
      </c>
      <c r="S111" s="20">
        <v>29.423306</v>
      </c>
      <c r="T111" s="20">
        <v>10.945601999999999</v>
      </c>
      <c r="U111" s="20">
        <v>7.0451189000000003</v>
      </c>
      <c r="V111" s="20">
        <v>1.7329418000000001</v>
      </c>
      <c r="X111" s="20">
        <f t="shared" si="3"/>
        <v>20.472589969755997</v>
      </c>
    </row>
    <row r="112" spans="2:24">
      <c r="B112" s="23">
        <v>0.51881944444176042</v>
      </c>
      <c r="C112" s="20">
        <v>4890.9717000000001</v>
      </c>
      <c r="D112" s="20">
        <v>26.877753999999999</v>
      </c>
      <c r="E112" s="20">
        <v>0</v>
      </c>
      <c r="F112" s="20">
        <v>1.2081918</v>
      </c>
      <c r="G112" s="20">
        <v>0.56143982999999997</v>
      </c>
      <c r="H112" s="20">
        <v>5.2936218000000004</v>
      </c>
      <c r="I112" s="20">
        <v>0.18381926000000001</v>
      </c>
      <c r="J112" s="20">
        <v>1.0520381000000001</v>
      </c>
      <c r="K112" s="20">
        <v>0.19534667</v>
      </c>
      <c r="L112" s="20">
        <v>1790.0191</v>
      </c>
      <c r="M112" s="20">
        <v>0</v>
      </c>
      <c r="N112" s="20">
        <v>3.0766985999999998</v>
      </c>
      <c r="O112" s="20">
        <v>107.23569999999999</v>
      </c>
      <c r="P112" s="20">
        <v>0.35294416000000001</v>
      </c>
      <c r="Q112" s="20">
        <f t="shared" si="2"/>
        <v>110.66534276</v>
      </c>
      <c r="R112" s="20">
        <v>488.38368000000003</v>
      </c>
      <c r="S112" s="20">
        <v>26.877753999999999</v>
      </c>
      <c r="T112" s="20">
        <v>10.859031999999999</v>
      </c>
      <c r="U112" s="20">
        <v>7.3876822999999998</v>
      </c>
      <c r="V112" s="20">
        <v>2.2579330999999998</v>
      </c>
      <c r="X112" s="20">
        <f t="shared" si="3"/>
        <v>21.190038010822001</v>
      </c>
    </row>
    <row r="113" spans="2:24">
      <c r="B113" s="23">
        <v>0.51932870370364981</v>
      </c>
      <c r="C113" s="20">
        <v>4194.8095000000003</v>
      </c>
      <c r="D113" s="20">
        <v>24.088594000000001</v>
      </c>
      <c r="E113" s="20">
        <v>0</v>
      </c>
      <c r="F113" s="20">
        <v>0.54866318999999997</v>
      </c>
      <c r="G113" s="20">
        <v>0.35405567999999998</v>
      </c>
      <c r="H113" s="20">
        <v>5.1302303</v>
      </c>
      <c r="I113" s="20">
        <v>0.15075040000000001</v>
      </c>
      <c r="J113" s="20">
        <v>0.39360910999999998</v>
      </c>
      <c r="K113" s="20">
        <v>0.27378641999999997</v>
      </c>
      <c r="L113" s="20">
        <v>1525.2091</v>
      </c>
      <c r="M113" s="20">
        <v>0.13837484999999999</v>
      </c>
      <c r="N113" s="20">
        <v>2.7827521000000002</v>
      </c>
      <c r="O113" s="20">
        <v>88.938841999999994</v>
      </c>
      <c r="P113" s="20">
        <v>1.9513743E-2</v>
      </c>
      <c r="Q113" s="20">
        <f t="shared" si="2"/>
        <v>91.879482693</v>
      </c>
      <c r="R113" s="20">
        <v>406.90260000000001</v>
      </c>
      <c r="S113" s="20">
        <v>24.088594000000001</v>
      </c>
      <c r="T113" s="20">
        <v>10.754009</v>
      </c>
      <c r="U113" s="20">
        <v>7.7480346000000004</v>
      </c>
      <c r="V113" s="20">
        <v>2.4367152999999999</v>
      </c>
      <c r="X113" s="20">
        <f t="shared" si="3"/>
        <v>21.5254515365793</v>
      </c>
    </row>
    <row r="114" spans="2:24">
      <c r="B114" s="23">
        <v>0.51986111111182254</v>
      </c>
      <c r="C114" s="20">
        <v>3601.1934000000001</v>
      </c>
      <c r="D114" s="20">
        <v>22.010892999999999</v>
      </c>
      <c r="E114" s="20">
        <v>0</v>
      </c>
      <c r="F114" s="20">
        <v>0.45060185000000003</v>
      </c>
      <c r="G114" s="20">
        <v>0.41403216999999998</v>
      </c>
      <c r="H114" s="20">
        <v>4.6356874000000001</v>
      </c>
      <c r="I114" s="20">
        <v>0.15509471</v>
      </c>
      <c r="J114" s="20">
        <v>5.1342551000000004E-3</v>
      </c>
      <c r="K114" s="20">
        <v>0.43252789000000003</v>
      </c>
      <c r="L114" s="20">
        <v>1313.6570999999999</v>
      </c>
      <c r="M114" s="20">
        <v>0.23111182999999999</v>
      </c>
      <c r="N114" s="20">
        <v>2.9807741999999999</v>
      </c>
      <c r="O114" s="20">
        <v>77.606182000000004</v>
      </c>
      <c r="P114" s="20">
        <v>0</v>
      </c>
      <c r="Q114" s="20">
        <f t="shared" si="2"/>
        <v>80.818068030000006</v>
      </c>
      <c r="R114" s="20">
        <v>348.16748000000001</v>
      </c>
      <c r="S114" s="20">
        <v>22.010892999999999</v>
      </c>
      <c r="T114" s="20">
        <v>10.657503</v>
      </c>
      <c r="U114" s="20">
        <v>8.0080925000000001</v>
      </c>
      <c r="V114" s="20">
        <v>2.4421401</v>
      </c>
      <c r="X114" s="20">
        <f t="shared" si="3"/>
        <v>21.612313943230511</v>
      </c>
    </row>
    <row r="115" spans="2:24">
      <c r="B115" s="23">
        <v>0.52035879629693227</v>
      </c>
      <c r="C115" s="20">
        <v>3627.5111000000002</v>
      </c>
      <c r="D115" s="20">
        <v>20.853656999999998</v>
      </c>
      <c r="E115" s="20">
        <v>0</v>
      </c>
      <c r="F115" s="20">
        <v>0.76422727999999995</v>
      </c>
      <c r="G115" s="20">
        <v>1.4890755</v>
      </c>
      <c r="H115" s="20">
        <v>4.2244747</v>
      </c>
      <c r="I115" s="20">
        <v>0.10790901999999999</v>
      </c>
      <c r="J115" s="20">
        <v>0.27774306999999998</v>
      </c>
      <c r="K115" s="20">
        <v>0.53495808</v>
      </c>
      <c r="L115" s="20">
        <v>1508.1605</v>
      </c>
      <c r="M115" s="20">
        <v>15.495638</v>
      </c>
      <c r="N115" s="20">
        <v>3.5388928000000002</v>
      </c>
      <c r="O115" s="20">
        <v>88.493523999999994</v>
      </c>
      <c r="P115" s="20">
        <v>2.6636136000000001</v>
      </c>
      <c r="Q115" s="20">
        <f t="shared" si="2"/>
        <v>110.1916684</v>
      </c>
      <c r="R115" s="20">
        <v>396.25851</v>
      </c>
      <c r="S115" s="20">
        <v>20.853656999999998</v>
      </c>
      <c r="T115" s="20">
        <v>10.745713</v>
      </c>
      <c r="U115" s="20">
        <v>7.8424715999999997</v>
      </c>
      <c r="V115" s="20">
        <v>2.5496954000000001</v>
      </c>
      <c r="X115" s="20">
        <f t="shared" si="3"/>
        <v>21.667376897004999</v>
      </c>
    </row>
    <row r="116" spans="2:24">
      <c r="B116" s="23">
        <v>0.520856481482042</v>
      </c>
      <c r="C116" s="20">
        <v>3655.2438000000002</v>
      </c>
      <c r="D116" s="20">
        <v>20.879625999999998</v>
      </c>
      <c r="E116" s="20">
        <v>0</v>
      </c>
      <c r="F116" s="20">
        <v>0.89545339000000002</v>
      </c>
      <c r="G116" s="20">
        <v>0.74590469000000004</v>
      </c>
      <c r="H116" s="20">
        <v>4.2569875000000001</v>
      </c>
      <c r="I116" s="20">
        <v>8.6203829999999995E-2</v>
      </c>
      <c r="J116" s="20">
        <v>0.28015465000000001</v>
      </c>
      <c r="K116" s="20">
        <v>0.51067868999999999</v>
      </c>
      <c r="L116" s="20">
        <v>1585.1817000000001</v>
      </c>
      <c r="M116" s="20">
        <v>27.169056999999999</v>
      </c>
      <c r="N116" s="20">
        <v>3.4455539000000002</v>
      </c>
      <c r="O116" s="20">
        <v>91.692806000000004</v>
      </c>
      <c r="P116" s="20">
        <v>3.7448925000000002</v>
      </c>
      <c r="Q116" s="20">
        <f t="shared" si="2"/>
        <v>126.05230940000001</v>
      </c>
      <c r="R116" s="20">
        <v>413.13657000000001</v>
      </c>
      <c r="S116" s="20">
        <v>20.879625999999998</v>
      </c>
      <c r="T116" s="20">
        <v>10.794332000000001</v>
      </c>
      <c r="U116" s="20">
        <v>7.4825362000000002</v>
      </c>
      <c r="V116" s="20">
        <v>2.5778018</v>
      </c>
      <c r="X116" s="20">
        <f t="shared" si="3"/>
        <v>21.396171244415001</v>
      </c>
    </row>
    <row r="117" spans="2:24">
      <c r="B117" s="23">
        <v>0.52138888889021473</v>
      </c>
      <c r="C117" s="20">
        <v>3723.8951000000002</v>
      </c>
      <c r="D117" s="20">
        <v>21.283757999999999</v>
      </c>
      <c r="E117" s="20">
        <v>0</v>
      </c>
      <c r="F117" s="20">
        <v>0.89081277999999997</v>
      </c>
      <c r="G117" s="20">
        <v>0.40491303000000001</v>
      </c>
      <c r="H117" s="20">
        <v>4.1977840000000004</v>
      </c>
      <c r="I117" s="20">
        <v>8.0690038000000006E-2</v>
      </c>
      <c r="J117" s="20">
        <v>0.26497996000000001</v>
      </c>
      <c r="K117" s="20">
        <v>0.48009425999999999</v>
      </c>
      <c r="L117" s="20">
        <v>1569.2519</v>
      </c>
      <c r="M117" s="20">
        <v>27.759981</v>
      </c>
      <c r="N117" s="20">
        <v>3.2308525000000001</v>
      </c>
      <c r="O117" s="20">
        <v>89.565382999999997</v>
      </c>
      <c r="P117" s="20">
        <v>4.0981262999999997</v>
      </c>
      <c r="Q117" s="20">
        <f t="shared" si="2"/>
        <v>124.65434280000001</v>
      </c>
      <c r="R117" s="20">
        <v>408.30840000000001</v>
      </c>
      <c r="S117" s="20">
        <v>21.283757999999999</v>
      </c>
      <c r="T117" s="20">
        <v>10.732146</v>
      </c>
      <c r="U117" s="20">
        <v>7.1722842</v>
      </c>
      <c r="V117" s="20">
        <v>2.9764704000000002</v>
      </c>
      <c r="X117" s="20">
        <f t="shared" si="3"/>
        <v>21.4275694132868</v>
      </c>
    </row>
    <row r="118" spans="2:24">
      <c r="B118" s="23">
        <v>0.52192129629838746</v>
      </c>
      <c r="C118" s="20">
        <v>3531.2979</v>
      </c>
      <c r="D118" s="20">
        <v>21.034732000000002</v>
      </c>
      <c r="E118" s="20">
        <v>0</v>
      </c>
      <c r="F118" s="20">
        <v>0.51985552999999995</v>
      </c>
      <c r="G118" s="20">
        <v>0.3942698</v>
      </c>
      <c r="H118" s="20">
        <v>3.9622902999999998</v>
      </c>
      <c r="I118" s="20">
        <v>5.5250966999999998E-2</v>
      </c>
      <c r="J118" s="20">
        <v>0</v>
      </c>
      <c r="K118" s="20">
        <v>0.47686234999999999</v>
      </c>
      <c r="L118" s="20">
        <v>1264.0081</v>
      </c>
      <c r="M118" s="20">
        <v>12.695368999999999</v>
      </c>
      <c r="N118" s="20">
        <v>2.8740646000000001</v>
      </c>
      <c r="O118" s="20">
        <v>72.980524000000003</v>
      </c>
      <c r="P118" s="20">
        <v>1.5341838000000001</v>
      </c>
      <c r="Q118" s="20">
        <f t="shared" si="2"/>
        <v>90.084141399999993</v>
      </c>
      <c r="R118" s="20">
        <v>330.63422000000003</v>
      </c>
      <c r="S118" s="20">
        <v>21.034732000000002</v>
      </c>
      <c r="T118" s="20">
        <v>10.592378999999999</v>
      </c>
      <c r="U118" s="20">
        <v>7.4121341000000003</v>
      </c>
      <c r="V118" s="20">
        <v>2.7668523</v>
      </c>
      <c r="X118" s="20">
        <f t="shared" si="3"/>
        <v>21.264652213434701</v>
      </c>
    </row>
    <row r="119" spans="2:24">
      <c r="B119" s="23">
        <v>0.52241898148349719</v>
      </c>
      <c r="C119" s="20">
        <v>3372.5408000000002</v>
      </c>
      <c r="D119" s="20">
        <v>19.605658999999999</v>
      </c>
      <c r="E119" s="20">
        <v>0</v>
      </c>
      <c r="F119" s="20">
        <v>0.33325369999999999</v>
      </c>
      <c r="G119" s="20">
        <v>0.19055136</v>
      </c>
      <c r="H119" s="20">
        <v>3.8091149</v>
      </c>
      <c r="I119" s="20">
        <v>5.7696905E-2</v>
      </c>
      <c r="J119" s="20">
        <v>0</v>
      </c>
      <c r="K119" s="20">
        <v>0.39890630999999999</v>
      </c>
      <c r="L119" s="20">
        <v>1070.3607</v>
      </c>
      <c r="M119" s="20">
        <v>0.75208470999999999</v>
      </c>
      <c r="N119" s="20">
        <v>2.9879519999999999</v>
      </c>
      <c r="O119" s="20">
        <v>64.287762000000001</v>
      </c>
      <c r="P119" s="20">
        <v>0.51779410999999997</v>
      </c>
      <c r="Q119" s="20">
        <f t="shared" si="2"/>
        <v>68.545592819999996</v>
      </c>
      <c r="R119" s="20">
        <v>283.46516000000003</v>
      </c>
      <c r="S119" s="20">
        <v>19.605658999999999</v>
      </c>
      <c r="T119" s="20">
        <v>10.502114000000001</v>
      </c>
      <c r="U119" s="20">
        <v>7.9801019000000002</v>
      </c>
      <c r="V119" s="20">
        <v>3.0561470000000002</v>
      </c>
      <c r="X119" s="20">
        <f t="shared" si="3"/>
        <v>21.9939076933995</v>
      </c>
    </row>
    <row r="120" spans="2:24">
      <c r="B120" s="23">
        <v>0.52291666666860692</v>
      </c>
      <c r="C120" s="20">
        <v>3174.2953000000002</v>
      </c>
      <c r="D120" s="20">
        <v>17.693017000000001</v>
      </c>
      <c r="E120" s="20">
        <v>0</v>
      </c>
      <c r="F120" s="20">
        <v>0.19284107</v>
      </c>
      <c r="G120" s="20">
        <v>-1.3561902000000001E-2</v>
      </c>
      <c r="H120" s="20">
        <v>3.8740503999999998</v>
      </c>
      <c r="I120" s="20">
        <v>3.8258117000000001E-2</v>
      </c>
      <c r="J120" s="20">
        <v>0</v>
      </c>
      <c r="K120" s="20">
        <v>0.37924934999999999</v>
      </c>
      <c r="L120" s="20">
        <v>968.31960000000004</v>
      </c>
      <c r="M120" s="20">
        <v>7.0309508000000007E-2</v>
      </c>
      <c r="N120" s="20">
        <v>3.2627416999999999</v>
      </c>
      <c r="O120" s="20">
        <v>60.660705</v>
      </c>
      <c r="P120" s="20">
        <v>0.24138142000000001</v>
      </c>
      <c r="Q120" s="20">
        <f t="shared" si="2"/>
        <v>64.235137628000004</v>
      </c>
      <c r="R120" s="20">
        <v>258.98306000000002</v>
      </c>
      <c r="S120" s="20">
        <v>17.693017000000001</v>
      </c>
      <c r="T120" s="20">
        <v>10.459220999999999</v>
      </c>
      <c r="U120" s="20">
        <v>8.6185448000000004</v>
      </c>
      <c r="V120" s="20">
        <v>3.1984998999999998</v>
      </c>
      <c r="X120" s="20">
        <f t="shared" si="3"/>
        <v>22.700936390866303</v>
      </c>
    </row>
    <row r="121" spans="2:24">
      <c r="B121" s="23">
        <v>0.52341435185371665</v>
      </c>
      <c r="C121" s="20">
        <v>2978.0039000000002</v>
      </c>
      <c r="D121" s="20">
        <v>16.097503</v>
      </c>
      <c r="E121" s="20">
        <v>0</v>
      </c>
      <c r="F121" s="20">
        <v>5.2585667000000003E-2</v>
      </c>
      <c r="G121" s="20">
        <v>-2.0896970000000001E-2</v>
      </c>
      <c r="H121" s="20">
        <v>3.8167545</v>
      </c>
      <c r="I121" s="20">
        <v>4.3928354000000003E-2</v>
      </c>
      <c r="J121" s="20">
        <v>0</v>
      </c>
      <c r="K121" s="20">
        <v>0.33193620000000001</v>
      </c>
      <c r="L121" s="20">
        <v>867.28440999999998</v>
      </c>
      <c r="M121" s="20">
        <v>0</v>
      </c>
      <c r="N121" s="20">
        <v>3.6394978</v>
      </c>
      <c r="O121" s="20">
        <v>56.088534000000003</v>
      </c>
      <c r="P121" s="20">
        <v>0.13656367999999999</v>
      </c>
      <c r="Q121" s="20">
        <f t="shared" si="2"/>
        <v>59.864595480000006</v>
      </c>
      <c r="R121" s="20">
        <v>233.60240999999999</v>
      </c>
      <c r="S121" s="20">
        <v>16.097503</v>
      </c>
      <c r="T121" s="20">
        <v>10.383990000000001</v>
      </c>
      <c r="U121" s="20">
        <v>9.2263125000000006</v>
      </c>
      <c r="V121" s="20">
        <v>3.2822621999999999</v>
      </c>
      <c r="X121" s="20">
        <f t="shared" si="3"/>
        <v>23.2867219219231</v>
      </c>
    </row>
    <row r="122" spans="2:24">
      <c r="B122" s="23">
        <v>0.52391203703882638</v>
      </c>
      <c r="C122" s="20">
        <v>2990.8274000000001</v>
      </c>
      <c r="D122" s="20">
        <v>15.254742</v>
      </c>
      <c r="E122" s="20">
        <v>0.25123020000000001</v>
      </c>
      <c r="F122" s="20">
        <v>0</v>
      </c>
      <c r="G122" s="20">
        <v>-1.8441114000000002E-2</v>
      </c>
      <c r="H122" s="20">
        <v>3.7834922999999998</v>
      </c>
      <c r="I122" s="20">
        <v>3.8372729000000001E-2</v>
      </c>
      <c r="J122" s="20">
        <v>0</v>
      </c>
      <c r="K122" s="20">
        <v>0.31631594000000002</v>
      </c>
      <c r="L122" s="20">
        <v>896.68169999999998</v>
      </c>
      <c r="M122" s="20">
        <v>0</v>
      </c>
      <c r="N122" s="20">
        <v>7.5637581999999997</v>
      </c>
      <c r="O122" s="20">
        <v>65.048638999999994</v>
      </c>
      <c r="P122" s="20">
        <v>3.6913784000000001</v>
      </c>
      <c r="Q122" s="20">
        <f t="shared" si="2"/>
        <v>76.303775599999994</v>
      </c>
      <c r="R122" s="20">
        <v>264.30211000000003</v>
      </c>
      <c r="S122" s="20">
        <v>15.505972</v>
      </c>
      <c r="T122" s="20">
        <v>10.458329000000001</v>
      </c>
      <c r="U122" s="20">
        <v>9.4881232000000004</v>
      </c>
      <c r="V122" s="20">
        <v>3.2713133999999999</v>
      </c>
      <c r="X122" s="20">
        <f t="shared" si="3"/>
        <v>23.617660055965505</v>
      </c>
    </row>
    <row r="123" spans="2:24">
      <c r="B123" s="23">
        <v>0.52442129629343981</v>
      </c>
      <c r="C123" s="20">
        <v>3281.1460000000002</v>
      </c>
      <c r="D123" s="20">
        <v>15.547836999999999</v>
      </c>
      <c r="E123" s="20">
        <v>0.68088943999999996</v>
      </c>
      <c r="F123" s="20">
        <v>0.33566336000000002</v>
      </c>
      <c r="G123" s="20">
        <v>1.0259829</v>
      </c>
      <c r="H123" s="20">
        <v>4.0296364999999996</v>
      </c>
      <c r="I123" s="20">
        <v>4.3532646000000001E-2</v>
      </c>
      <c r="J123" s="20">
        <v>3.3207807999999998E-2</v>
      </c>
      <c r="K123" s="20">
        <v>0.17235265999999999</v>
      </c>
      <c r="L123" s="20">
        <v>1167.5427</v>
      </c>
      <c r="M123" s="20">
        <v>11.295261999999999</v>
      </c>
      <c r="N123" s="20">
        <v>7.4624772000000004</v>
      </c>
      <c r="O123" s="20">
        <v>78.266512000000006</v>
      </c>
      <c r="P123" s="20">
        <v>7.1728490999999996</v>
      </c>
      <c r="Q123" s="20">
        <f t="shared" si="2"/>
        <v>104.1971003</v>
      </c>
      <c r="R123" s="20">
        <v>334.55468999999999</v>
      </c>
      <c r="S123" s="20">
        <v>16.228726000000002</v>
      </c>
      <c r="T123" s="20">
        <v>10.685451</v>
      </c>
      <c r="U123" s="20">
        <v>8.8926394999999996</v>
      </c>
      <c r="V123" s="20">
        <v>3.5089522999999998</v>
      </c>
      <c r="X123" s="20">
        <f t="shared" si="3"/>
        <v>23.546141162861403</v>
      </c>
    </row>
    <row r="124" spans="2:24">
      <c r="B124" s="23">
        <v>0.52491898147854954</v>
      </c>
      <c r="C124" s="20">
        <v>3666.6169</v>
      </c>
      <c r="D124" s="20">
        <v>16.970461</v>
      </c>
      <c r="E124" s="20">
        <v>0.59704718000000001</v>
      </c>
      <c r="F124" s="20">
        <v>0.80269018000000003</v>
      </c>
      <c r="G124" s="20">
        <v>1.3585634</v>
      </c>
      <c r="H124" s="20">
        <v>4.2680882999999996</v>
      </c>
      <c r="I124" s="20">
        <v>3.6449727000000001E-2</v>
      </c>
      <c r="J124" s="20">
        <v>4.6305565E-2</v>
      </c>
      <c r="K124" s="20">
        <v>0.14565644999999999</v>
      </c>
      <c r="L124" s="20">
        <v>1413.3484000000001</v>
      </c>
      <c r="M124" s="20">
        <v>25.965436</v>
      </c>
      <c r="N124" s="20">
        <v>6.4985460000000002</v>
      </c>
      <c r="O124" s="20">
        <v>87.717327999999995</v>
      </c>
      <c r="P124" s="20">
        <v>8.5778485999999994</v>
      </c>
      <c r="Q124" s="20">
        <f t="shared" si="2"/>
        <v>128.75915860000001</v>
      </c>
      <c r="R124" s="20">
        <v>389.43009999999998</v>
      </c>
      <c r="S124" s="20">
        <v>17.567508</v>
      </c>
      <c r="T124" s="20">
        <v>10.816981999999999</v>
      </c>
      <c r="U124" s="20">
        <v>8.0393863000000003</v>
      </c>
      <c r="V124" s="20">
        <v>3.4647098000000001</v>
      </c>
      <c r="X124" s="20">
        <f t="shared" si="3"/>
        <v>22.846129822840201</v>
      </c>
    </row>
    <row r="125" spans="2:24">
      <c r="B125" s="23">
        <v>0.52541666666365927</v>
      </c>
      <c r="C125" s="20">
        <v>3943.1545000000001</v>
      </c>
      <c r="D125" s="20">
        <v>18.596868000000001</v>
      </c>
      <c r="E125" s="20">
        <v>0</v>
      </c>
      <c r="F125" s="20">
        <v>1.0513912000000001</v>
      </c>
      <c r="G125" s="20">
        <v>0.71952696999999999</v>
      </c>
      <c r="H125" s="20">
        <v>4.2577185000000002</v>
      </c>
      <c r="I125" s="20">
        <v>2.7465735000000002E-2</v>
      </c>
      <c r="J125" s="20">
        <v>1.0068166E-2</v>
      </c>
      <c r="K125" s="20">
        <v>0.23275752</v>
      </c>
      <c r="L125" s="20">
        <v>1502.6608000000001</v>
      </c>
      <c r="M125" s="20">
        <v>26.355124</v>
      </c>
      <c r="N125" s="20">
        <v>2.6364607000000002</v>
      </c>
      <c r="O125" s="20">
        <v>84.304137999999995</v>
      </c>
      <c r="P125" s="20">
        <v>5.7980238000000002</v>
      </c>
      <c r="Q125" s="20">
        <f t="shared" si="2"/>
        <v>119.09374649999999</v>
      </c>
      <c r="R125" s="20">
        <v>390.84190999999998</v>
      </c>
      <c r="S125" s="20">
        <v>18.596868000000001</v>
      </c>
      <c r="T125" s="20">
        <v>10.831934</v>
      </c>
      <c r="U125" s="20">
        <v>7.3839797999999996</v>
      </c>
      <c r="V125" s="20">
        <v>3.5297436000000002</v>
      </c>
      <c r="X125" s="20">
        <f t="shared" si="3"/>
        <v>22.306497571059101</v>
      </c>
    </row>
    <row r="126" spans="2:24">
      <c r="B126" s="23">
        <v>0.525914351848769</v>
      </c>
      <c r="C126" s="20">
        <v>4049.7462</v>
      </c>
      <c r="D126" s="20">
        <v>18.970236</v>
      </c>
      <c r="E126" s="20">
        <v>0</v>
      </c>
      <c r="F126" s="20">
        <v>1.0965509</v>
      </c>
      <c r="G126" s="20">
        <v>1.1614095</v>
      </c>
      <c r="H126" s="20">
        <v>4.0903644000000003</v>
      </c>
      <c r="I126" s="20">
        <v>2.1254834E-2</v>
      </c>
      <c r="J126" s="20">
        <v>0</v>
      </c>
      <c r="K126" s="20">
        <v>0.29732015000000001</v>
      </c>
      <c r="L126" s="20">
        <v>1376.9291000000001</v>
      </c>
      <c r="M126" s="20">
        <v>14.988594000000001</v>
      </c>
      <c r="N126" s="20">
        <v>2.6351054999999999</v>
      </c>
      <c r="O126" s="20">
        <v>77.784122999999994</v>
      </c>
      <c r="P126" s="20">
        <v>2.7094638</v>
      </c>
      <c r="Q126" s="20">
        <f t="shared" si="2"/>
        <v>98.117286299999989</v>
      </c>
      <c r="R126" s="20">
        <v>356.62380999999999</v>
      </c>
      <c r="S126" s="20">
        <v>18.970236</v>
      </c>
      <c r="T126" s="20">
        <v>10.727480999999999</v>
      </c>
      <c r="U126" s="20">
        <v>7.4719636999999999</v>
      </c>
      <c r="V126" s="20">
        <v>3.4685622</v>
      </c>
      <c r="X126" s="20">
        <f t="shared" si="3"/>
        <v>22.224946895808401</v>
      </c>
    </row>
    <row r="127" spans="2:24">
      <c r="B127" s="23">
        <v>0.52641203703387873</v>
      </c>
      <c r="C127" s="20">
        <v>4059.3229000000001</v>
      </c>
      <c r="D127" s="20">
        <v>17.757493</v>
      </c>
      <c r="E127" s="20">
        <v>0</v>
      </c>
      <c r="F127" s="20">
        <v>0.63549465000000005</v>
      </c>
      <c r="G127" s="20">
        <v>-3.2839083E-3</v>
      </c>
      <c r="H127" s="20">
        <v>4.2583175000000004</v>
      </c>
      <c r="I127" s="20">
        <v>1.7765962999999999E-2</v>
      </c>
      <c r="J127" s="20">
        <v>0</v>
      </c>
      <c r="K127" s="20">
        <v>0.26438229000000002</v>
      </c>
      <c r="L127" s="20">
        <v>1281.9333999999999</v>
      </c>
      <c r="M127" s="20">
        <v>7.8993839000000001</v>
      </c>
      <c r="N127" s="20">
        <v>3.5029596000000001</v>
      </c>
      <c r="O127" s="20">
        <v>76.535824000000005</v>
      </c>
      <c r="P127" s="20">
        <v>1.9043215</v>
      </c>
      <c r="Q127" s="20">
        <f t="shared" si="2"/>
        <v>89.842489</v>
      </c>
      <c r="R127" s="20">
        <v>340.10539999999997</v>
      </c>
      <c r="S127" s="20">
        <v>17.757493</v>
      </c>
      <c r="T127" s="20">
        <v>10.714763</v>
      </c>
      <c r="U127" s="20">
        <v>7.7330353000000001</v>
      </c>
      <c r="V127" s="20">
        <v>3.4531524</v>
      </c>
      <c r="X127" s="20">
        <f t="shared" si="3"/>
        <v>22.448129345149468</v>
      </c>
    </row>
    <row r="128" spans="2:24">
      <c r="B128" s="23">
        <v>0.52692129629576812</v>
      </c>
      <c r="C128" s="20">
        <v>3981.0747999999999</v>
      </c>
      <c r="D128" s="20">
        <v>16.151568999999999</v>
      </c>
      <c r="E128" s="20">
        <v>0</v>
      </c>
      <c r="F128" s="20">
        <v>0.40091183000000002</v>
      </c>
      <c r="G128" s="20">
        <v>2.3596997000000001E-2</v>
      </c>
      <c r="H128" s="20">
        <v>4.5081688</v>
      </c>
      <c r="I128" s="20">
        <v>1.8335058000000001E-2</v>
      </c>
      <c r="J128" s="20">
        <v>0</v>
      </c>
      <c r="K128" s="20">
        <v>0.23558319</v>
      </c>
      <c r="L128" s="20">
        <v>1232.6735000000001</v>
      </c>
      <c r="M128" s="20">
        <v>15.472111</v>
      </c>
      <c r="N128" s="20">
        <v>3.5592579999999998</v>
      </c>
      <c r="O128" s="20">
        <v>75.773317000000006</v>
      </c>
      <c r="P128" s="20">
        <v>1.6106339999999999</v>
      </c>
      <c r="Q128" s="20">
        <f t="shared" si="2"/>
        <v>96.415320000000008</v>
      </c>
      <c r="R128" s="20">
        <v>326.89744000000002</v>
      </c>
      <c r="S128" s="20">
        <v>16.151568999999999</v>
      </c>
      <c r="T128" s="20">
        <v>10.641299</v>
      </c>
      <c r="U128" s="20">
        <v>8.0346822000000007</v>
      </c>
      <c r="V128" s="20">
        <v>3.5218761999999999</v>
      </c>
      <c r="X128" s="20">
        <f t="shared" si="3"/>
        <v>22.732622735387505</v>
      </c>
    </row>
    <row r="129" spans="2:24">
      <c r="B129" s="23">
        <v>0.52741898148087785</v>
      </c>
      <c r="C129" s="20">
        <v>3765.6444000000001</v>
      </c>
      <c r="D129" s="20">
        <v>14.987223999999999</v>
      </c>
      <c r="E129" s="20">
        <v>0</v>
      </c>
      <c r="F129" s="20">
        <v>0.12344687999999999</v>
      </c>
      <c r="G129" s="20">
        <v>0.34606785000000001</v>
      </c>
      <c r="H129" s="20">
        <v>4.6620764000000001</v>
      </c>
      <c r="I129" s="20">
        <v>2.1523286999999999E-2</v>
      </c>
      <c r="J129" s="20">
        <v>0</v>
      </c>
      <c r="K129" s="20">
        <v>0.18276244</v>
      </c>
      <c r="L129" s="20">
        <v>1148.7318</v>
      </c>
      <c r="M129" s="20">
        <v>16.682493999999998</v>
      </c>
      <c r="N129" s="20">
        <v>3.4612601000000001</v>
      </c>
      <c r="O129" s="20">
        <v>72.096284999999995</v>
      </c>
      <c r="P129" s="20">
        <v>1.6985863999999999</v>
      </c>
      <c r="Q129" s="20">
        <f t="shared" si="2"/>
        <v>93.938625499999986</v>
      </c>
      <c r="R129" s="20">
        <v>305.47942</v>
      </c>
      <c r="S129" s="20">
        <v>14.987223999999999</v>
      </c>
      <c r="T129" s="20">
        <v>10.541055999999999</v>
      </c>
      <c r="U129" s="20">
        <v>8.3926195999999997</v>
      </c>
      <c r="V129" s="20">
        <v>3.5297436000000002</v>
      </c>
      <c r="X129" s="20">
        <f t="shared" si="3"/>
        <v>22.967781715035702</v>
      </c>
    </row>
    <row r="130" spans="2:24">
      <c r="B130" s="23">
        <v>0.52791666666598758</v>
      </c>
      <c r="C130" s="20">
        <v>3496.9119999999998</v>
      </c>
      <c r="D130" s="20">
        <v>14.111246</v>
      </c>
      <c r="E130" s="20">
        <v>0</v>
      </c>
      <c r="F130" s="20">
        <v>0.14900682000000001</v>
      </c>
      <c r="G130" s="20">
        <v>7.2727053E-2</v>
      </c>
      <c r="H130" s="20">
        <v>4.7494918999999998</v>
      </c>
      <c r="I130" s="20">
        <v>1.9128889999999999E-2</v>
      </c>
      <c r="J130" s="20">
        <v>0</v>
      </c>
      <c r="K130" s="20">
        <v>0.26625411999999998</v>
      </c>
      <c r="L130" s="20">
        <v>1039.8308</v>
      </c>
      <c r="M130" s="20">
        <v>9.8871985999999996</v>
      </c>
      <c r="N130" s="20">
        <v>3.3889193999999998</v>
      </c>
      <c r="O130" s="20">
        <v>66.468418999999997</v>
      </c>
      <c r="P130" s="20">
        <v>1.7914938</v>
      </c>
      <c r="Q130" s="20">
        <f t="shared" si="2"/>
        <v>81.536030799999992</v>
      </c>
      <c r="R130" s="20">
        <v>278.71086000000003</v>
      </c>
      <c r="S130" s="20">
        <v>14.111246</v>
      </c>
      <c r="T130" s="20">
        <v>10.432312</v>
      </c>
      <c r="U130" s="20">
        <v>8.7874242999999996</v>
      </c>
      <c r="V130" s="20">
        <v>3.5258099000000001</v>
      </c>
      <c r="X130" s="20">
        <f t="shared" si="3"/>
        <v>23.210721993158298</v>
      </c>
    </row>
    <row r="131" spans="2:24">
      <c r="B131" s="23">
        <v>0.52841435185109731</v>
      </c>
      <c r="C131" s="20">
        <v>3326.2757999999999</v>
      </c>
      <c r="D131" s="20">
        <v>13.148562</v>
      </c>
      <c r="E131" s="20">
        <v>0</v>
      </c>
      <c r="F131" s="20">
        <v>0.14285300000000001</v>
      </c>
      <c r="G131" s="20">
        <v>5.2079945000000002E-3</v>
      </c>
      <c r="H131" s="20">
        <v>4.8460093000000004</v>
      </c>
      <c r="I131" s="20">
        <v>1.1205424E-2</v>
      </c>
      <c r="J131" s="20">
        <v>0</v>
      </c>
      <c r="K131" s="20">
        <v>0.21123318999999999</v>
      </c>
      <c r="L131" s="20">
        <v>1011.4924999999999</v>
      </c>
      <c r="M131" s="20">
        <v>9.7471831000000009</v>
      </c>
      <c r="N131" s="20">
        <v>3.9634216000000002</v>
      </c>
      <c r="O131" s="20">
        <v>67.303943000000004</v>
      </c>
      <c r="P131" s="20">
        <v>2.6780713</v>
      </c>
      <c r="Q131" s="20">
        <f t="shared" si="2"/>
        <v>83.692619000000008</v>
      </c>
      <c r="R131" s="20">
        <v>276.94875000000002</v>
      </c>
      <c r="S131" s="20">
        <v>13.148562</v>
      </c>
      <c r="T131" s="20">
        <v>10.471451</v>
      </c>
      <c r="U131" s="20">
        <v>9.1744570000000003</v>
      </c>
      <c r="V131" s="20">
        <v>3.4647098000000001</v>
      </c>
      <c r="X131" s="20">
        <f t="shared" si="3"/>
        <v>23.55591525519085</v>
      </c>
    </row>
    <row r="132" spans="2:24">
      <c r="B132" s="23">
        <v>0.52891203703620704</v>
      </c>
      <c r="C132" s="20">
        <v>3666.3724999999999</v>
      </c>
      <c r="D132" s="20">
        <v>13.039802</v>
      </c>
      <c r="E132" s="20">
        <v>0</v>
      </c>
      <c r="F132" s="20">
        <v>0.71443367999999996</v>
      </c>
      <c r="G132" s="20">
        <v>2.0466351999999999</v>
      </c>
      <c r="H132" s="20">
        <v>4.7775090000000002</v>
      </c>
      <c r="I132" s="20">
        <v>4.8249935000000002E-3</v>
      </c>
      <c r="J132" s="20">
        <v>1.3670378000000001</v>
      </c>
      <c r="K132" s="20">
        <v>0.19883712000000001</v>
      </c>
      <c r="L132" s="20">
        <v>1629.4925000000001</v>
      </c>
      <c r="M132" s="20">
        <v>45.906663999999999</v>
      </c>
      <c r="N132" s="20">
        <v>6.6352495999999999</v>
      </c>
      <c r="O132" s="20">
        <v>101.69258000000001</v>
      </c>
      <c r="P132" s="20">
        <v>10.203934</v>
      </c>
      <c r="Q132" s="20">
        <f t="shared" si="2"/>
        <v>164.43842760000001</v>
      </c>
      <c r="R132" s="20">
        <v>423.91401999999999</v>
      </c>
      <c r="S132" s="20">
        <v>13.039802</v>
      </c>
      <c r="T132" s="20">
        <v>10.580276</v>
      </c>
      <c r="U132" s="20">
        <v>8.6258431000000009</v>
      </c>
      <c r="V132" s="20">
        <v>3.5258099000000001</v>
      </c>
      <c r="X132" s="20">
        <f t="shared" si="3"/>
        <v>23.281478230939349</v>
      </c>
    </row>
    <row r="133" spans="2:24">
      <c r="B133" s="23">
        <v>0.52942129629809642</v>
      </c>
      <c r="C133" s="20">
        <v>4317.1130000000003</v>
      </c>
      <c r="D133" s="20">
        <v>14.733166000000001</v>
      </c>
      <c r="E133" s="20">
        <v>20.341930999999999</v>
      </c>
      <c r="F133" s="20">
        <v>3.0024250000000001</v>
      </c>
      <c r="G133" s="20">
        <v>6.8302909999999999</v>
      </c>
      <c r="H133" s="20">
        <v>29.632397999999998</v>
      </c>
      <c r="I133" s="20">
        <v>0</v>
      </c>
      <c r="J133" s="20">
        <v>16.355453000000001</v>
      </c>
      <c r="K133" s="20">
        <v>6.8559633999999994E-2</v>
      </c>
      <c r="L133" s="20">
        <v>2304.0162999999998</v>
      </c>
      <c r="M133" s="20">
        <v>34.640596000000002</v>
      </c>
      <c r="N133" s="20">
        <v>22.586442999999999</v>
      </c>
      <c r="O133" s="20">
        <v>314.15998999999999</v>
      </c>
      <c r="P133" s="20">
        <v>25.659303000000001</v>
      </c>
      <c r="Q133" s="20">
        <f t="shared" si="2"/>
        <v>397.04633200000001</v>
      </c>
      <c r="R133" s="20">
        <v>1105.8658</v>
      </c>
      <c r="S133" s="20">
        <v>35.075097</v>
      </c>
      <c r="T133" s="20">
        <v>6.9831386999999996</v>
      </c>
      <c r="U133" s="20">
        <v>6.8569205000000002</v>
      </c>
      <c r="V133" s="20">
        <v>2.6598643000000002</v>
      </c>
      <c r="X133" s="20">
        <f t="shared" si="3"/>
        <v>17.214344995263399</v>
      </c>
    </row>
    <row r="134" spans="2:24">
      <c r="B134" s="23">
        <v>0.52991898148320615</v>
      </c>
      <c r="C134" s="20">
        <v>4861.2083000000002</v>
      </c>
      <c r="D134" s="20">
        <v>16.661072999999998</v>
      </c>
      <c r="E134" s="20">
        <v>111.32554</v>
      </c>
      <c r="F134" s="20">
        <v>5.6144749999999997</v>
      </c>
      <c r="G134" s="20">
        <v>7.7730413</v>
      </c>
      <c r="H134" s="20">
        <v>43.164824000000003</v>
      </c>
      <c r="I134" s="20">
        <v>7.6639574999999996E-3</v>
      </c>
      <c r="J134" s="20">
        <v>39.344259000000001</v>
      </c>
      <c r="K134" s="20">
        <v>7.5853835000000002E-4</v>
      </c>
      <c r="L134" s="20">
        <v>2461.9852999999998</v>
      </c>
      <c r="M134" s="20">
        <v>22.772126</v>
      </c>
      <c r="N134" s="20">
        <v>59.943147000000003</v>
      </c>
      <c r="O134" s="20">
        <v>629.58848</v>
      </c>
      <c r="P134" s="20">
        <v>56.676727999999997</v>
      </c>
      <c r="Q134" s="20">
        <f t="shared" si="2"/>
        <v>768.98048100000005</v>
      </c>
      <c r="R134" s="20">
        <v>1749.3867</v>
      </c>
      <c r="S134" s="20">
        <v>127.98661</v>
      </c>
      <c r="T134" s="20">
        <v>0.17930202000000001</v>
      </c>
      <c r="U134" s="20">
        <v>4.5205712</v>
      </c>
      <c r="V134" s="20">
        <v>2.9433061</v>
      </c>
      <c r="X134" s="20">
        <f t="shared" si="3"/>
        <v>8.4875845525795857</v>
      </c>
    </row>
    <row r="135" spans="2:24">
      <c r="B135" s="23">
        <v>0.53041666666831588</v>
      </c>
      <c r="C135" s="20">
        <v>4437.6328999999996</v>
      </c>
      <c r="D135" s="20">
        <v>15.189247</v>
      </c>
      <c r="E135" s="20">
        <v>131.58446000000001</v>
      </c>
      <c r="F135" s="20">
        <v>6.4539361</v>
      </c>
      <c r="G135" s="20">
        <v>4.5328029000000001</v>
      </c>
      <c r="H135" s="20">
        <v>53.490817</v>
      </c>
      <c r="I135" s="20">
        <v>3.7555898E-3</v>
      </c>
      <c r="J135" s="20">
        <v>51.098692</v>
      </c>
      <c r="K135" s="20">
        <v>0</v>
      </c>
      <c r="L135" s="20">
        <v>2849.4375</v>
      </c>
      <c r="M135" s="20">
        <v>0</v>
      </c>
      <c r="N135" s="20">
        <v>73.437292999999997</v>
      </c>
      <c r="O135" s="20">
        <v>778.90967000000001</v>
      </c>
      <c r="P135" s="20">
        <v>70.984735000000001</v>
      </c>
      <c r="Q135" s="20">
        <f t="shared" si="2"/>
        <v>923.33169799999996</v>
      </c>
      <c r="R135" s="20">
        <v>2401.5949999999998</v>
      </c>
      <c r="S135" s="20">
        <v>146.77370999999999</v>
      </c>
      <c r="T135" s="20">
        <v>0</v>
      </c>
      <c r="U135" s="20">
        <v>2.6945679999999999</v>
      </c>
      <c r="V135" s="20">
        <v>7.8129800999999999</v>
      </c>
      <c r="X135" s="20">
        <f t="shared" si="3"/>
        <v>11.369501051858979</v>
      </c>
    </row>
    <row r="136" spans="2:24">
      <c r="B136" s="23">
        <v>0.53091435185342561</v>
      </c>
      <c r="C136" s="20">
        <v>3560.4976000000001</v>
      </c>
      <c r="D136" s="20">
        <v>11.799579</v>
      </c>
      <c r="E136" s="20">
        <v>119.90331</v>
      </c>
      <c r="F136" s="20">
        <v>5.2465489999999999</v>
      </c>
      <c r="G136" s="20">
        <v>3.2566103000000002</v>
      </c>
      <c r="H136" s="20">
        <v>35.935462000000001</v>
      </c>
      <c r="I136" s="20">
        <v>3.9261492000000002E-2</v>
      </c>
      <c r="J136" s="20">
        <v>46.322974000000002</v>
      </c>
      <c r="K136" s="20">
        <v>0</v>
      </c>
      <c r="L136" s="20">
        <v>2826.8784999999998</v>
      </c>
      <c r="M136" s="20">
        <v>0</v>
      </c>
      <c r="N136" s="20">
        <v>72.097553000000005</v>
      </c>
      <c r="O136" s="20">
        <v>707.07024000000001</v>
      </c>
      <c r="P136" s="20">
        <v>76.982771</v>
      </c>
      <c r="Q136" s="20">
        <f t="shared" ref="Q136:Q199" si="4">M136+N136+O136+P136</f>
        <v>856.15056400000003</v>
      </c>
      <c r="R136" s="20">
        <v>2277.3042999999998</v>
      </c>
      <c r="S136" s="20">
        <v>131.70287999999999</v>
      </c>
      <c r="T136" s="20">
        <v>0</v>
      </c>
      <c r="U136" s="20">
        <v>1.8373069</v>
      </c>
      <c r="V136" s="20">
        <v>9.3054222000000006</v>
      </c>
      <c r="X136" s="20">
        <f t="shared" ref="X136:X199" si="5">(SUM(C136:S136)-Q136-R136)/10000+SUM(T136:V136)</f>
        <v>11.902502428979201</v>
      </c>
    </row>
    <row r="137" spans="2:24">
      <c r="B137" s="23">
        <v>0.53141203703853535</v>
      </c>
      <c r="C137" s="20">
        <v>2606.1347000000001</v>
      </c>
      <c r="D137" s="20">
        <v>8.3854375000000001</v>
      </c>
      <c r="E137" s="20">
        <v>31.52167</v>
      </c>
      <c r="F137" s="20">
        <v>3.3216724000000002</v>
      </c>
      <c r="G137" s="20">
        <v>2.0580248000000001</v>
      </c>
      <c r="H137" s="20">
        <v>27.145893999999998</v>
      </c>
      <c r="I137" s="20">
        <v>2.7797636000000001E-2</v>
      </c>
      <c r="J137" s="20">
        <v>31.523357000000001</v>
      </c>
      <c r="K137" s="20">
        <v>0</v>
      </c>
      <c r="L137" s="20">
        <v>3650.0783999999999</v>
      </c>
      <c r="M137" s="20">
        <v>0</v>
      </c>
      <c r="N137" s="20">
        <v>39.080722000000002</v>
      </c>
      <c r="O137" s="20">
        <v>499.04572000000002</v>
      </c>
      <c r="P137" s="20">
        <v>68.324005</v>
      </c>
      <c r="Q137" s="20">
        <f t="shared" si="4"/>
        <v>606.45044699999994</v>
      </c>
      <c r="R137" s="20">
        <v>2133.3047000000001</v>
      </c>
      <c r="S137" s="20">
        <v>39.907108000000001</v>
      </c>
      <c r="T137" s="20">
        <v>0</v>
      </c>
      <c r="U137" s="20">
        <v>1.3962184</v>
      </c>
      <c r="V137" s="20">
        <v>10.271876000000001</v>
      </c>
      <c r="X137" s="20">
        <f t="shared" si="5"/>
        <v>12.3687498508336</v>
      </c>
    </row>
    <row r="138" spans="2:24">
      <c r="B138" s="23">
        <v>0.53192129629314877</v>
      </c>
      <c r="C138" s="20">
        <v>1745.4183</v>
      </c>
      <c r="D138" s="20">
        <v>6.5148020999999998</v>
      </c>
      <c r="E138" s="20">
        <v>10.596921</v>
      </c>
      <c r="F138" s="20">
        <v>1.7869098000000001</v>
      </c>
      <c r="G138" s="20">
        <v>-2.0979551999999999E-2</v>
      </c>
      <c r="H138" s="20">
        <v>18.760012</v>
      </c>
      <c r="I138" s="20">
        <v>4.0913937999999997E-2</v>
      </c>
      <c r="J138" s="20">
        <v>19.804870999999999</v>
      </c>
      <c r="K138" s="20">
        <v>0</v>
      </c>
      <c r="L138" s="20">
        <v>3473.0664000000002</v>
      </c>
      <c r="M138" s="20">
        <v>56.398944999999998</v>
      </c>
      <c r="N138" s="20">
        <v>21.772742000000001</v>
      </c>
      <c r="O138" s="20">
        <v>339.29307</v>
      </c>
      <c r="P138" s="20">
        <v>55.705050999999997</v>
      </c>
      <c r="Q138" s="20">
        <f t="shared" si="4"/>
        <v>473.16980799999999</v>
      </c>
      <c r="R138" s="20">
        <v>1487.4371000000001</v>
      </c>
      <c r="S138" s="20">
        <v>17.111723000000001</v>
      </c>
      <c r="T138" s="20">
        <v>0</v>
      </c>
      <c r="U138" s="20">
        <v>1.2140331</v>
      </c>
      <c r="V138" s="20">
        <v>13.323829999999999</v>
      </c>
      <c r="X138" s="20">
        <f t="shared" si="5"/>
        <v>15.114488068128599</v>
      </c>
    </row>
    <row r="139" spans="2:24">
      <c r="B139" s="23">
        <v>0.5324189814782585</v>
      </c>
      <c r="C139" s="20">
        <v>966.82101</v>
      </c>
      <c r="D139" s="20">
        <v>4.1220743000000004</v>
      </c>
      <c r="E139" s="20">
        <v>1.5426095</v>
      </c>
      <c r="F139" s="20">
        <v>0.66447904000000002</v>
      </c>
      <c r="G139" s="20">
        <v>-5.1308463999999998E-2</v>
      </c>
      <c r="H139" s="20">
        <v>10.812147</v>
      </c>
      <c r="I139" s="20">
        <v>2.3716287999999999E-2</v>
      </c>
      <c r="J139" s="20">
        <v>9.5943585000000002</v>
      </c>
      <c r="K139" s="20">
        <v>0</v>
      </c>
      <c r="L139" s="20">
        <v>2783.0653000000002</v>
      </c>
      <c r="M139" s="20">
        <v>73.015769000000006</v>
      </c>
      <c r="N139" s="20">
        <v>8.0574071000000007</v>
      </c>
      <c r="O139" s="20">
        <v>190.94791000000001</v>
      </c>
      <c r="P139" s="20">
        <v>37.401719999999997</v>
      </c>
      <c r="Q139" s="20">
        <f t="shared" si="4"/>
        <v>309.42280610000006</v>
      </c>
      <c r="R139" s="20">
        <v>924.72978999999998</v>
      </c>
      <c r="S139" s="20">
        <v>5.6646837000000003</v>
      </c>
      <c r="T139" s="20">
        <v>0</v>
      </c>
      <c r="U139" s="20">
        <v>1.1101061000000001</v>
      </c>
      <c r="V139" s="20">
        <v>14.267238000000001</v>
      </c>
      <c r="X139" s="20">
        <f t="shared" si="5"/>
        <v>15.7865122875964</v>
      </c>
    </row>
    <row r="140" spans="2:24">
      <c r="B140" s="23">
        <v>0.53291666666336823</v>
      </c>
      <c r="C140" s="20">
        <v>294.10687999999999</v>
      </c>
      <c r="D140" s="20">
        <v>1.7669528999999999</v>
      </c>
      <c r="E140" s="20">
        <v>0</v>
      </c>
      <c r="F140" s="20">
        <v>0</v>
      </c>
      <c r="G140" s="20">
        <v>-7.4937876E-2</v>
      </c>
      <c r="H140" s="20">
        <v>4.7203961999999997</v>
      </c>
      <c r="I140" s="20">
        <v>2.0514482000000001E-2</v>
      </c>
      <c r="J140" s="20">
        <v>1.4121809999999999</v>
      </c>
      <c r="K140" s="20">
        <v>1.877879E-2</v>
      </c>
      <c r="L140" s="20">
        <v>1526.9448</v>
      </c>
      <c r="M140" s="20">
        <v>79.599993999999995</v>
      </c>
      <c r="N140" s="20">
        <v>2.8070892999999999</v>
      </c>
      <c r="O140" s="20">
        <v>61.512593000000003</v>
      </c>
      <c r="P140" s="20">
        <v>15.665231</v>
      </c>
      <c r="Q140" s="20">
        <f t="shared" si="4"/>
        <v>159.5849073</v>
      </c>
      <c r="R140" s="20">
        <v>347.88</v>
      </c>
      <c r="S140" s="20">
        <v>1.7669528999999999</v>
      </c>
      <c r="T140" s="20">
        <v>0.96297734000000001</v>
      </c>
      <c r="U140" s="20">
        <v>0.98944816999999996</v>
      </c>
      <c r="V140" s="20">
        <v>14.629652</v>
      </c>
      <c r="X140" s="20">
        <f t="shared" si="5"/>
        <v>16.781104252569602</v>
      </c>
    </row>
    <row r="141" spans="2:24">
      <c r="B141" s="23">
        <v>0.53341435184847796</v>
      </c>
      <c r="C141" s="20">
        <v>89.924206999999996</v>
      </c>
      <c r="D141" s="20">
        <v>0.43871557999999999</v>
      </c>
      <c r="E141" s="20">
        <v>0</v>
      </c>
      <c r="F141" s="20">
        <v>0</v>
      </c>
      <c r="G141" s="20">
        <v>-7.6444002999999996E-2</v>
      </c>
      <c r="H141" s="20">
        <v>1.2465438</v>
      </c>
      <c r="I141" s="20">
        <v>2.7449171000000001E-2</v>
      </c>
      <c r="J141" s="20">
        <v>0</v>
      </c>
      <c r="K141" s="20">
        <v>5.2414781000000001E-2</v>
      </c>
      <c r="L141" s="20">
        <v>385.83614999999998</v>
      </c>
      <c r="M141" s="20">
        <v>10.307164999999999</v>
      </c>
      <c r="N141" s="20">
        <v>3.0091215999999998</v>
      </c>
      <c r="O141" s="20">
        <v>17.224015000000001</v>
      </c>
      <c r="P141" s="20">
        <v>7.0109000999999997</v>
      </c>
      <c r="Q141" s="20">
        <f t="shared" si="4"/>
        <v>37.5512017</v>
      </c>
      <c r="R141" s="20">
        <v>112.34518</v>
      </c>
      <c r="S141" s="20">
        <v>0.43871557999999999</v>
      </c>
      <c r="T141" s="20">
        <v>0.85053548999999995</v>
      </c>
      <c r="U141" s="20">
        <v>0.86945041000000001</v>
      </c>
      <c r="V141" s="20">
        <v>14.711741</v>
      </c>
      <c r="X141" s="20">
        <f t="shared" si="5"/>
        <v>16.483270795360902</v>
      </c>
    </row>
    <row r="142" spans="2:24">
      <c r="B142" s="23">
        <v>0.53391203703358769</v>
      </c>
      <c r="C142" s="20">
        <v>29.248971999999998</v>
      </c>
      <c r="D142" s="20">
        <v>0.21205222000000001</v>
      </c>
      <c r="E142" s="20">
        <v>0</v>
      </c>
      <c r="F142" s="20">
        <v>0</v>
      </c>
      <c r="G142" s="20">
        <v>-9.1915673E-3</v>
      </c>
      <c r="H142" s="20">
        <v>0.23919383</v>
      </c>
      <c r="I142" s="20">
        <v>2.1174622000000001E-2</v>
      </c>
      <c r="J142" s="20">
        <v>0</v>
      </c>
      <c r="K142" s="20">
        <v>5.4403300000000002E-2</v>
      </c>
      <c r="L142" s="20">
        <v>125.78360000000001</v>
      </c>
      <c r="M142" s="20">
        <v>2.7075711</v>
      </c>
      <c r="N142" s="20">
        <v>0.82845217999999998</v>
      </c>
      <c r="O142" s="20">
        <v>5.0882208999999996</v>
      </c>
      <c r="P142" s="20">
        <v>3.7951229999999998</v>
      </c>
      <c r="Q142" s="20">
        <f t="shared" si="4"/>
        <v>12.41936718</v>
      </c>
      <c r="R142" s="20">
        <v>37.584245000000003</v>
      </c>
      <c r="S142" s="20">
        <v>0.21205222000000001</v>
      </c>
      <c r="T142" s="20">
        <v>0.45715172999999998</v>
      </c>
      <c r="U142" s="20">
        <v>0.77632798999999997</v>
      </c>
      <c r="V142" s="20">
        <v>14.728142999999999</v>
      </c>
      <c r="X142" s="20">
        <f t="shared" si="5"/>
        <v>15.97844088238047</v>
      </c>
    </row>
    <row r="143" spans="2:24">
      <c r="B143" s="23">
        <v>0.53442129629547708</v>
      </c>
      <c r="C143" s="20">
        <v>10.621038</v>
      </c>
      <c r="D143" s="20">
        <v>6.3503585000000001E-2</v>
      </c>
      <c r="E143" s="20">
        <v>3.5969432000000003E-2</v>
      </c>
      <c r="F143" s="20">
        <v>0</v>
      </c>
      <c r="G143" s="20">
        <v>-2.7383268999999998E-2</v>
      </c>
      <c r="H143" s="20">
        <v>0</v>
      </c>
      <c r="I143" s="20">
        <v>2.4447703000000001E-2</v>
      </c>
      <c r="J143" s="20">
        <v>0</v>
      </c>
      <c r="K143" s="20">
        <v>4.0701925E-2</v>
      </c>
      <c r="L143" s="20">
        <v>40.881635000000003</v>
      </c>
      <c r="M143" s="20">
        <v>0.90118787</v>
      </c>
      <c r="N143" s="20">
        <v>0.13540189</v>
      </c>
      <c r="O143" s="20">
        <v>1.6568516</v>
      </c>
      <c r="P143" s="20">
        <v>2.0172355999999998</v>
      </c>
      <c r="Q143" s="20">
        <f t="shared" si="4"/>
        <v>4.7106769599999998</v>
      </c>
      <c r="R143" s="20">
        <v>14.63903</v>
      </c>
      <c r="S143" s="20">
        <v>9.9473016999999997E-2</v>
      </c>
      <c r="T143" s="20">
        <v>0.21535345</v>
      </c>
      <c r="U143" s="20">
        <v>0.73145477000000003</v>
      </c>
      <c r="V143" s="20">
        <v>14.662532000000001</v>
      </c>
      <c r="X143" s="20">
        <f t="shared" si="5"/>
        <v>15.6149852262353</v>
      </c>
    </row>
    <row r="144" spans="2:24">
      <c r="B144" s="23">
        <v>0.53491898148058681</v>
      </c>
      <c r="C144" s="20">
        <v>4.3472603999999997</v>
      </c>
      <c r="D144" s="20">
        <v>0</v>
      </c>
      <c r="E144" s="20">
        <v>5.1367958999999998E-2</v>
      </c>
      <c r="F144" s="20">
        <v>0</v>
      </c>
      <c r="G144" s="20">
        <v>-1.0260887E-2</v>
      </c>
      <c r="H144" s="20">
        <v>0</v>
      </c>
      <c r="I144" s="20">
        <v>1.3717149E-2</v>
      </c>
      <c r="J144" s="20">
        <v>0</v>
      </c>
      <c r="K144" s="20">
        <v>4.7351018000000002E-2</v>
      </c>
      <c r="L144" s="20">
        <v>13.506299</v>
      </c>
      <c r="M144" s="20">
        <v>0.49182081999999999</v>
      </c>
      <c r="N144" s="20">
        <v>1.5079627E-2</v>
      </c>
      <c r="O144" s="20">
        <v>0.52428744999999999</v>
      </c>
      <c r="P144" s="20">
        <v>0.97931911999999999</v>
      </c>
      <c r="Q144" s="20">
        <f t="shared" si="4"/>
        <v>2.0105070170000001</v>
      </c>
      <c r="R144" s="20">
        <v>6.0358459</v>
      </c>
      <c r="S144" s="20">
        <v>5.1367958999999998E-2</v>
      </c>
      <c r="T144" s="20">
        <v>0.11235185</v>
      </c>
      <c r="U144" s="20">
        <v>0.68116129999999997</v>
      </c>
      <c r="V144" s="20">
        <v>14.597246999999999</v>
      </c>
      <c r="X144" s="20">
        <f t="shared" si="5"/>
        <v>15.3927619109615</v>
      </c>
    </row>
    <row r="145" spans="2:24">
      <c r="B145" s="23">
        <v>0.53541666666569654</v>
      </c>
      <c r="C145" s="20">
        <v>2.3734025999999999</v>
      </c>
      <c r="D145" s="20">
        <v>0</v>
      </c>
      <c r="E145" s="20">
        <v>5.7214216999999998E-2</v>
      </c>
      <c r="F145" s="20">
        <v>0</v>
      </c>
      <c r="G145" s="20">
        <v>-9.2343476999999993E-2</v>
      </c>
      <c r="H145" s="20">
        <v>0</v>
      </c>
      <c r="I145" s="20">
        <v>1.2904270000000001E-2</v>
      </c>
      <c r="J145" s="20">
        <v>0</v>
      </c>
      <c r="K145" s="20">
        <v>4.2319162E-2</v>
      </c>
      <c r="L145" s="20">
        <v>5.5762299999999998</v>
      </c>
      <c r="M145" s="20">
        <v>0.26496725999999998</v>
      </c>
      <c r="N145" s="20">
        <v>1.0043824E-2</v>
      </c>
      <c r="O145" s="20">
        <v>0.19016835000000001</v>
      </c>
      <c r="P145" s="20">
        <v>0.43618887000000001</v>
      </c>
      <c r="Q145" s="20">
        <f t="shared" si="4"/>
        <v>0.90136830400000001</v>
      </c>
      <c r="R145" s="20">
        <v>2.9885937999999999</v>
      </c>
      <c r="S145" s="20">
        <v>5.7214216999999998E-2</v>
      </c>
      <c r="T145" s="20">
        <v>3.1281946999999997E-2</v>
      </c>
      <c r="U145" s="20">
        <v>0.66101617999999995</v>
      </c>
      <c r="V145" s="20">
        <v>9.7354696999999994</v>
      </c>
      <c r="X145" s="20">
        <f t="shared" si="5"/>
        <v>10.428660657929301</v>
      </c>
    </row>
    <row r="146" spans="2:24">
      <c r="B146" s="23">
        <v>0.53591435185080627</v>
      </c>
      <c r="C146" s="20">
        <v>1.6486381000000001</v>
      </c>
      <c r="D146" s="20">
        <v>0</v>
      </c>
      <c r="E146" s="20">
        <v>4.8146632000000002E-2</v>
      </c>
      <c r="F146" s="20">
        <v>0</v>
      </c>
      <c r="G146" s="20">
        <v>-1.7134208000000001E-2</v>
      </c>
      <c r="H146" s="20">
        <v>0</v>
      </c>
      <c r="I146" s="20">
        <v>1.7029664999999999E-2</v>
      </c>
      <c r="J146" s="20">
        <v>0</v>
      </c>
      <c r="K146" s="20">
        <v>5.1572583999999998E-2</v>
      </c>
      <c r="L146" s="20">
        <v>3.7519129000000002</v>
      </c>
      <c r="M146" s="20">
        <v>0.23619176</v>
      </c>
      <c r="N146" s="20">
        <v>1.2972945E-2</v>
      </c>
      <c r="O146" s="20">
        <v>0.12225421</v>
      </c>
      <c r="P146" s="20">
        <v>0.22157072</v>
      </c>
      <c r="Q146" s="20">
        <f t="shared" si="4"/>
        <v>0.59298963500000001</v>
      </c>
      <c r="R146" s="20">
        <v>2.221762</v>
      </c>
      <c r="S146" s="20">
        <v>4.8146632000000002E-2</v>
      </c>
      <c r="T146" s="20">
        <v>0</v>
      </c>
      <c r="U146" s="20">
        <v>0.66425069999999997</v>
      </c>
      <c r="V146" s="20">
        <v>3.5984242000000002</v>
      </c>
      <c r="X146" s="20">
        <f t="shared" si="5"/>
        <v>4.2632890301940005</v>
      </c>
    </row>
    <row r="147" spans="2:24">
      <c r="B147" s="23">
        <v>0.536412037035916</v>
      </c>
      <c r="C147" s="20">
        <v>1.4644740000000001</v>
      </c>
      <c r="D147" s="20">
        <v>0</v>
      </c>
      <c r="E147" s="20">
        <v>3.6805538999999998E-2</v>
      </c>
      <c r="F147" s="20">
        <v>0</v>
      </c>
      <c r="G147" s="20">
        <v>-6.2528378000000005E-4</v>
      </c>
      <c r="H147" s="20">
        <v>0</v>
      </c>
      <c r="I147" s="20">
        <v>1.6264636999999998E-2</v>
      </c>
      <c r="J147" s="20">
        <v>0</v>
      </c>
      <c r="K147" s="20">
        <v>1.7711530999999999E-2</v>
      </c>
      <c r="L147" s="20">
        <v>3.6933995999999998</v>
      </c>
      <c r="M147" s="20">
        <v>0.11858370999999999</v>
      </c>
      <c r="N147" s="20">
        <v>0</v>
      </c>
      <c r="O147" s="20">
        <v>0.13686414999999999</v>
      </c>
      <c r="P147" s="20">
        <v>0.19117777</v>
      </c>
      <c r="Q147" s="20">
        <f t="shared" si="4"/>
        <v>0.44662563</v>
      </c>
      <c r="R147" s="20">
        <v>2.0041756999999998</v>
      </c>
      <c r="S147" s="20">
        <v>3.6805538999999998E-2</v>
      </c>
      <c r="T147" s="20">
        <v>0</v>
      </c>
      <c r="U147" s="20">
        <v>0.68964597000000005</v>
      </c>
      <c r="V147" s="20">
        <v>1.6259313</v>
      </c>
      <c r="X147" s="20">
        <f t="shared" si="5"/>
        <v>2.3161484161192218</v>
      </c>
    </row>
    <row r="148" spans="2:24">
      <c r="B148" s="23">
        <v>0.53692129629780538</v>
      </c>
      <c r="C148" s="20">
        <v>1.2490022000000001</v>
      </c>
      <c r="D148" s="20">
        <v>6.3415976999999998E-2</v>
      </c>
      <c r="E148" s="20">
        <v>3.9158951999999997E-2</v>
      </c>
      <c r="F148" s="20">
        <v>0</v>
      </c>
      <c r="G148" s="20">
        <v>-1.9644554000000002E-2</v>
      </c>
      <c r="H148" s="20">
        <v>0</v>
      </c>
      <c r="I148" s="20">
        <v>2.3903995000000001E-2</v>
      </c>
      <c r="J148" s="20">
        <v>0</v>
      </c>
      <c r="K148" s="20">
        <v>2.0073844E-2</v>
      </c>
      <c r="L148" s="20">
        <v>4.0001932</v>
      </c>
      <c r="M148" s="20">
        <v>0.1883137</v>
      </c>
      <c r="N148" s="20">
        <v>0</v>
      </c>
      <c r="O148" s="20">
        <v>0.16256950000000001</v>
      </c>
      <c r="P148" s="20">
        <v>0.13532067</v>
      </c>
      <c r="Q148" s="20">
        <f t="shared" si="4"/>
        <v>0.48620386999999998</v>
      </c>
      <c r="R148" s="20">
        <v>1.529474</v>
      </c>
      <c r="S148" s="20">
        <v>0.10257492999999999</v>
      </c>
      <c r="T148" s="20">
        <v>1.8692876000000001E-2</v>
      </c>
      <c r="U148" s="20">
        <v>0.70407560999999996</v>
      </c>
      <c r="V148" s="20">
        <v>0.66154438000000004</v>
      </c>
      <c r="X148" s="20">
        <f t="shared" si="5"/>
        <v>1.3849093542414002</v>
      </c>
    </row>
    <row r="149" spans="2:24">
      <c r="B149" s="23">
        <v>0.53741898148291511</v>
      </c>
      <c r="C149" s="20">
        <v>0.92263817999999997</v>
      </c>
      <c r="D149" s="20">
        <v>0.11857094999999999</v>
      </c>
      <c r="E149" s="20">
        <v>4.3719174999999999E-2</v>
      </c>
      <c r="F149" s="20">
        <v>0</v>
      </c>
      <c r="G149" s="20">
        <v>-3.0557365E-2</v>
      </c>
      <c r="H149" s="20">
        <v>0</v>
      </c>
      <c r="I149" s="20">
        <v>1.1058632000000001E-2</v>
      </c>
      <c r="J149" s="20">
        <v>0</v>
      </c>
      <c r="K149" s="20">
        <v>1.4312383999999999E-2</v>
      </c>
      <c r="L149" s="20">
        <v>3.9960879999999999</v>
      </c>
      <c r="M149" s="20">
        <v>0.18341188999999999</v>
      </c>
      <c r="N149" s="20">
        <v>0</v>
      </c>
      <c r="O149" s="20">
        <v>0.16701376000000001</v>
      </c>
      <c r="P149" s="20">
        <v>0.16856028000000001</v>
      </c>
      <c r="Q149" s="20">
        <f t="shared" si="4"/>
        <v>0.51898593000000004</v>
      </c>
      <c r="R149" s="20">
        <v>1.2263725999999999</v>
      </c>
      <c r="S149" s="20">
        <v>0.16229012000000001</v>
      </c>
      <c r="T149" s="20">
        <v>1.2835357E-2</v>
      </c>
      <c r="U149" s="20">
        <v>0.69223486000000001</v>
      </c>
      <c r="V149" s="20">
        <v>0.39879668000000001</v>
      </c>
      <c r="X149" s="20">
        <f t="shared" si="5"/>
        <v>1.1044426076006</v>
      </c>
    </row>
    <row r="150" spans="2:24">
      <c r="B150" s="23">
        <v>0.53791666666802485</v>
      </c>
      <c r="C150" s="20">
        <v>0.78790154999999995</v>
      </c>
      <c r="D150" s="20">
        <v>0.12525384000000001</v>
      </c>
      <c r="E150" s="20">
        <v>3.3294270000000001E-2</v>
      </c>
      <c r="F150" s="20">
        <v>3.5768731E-3</v>
      </c>
      <c r="G150" s="20">
        <v>6.0560161000000001E-2</v>
      </c>
      <c r="H150" s="20">
        <v>0</v>
      </c>
      <c r="I150" s="20">
        <v>5.1195952999999999E-3</v>
      </c>
      <c r="J150" s="20">
        <v>0</v>
      </c>
      <c r="K150" s="20">
        <v>1.5798593999999999E-2</v>
      </c>
      <c r="L150" s="20">
        <v>3.8871547</v>
      </c>
      <c r="M150" s="20">
        <v>6.3475188000000002E-2</v>
      </c>
      <c r="N150" s="20">
        <v>0</v>
      </c>
      <c r="O150" s="20">
        <v>0.11987167999999999</v>
      </c>
      <c r="P150" s="20">
        <v>0.12167082999999999</v>
      </c>
      <c r="Q150" s="20">
        <f t="shared" si="4"/>
        <v>0.305017698</v>
      </c>
      <c r="R150" s="20">
        <v>1.2788139999999999</v>
      </c>
      <c r="S150" s="20">
        <v>0.15854810999999999</v>
      </c>
      <c r="T150" s="20">
        <v>1.8732648000000001E-2</v>
      </c>
      <c r="U150" s="20">
        <v>0.68114114999999997</v>
      </c>
      <c r="V150" s="20">
        <v>0.28793128000000001</v>
      </c>
      <c r="X150" s="20">
        <f t="shared" si="5"/>
        <v>0.98834330053913999</v>
      </c>
    </row>
    <row r="151" spans="2:24">
      <c r="B151" s="23">
        <v>0.53841435185313458</v>
      </c>
      <c r="C151" s="20">
        <v>0.68324448999999998</v>
      </c>
      <c r="D151" s="20">
        <v>0</v>
      </c>
      <c r="E151" s="20">
        <v>2.0490848999999998E-2</v>
      </c>
      <c r="F151" s="20">
        <v>7.0674854000000002E-3</v>
      </c>
      <c r="G151" s="20">
        <v>-9.2919079999999998E-3</v>
      </c>
      <c r="H151" s="20">
        <v>0</v>
      </c>
      <c r="I151" s="20">
        <v>0</v>
      </c>
      <c r="J151" s="20">
        <v>0</v>
      </c>
      <c r="K151" s="20">
        <v>1.9480807999999999E-2</v>
      </c>
      <c r="L151" s="20">
        <v>3.7418505</v>
      </c>
      <c r="M151" s="20">
        <v>3.7753227E-2</v>
      </c>
      <c r="N151" s="20">
        <v>0</v>
      </c>
      <c r="O151" s="20">
        <v>8.3432893999999994E-2</v>
      </c>
      <c r="P151" s="20">
        <v>9.7008259999999999E-2</v>
      </c>
      <c r="Q151" s="20">
        <f t="shared" si="4"/>
        <v>0.21819438099999999</v>
      </c>
      <c r="R151" s="20">
        <v>1.4311052</v>
      </c>
      <c r="S151" s="20">
        <v>2.0490848999999998E-2</v>
      </c>
      <c r="T151" s="20">
        <v>0</v>
      </c>
      <c r="U151" s="20">
        <v>0.68005607000000001</v>
      </c>
      <c r="V151" s="20">
        <v>0.21354987</v>
      </c>
      <c r="X151" s="20">
        <f t="shared" si="5"/>
        <v>0.89407609274544009</v>
      </c>
    </row>
    <row r="152" spans="2:24">
      <c r="B152" s="23">
        <v>0.53891203703824431</v>
      </c>
      <c r="C152" s="20">
        <v>1.0110589999999999</v>
      </c>
      <c r="D152" s="20">
        <v>7.1367333000000005E-4</v>
      </c>
      <c r="E152" s="20">
        <v>3.1022801999999999E-2</v>
      </c>
      <c r="F152" s="20">
        <v>1.7143915999999999E-2</v>
      </c>
      <c r="G152" s="20">
        <v>-5.8774808000000003E-4</v>
      </c>
      <c r="H152" s="20">
        <v>0</v>
      </c>
      <c r="I152" s="20">
        <v>1.7902746000000001E-3</v>
      </c>
      <c r="J152" s="20">
        <v>0</v>
      </c>
      <c r="K152" s="20">
        <v>1.2280938E-2</v>
      </c>
      <c r="L152" s="20">
        <v>4.9856449999999999</v>
      </c>
      <c r="M152" s="20">
        <v>4.2656947000000001E-2</v>
      </c>
      <c r="N152" s="20">
        <v>0.23709573</v>
      </c>
      <c r="O152" s="20">
        <v>0.11290066</v>
      </c>
      <c r="P152" s="20">
        <v>5.6066959999999999E-2</v>
      </c>
      <c r="Q152" s="20">
        <f t="shared" si="4"/>
        <v>0.44872029699999999</v>
      </c>
      <c r="R152" s="20">
        <v>2.0733397999999998</v>
      </c>
      <c r="S152" s="20">
        <v>3.1736475E-2</v>
      </c>
      <c r="T152" s="20">
        <v>1.1780717E-2</v>
      </c>
      <c r="U152" s="20">
        <v>0.73907537000000001</v>
      </c>
      <c r="V152" s="20">
        <v>0.40013141000000002</v>
      </c>
      <c r="X152" s="20">
        <f t="shared" si="5"/>
        <v>1.1516414494627851</v>
      </c>
    </row>
    <row r="153" spans="2:24">
      <c r="B153" s="23">
        <v>0.53942129629285773</v>
      </c>
      <c r="C153" s="20">
        <v>1.0862088999999999</v>
      </c>
      <c r="D153" s="20">
        <v>2.2526699000000001E-2</v>
      </c>
      <c r="E153" s="20">
        <v>4.2724637000000003E-2</v>
      </c>
      <c r="F153" s="20">
        <v>0</v>
      </c>
      <c r="G153" s="20">
        <v>-9.6022512000000001E-3</v>
      </c>
      <c r="H153" s="20">
        <v>0</v>
      </c>
      <c r="I153" s="20">
        <v>4.6018726000000001E-3</v>
      </c>
      <c r="J153" s="20">
        <v>0</v>
      </c>
      <c r="K153" s="20">
        <v>1.1457414000000001E-2</v>
      </c>
      <c r="L153" s="20">
        <v>5.5208896000000003</v>
      </c>
      <c r="M153" s="20">
        <v>4.3629122999999999E-2</v>
      </c>
      <c r="N153" s="20">
        <v>0.25618021000000002</v>
      </c>
      <c r="O153" s="20">
        <v>0.26726244999999998</v>
      </c>
      <c r="P153" s="20">
        <v>6.9952992000000006E-2</v>
      </c>
      <c r="Q153" s="20">
        <f t="shared" si="4"/>
        <v>0.6370247750000001</v>
      </c>
      <c r="R153" s="20">
        <v>2.5981576</v>
      </c>
      <c r="S153" s="20">
        <v>6.5251335999999993E-2</v>
      </c>
      <c r="T153" s="20">
        <v>6.4705868E-2</v>
      </c>
      <c r="U153" s="20">
        <v>0.81914575999999995</v>
      </c>
      <c r="V153" s="20">
        <v>0.47540568999999999</v>
      </c>
      <c r="X153" s="20">
        <f t="shared" si="5"/>
        <v>1.3599954262982401</v>
      </c>
    </row>
    <row r="154" spans="2:24">
      <c r="B154" s="23">
        <v>0.53991898147796746</v>
      </c>
      <c r="C154" s="20">
        <v>1.2858137999999999</v>
      </c>
      <c r="D154" s="20">
        <v>2.8747891000000001E-2</v>
      </c>
      <c r="E154" s="20">
        <v>6.6496552E-2</v>
      </c>
      <c r="F154" s="20">
        <v>0</v>
      </c>
      <c r="G154" s="20">
        <v>-9.3640547000000008E-3</v>
      </c>
      <c r="H154" s="20">
        <v>0</v>
      </c>
      <c r="I154" s="20">
        <v>5.1221573000000001E-3</v>
      </c>
      <c r="J154" s="20">
        <v>0</v>
      </c>
      <c r="K154" s="20">
        <v>1.1265628E-2</v>
      </c>
      <c r="L154" s="20">
        <v>5.8530555</v>
      </c>
      <c r="M154" s="20">
        <v>0</v>
      </c>
      <c r="N154" s="20">
        <v>0.24902864999999999</v>
      </c>
      <c r="O154" s="20">
        <v>0.24058481000000001</v>
      </c>
      <c r="P154" s="20">
        <v>8.5970194E-2</v>
      </c>
      <c r="Q154" s="20">
        <f t="shared" si="4"/>
        <v>0.575583654</v>
      </c>
      <c r="R154" s="20">
        <v>2.8929990000000001</v>
      </c>
      <c r="S154" s="20">
        <v>9.5244442999999998E-2</v>
      </c>
      <c r="T154" s="20">
        <v>0.10478443</v>
      </c>
      <c r="U154" s="20">
        <v>0.89601812000000003</v>
      </c>
      <c r="V154" s="20">
        <v>0.40057631999999999</v>
      </c>
      <c r="X154" s="20">
        <f t="shared" si="5"/>
        <v>1.4021700665570598</v>
      </c>
    </row>
    <row r="155" spans="2:24">
      <c r="B155" s="23">
        <v>0.54041666666307719</v>
      </c>
      <c r="C155" s="20">
        <v>1.6509971999999999</v>
      </c>
      <c r="D155" s="20">
        <v>9.6434134000000005E-2</v>
      </c>
      <c r="E155" s="20">
        <v>6.4655854999999998E-2</v>
      </c>
      <c r="F155" s="20">
        <v>0</v>
      </c>
      <c r="G155" s="20">
        <v>-1.5081644E-2</v>
      </c>
      <c r="H155" s="20">
        <v>0</v>
      </c>
      <c r="I155" s="20">
        <v>9.8528882999999994E-3</v>
      </c>
      <c r="J155" s="20">
        <v>0</v>
      </c>
      <c r="K155" s="20">
        <v>1.7800140999999998E-2</v>
      </c>
      <c r="L155" s="20">
        <v>5.7405963</v>
      </c>
      <c r="M155" s="20">
        <v>0</v>
      </c>
      <c r="N155" s="20">
        <v>0</v>
      </c>
      <c r="O155" s="20">
        <v>0.30795634</v>
      </c>
      <c r="P155" s="20">
        <v>0.14325672</v>
      </c>
      <c r="Q155" s="20">
        <f t="shared" si="4"/>
        <v>0.45121306</v>
      </c>
      <c r="R155" s="20">
        <v>2.6529112000000001</v>
      </c>
      <c r="S155" s="20">
        <v>0.16108998999999999</v>
      </c>
      <c r="T155" s="20">
        <v>0.10738549999999999</v>
      </c>
      <c r="U155" s="20">
        <v>0.9396487</v>
      </c>
      <c r="V155" s="20">
        <v>0.51394129</v>
      </c>
      <c r="X155" s="20">
        <f t="shared" si="5"/>
        <v>1.56179324579243</v>
      </c>
    </row>
    <row r="156" spans="2:24">
      <c r="B156" s="23">
        <v>0.54091435185546288</v>
      </c>
      <c r="C156" s="20">
        <v>2.4129768</v>
      </c>
      <c r="D156" s="20">
        <v>0.10318948999999999</v>
      </c>
      <c r="E156" s="20">
        <v>6.2634857000000002E-2</v>
      </c>
      <c r="F156" s="20">
        <v>0</v>
      </c>
      <c r="G156" s="20">
        <v>-4.1288252999999997E-2</v>
      </c>
      <c r="H156" s="20">
        <v>0</v>
      </c>
      <c r="I156" s="20">
        <v>8.8731164000000005E-3</v>
      </c>
      <c r="J156" s="20">
        <v>0</v>
      </c>
      <c r="K156" s="20">
        <v>1.7204041E-2</v>
      </c>
      <c r="L156" s="20">
        <v>6.9272143000000002</v>
      </c>
      <c r="M156" s="20">
        <v>0.26739039999999997</v>
      </c>
      <c r="N156" s="20">
        <v>0</v>
      </c>
      <c r="O156" s="20">
        <v>0.32757090999999999</v>
      </c>
      <c r="P156" s="20">
        <v>0.22323285000000001</v>
      </c>
      <c r="Q156" s="20">
        <f t="shared" si="4"/>
        <v>0.81819416</v>
      </c>
      <c r="R156" s="20">
        <v>3.3593592999999999</v>
      </c>
      <c r="S156" s="20">
        <v>0.16582435000000001</v>
      </c>
      <c r="T156" s="20">
        <v>0.10753210000000001</v>
      </c>
      <c r="U156" s="20">
        <v>0.97224487000000004</v>
      </c>
      <c r="V156" s="20">
        <v>0.55018853000000001</v>
      </c>
      <c r="X156" s="20">
        <f t="shared" si="5"/>
        <v>1.6310129822861399</v>
      </c>
    </row>
    <row r="157" spans="2:24">
      <c r="B157" s="23">
        <v>0.54142361111007631</v>
      </c>
      <c r="C157" s="20">
        <v>3.2278563999999998</v>
      </c>
      <c r="D157" s="20">
        <v>0.16480781</v>
      </c>
      <c r="E157" s="20">
        <v>6.0279023000000001E-2</v>
      </c>
      <c r="F157" s="20">
        <v>0</v>
      </c>
      <c r="G157" s="20">
        <v>-1.3355161000000001E-2</v>
      </c>
      <c r="H157" s="20">
        <v>0</v>
      </c>
      <c r="I157" s="20">
        <v>7.2166028000000002E-3</v>
      </c>
      <c r="J157" s="20">
        <v>0</v>
      </c>
      <c r="K157" s="20">
        <v>9.7061672000000009E-3</v>
      </c>
      <c r="L157" s="20">
        <v>8.6181797000000007</v>
      </c>
      <c r="M157" s="20">
        <v>0.28547249000000002</v>
      </c>
      <c r="N157" s="20">
        <v>0</v>
      </c>
      <c r="O157" s="20">
        <v>0.42201422</v>
      </c>
      <c r="P157" s="20">
        <v>0.36329433999999999</v>
      </c>
      <c r="Q157" s="20">
        <f t="shared" si="4"/>
        <v>1.0707810499999999</v>
      </c>
      <c r="R157" s="20">
        <v>3.9051543999999998</v>
      </c>
      <c r="S157" s="20">
        <v>0.22508682999999999</v>
      </c>
      <c r="T157" s="20">
        <v>0.10017921</v>
      </c>
      <c r="U157" s="20">
        <v>1.0065550000000001</v>
      </c>
      <c r="V157" s="20">
        <v>0.66227994000000001</v>
      </c>
      <c r="X157" s="20">
        <f t="shared" si="5"/>
        <v>1.7703512058422002</v>
      </c>
    </row>
    <row r="158" spans="2:24">
      <c r="B158" s="23">
        <v>0.54192129629518604</v>
      </c>
      <c r="C158" s="20">
        <v>3.5152877999999999</v>
      </c>
      <c r="D158" s="20">
        <v>3.0466951999999999E-2</v>
      </c>
      <c r="E158" s="20">
        <v>4.9785308E-2</v>
      </c>
      <c r="F158" s="20">
        <v>0</v>
      </c>
      <c r="G158" s="20">
        <v>5.1402256000000002E-3</v>
      </c>
      <c r="H158" s="20">
        <v>0</v>
      </c>
      <c r="I158" s="20">
        <v>5.8607158000000001E-3</v>
      </c>
      <c r="J158" s="20">
        <v>0</v>
      </c>
      <c r="K158" s="20">
        <v>7.4418391999999996E-3</v>
      </c>
      <c r="L158" s="20">
        <v>9.2670103000000008</v>
      </c>
      <c r="M158" s="20">
        <v>0.29140485999999999</v>
      </c>
      <c r="N158" s="20">
        <v>0</v>
      </c>
      <c r="O158" s="20">
        <v>0.46243044</v>
      </c>
      <c r="P158" s="20">
        <v>0.30972028000000001</v>
      </c>
      <c r="Q158" s="20">
        <f t="shared" si="4"/>
        <v>1.0635555800000001</v>
      </c>
      <c r="R158" s="20">
        <v>3.8897664999999999</v>
      </c>
      <c r="S158" s="20">
        <v>8.0252260000000006E-2</v>
      </c>
      <c r="T158" s="20">
        <v>0.12430979</v>
      </c>
      <c r="U158" s="20">
        <v>1.0326074000000001</v>
      </c>
      <c r="V158" s="20">
        <v>0.65345301</v>
      </c>
      <c r="X158" s="20">
        <f t="shared" si="5"/>
        <v>1.8117726800980603</v>
      </c>
    </row>
    <row r="159" spans="2:24">
      <c r="B159" s="23">
        <v>0.54241898148029577</v>
      </c>
      <c r="C159" s="20">
        <v>3.4493797000000002</v>
      </c>
      <c r="D159" s="20">
        <v>4.9013197000000001E-3</v>
      </c>
      <c r="E159" s="20">
        <v>6.2947094999999995E-2</v>
      </c>
      <c r="F159" s="20">
        <v>0</v>
      </c>
      <c r="G159" s="20">
        <v>-1.7323809999999999E-2</v>
      </c>
      <c r="H159" s="20">
        <v>0</v>
      </c>
      <c r="I159" s="20">
        <v>9.2944767999999997E-3</v>
      </c>
      <c r="J159" s="20">
        <v>0</v>
      </c>
      <c r="K159" s="20">
        <v>4.0567453000000003E-2</v>
      </c>
      <c r="L159" s="20">
        <v>9.1593321999999997</v>
      </c>
      <c r="M159" s="20">
        <v>4.6590900999999997E-2</v>
      </c>
      <c r="N159" s="20">
        <v>0</v>
      </c>
      <c r="O159" s="20">
        <v>0.36195326</v>
      </c>
      <c r="P159" s="20">
        <v>0.32621191999999999</v>
      </c>
      <c r="Q159" s="20">
        <f t="shared" si="4"/>
        <v>0.73475608100000001</v>
      </c>
      <c r="R159" s="20">
        <v>3.2101345000000001</v>
      </c>
      <c r="S159" s="20">
        <v>6.7848413999999996E-2</v>
      </c>
      <c r="T159" s="20">
        <v>9.0303530000000007E-2</v>
      </c>
      <c r="U159" s="20">
        <v>1.0425567</v>
      </c>
      <c r="V159" s="20">
        <v>0.73204155000000004</v>
      </c>
      <c r="X159" s="20">
        <f t="shared" si="5"/>
        <v>1.8662529502929499</v>
      </c>
    </row>
    <row r="160" spans="2:24">
      <c r="B160" s="23">
        <v>0.5429166666654055</v>
      </c>
      <c r="C160" s="20">
        <v>3.1284538</v>
      </c>
      <c r="D160" s="20">
        <v>0</v>
      </c>
      <c r="E160" s="20">
        <v>4.6244674999999999E-2</v>
      </c>
      <c r="F160" s="20">
        <v>0</v>
      </c>
      <c r="G160" s="20">
        <v>-3.3854994999999999E-2</v>
      </c>
      <c r="H160" s="20">
        <v>0</v>
      </c>
      <c r="I160" s="20">
        <v>8.0196885000000002E-3</v>
      </c>
      <c r="J160" s="20">
        <v>0</v>
      </c>
      <c r="K160" s="20">
        <v>4.9242188999999999E-2</v>
      </c>
      <c r="L160" s="20">
        <v>8.4378544000000009</v>
      </c>
      <c r="M160" s="20">
        <v>4.6251992999999998E-2</v>
      </c>
      <c r="N160" s="20">
        <v>0</v>
      </c>
      <c r="O160" s="20">
        <v>0.35728412999999998</v>
      </c>
      <c r="P160" s="20">
        <v>0.24138072999999999</v>
      </c>
      <c r="Q160" s="20">
        <f t="shared" si="4"/>
        <v>0.64491685300000001</v>
      </c>
      <c r="R160" s="20">
        <v>2.9483038000000001</v>
      </c>
      <c r="S160" s="20">
        <v>4.6244674999999999E-2</v>
      </c>
      <c r="T160" s="20">
        <v>5.9115312000000003E-2</v>
      </c>
      <c r="U160" s="20">
        <v>1.0700607</v>
      </c>
      <c r="V160" s="20">
        <v>0.66227994000000001</v>
      </c>
      <c r="X160" s="20">
        <f t="shared" si="5"/>
        <v>1.7926886641285502</v>
      </c>
    </row>
    <row r="161" spans="2:24">
      <c r="B161" s="23">
        <v>0.54341435185051523</v>
      </c>
      <c r="C161" s="20">
        <v>2.9158434999999998</v>
      </c>
      <c r="D161" s="20">
        <v>0</v>
      </c>
      <c r="E161" s="20">
        <v>4.0816344999999997E-2</v>
      </c>
      <c r="F161" s="20">
        <v>0</v>
      </c>
      <c r="G161" s="20">
        <v>-6.3771458000000003E-2</v>
      </c>
      <c r="H161" s="20">
        <v>0</v>
      </c>
      <c r="I161" s="20">
        <v>6.2064959000000001E-3</v>
      </c>
      <c r="J161" s="20">
        <v>0</v>
      </c>
      <c r="K161" s="20">
        <v>7.6120910999999999E-2</v>
      </c>
      <c r="L161" s="20">
        <v>7.5829595999999997</v>
      </c>
      <c r="M161" s="20">
        <v>0.13627756999999999</v>
      </c>
      <c r="N161" s="20">
        <v>4.9827674000000002E-2</v>
      </c>
      <c r="O161" s="20">
        <v>0.28676108</v>
      </c>
      <c r="P161" s="20">
        <v>0.31959722000000002</v>
      </c>
      <c r="Q161" s="20">
        <f t="shared" si="4"/>
        <v>0.79246354400000008</v>
      </c>
      <c r="R161" s="20">
        <v>3.2727871999999998</v>
      </c>
      <c r="S161" s="20">
        <v>4.0816344999999997E-2</v>
      </c>
      <c r="T161" s="20">
        <v>4.9030328999999997E-2</v>
      </c>
      <c r="U161" s="20">
        <v>1.1026558</v>
      </c>
      <c r="V161" s="20">
        <v>0.96390299999999995</v>
      </c>
      <c r="X161" s="20">
        <f t="shared" si="5"/>
        <v>2.11672827452829</v>
      </c>
    </row>
    <row r="162" spans="2:24">
      <c r="B162" s="23">
        <v>0.54391203703562496</v>
      </c>
      <c r="C162" s="20">
        <v>2.6161854</v>
      </c>
      <c r="D162" s="20">
        <v>0</v>
      </c>
      <c r="E162" s="20">
        <v>4.8248832999999998E-2</v>
      </c>
      <c r="F162" s="20">
        <v>0</v>
      </c>
      <c r="G162" s="20">
        <v>-5.4544637999999999E-2</v>
      </c>
      <c r="H162" s="20">
        <v>0</v>
      </c>
      <c r="I162" s="20">
        <v>3.4597674E-3</v>
      </c>
      <c r="J162" s="20">
        <v>0</v>
      </c>
      <c r="K162" s="20">
        <v>4.7680308999999997E-2</v>
      </c>
      <c r="L162" s="20">
        <v>6.6605935000000001</v>
      </c>
      <c r="M162" s="20">
        <v>0.13204784</v>
      </c>
      <c r="N162" s="20">
        <v>5.2503532999999998E-2</v>
      </c>
      <c r="O162" s="20">
        <v>0.24595508999999999</v>
      </c>
      <c r="P162" s="20">
        <v>0.20576116</v>
      </c>
      <c r="Q162" s="20">
        <f t="shared" si="4"/>
        <v>0.63626762299999995</v>
      </c>
      <c r="R162" s="20">
        <v>3.0628898000000002</v>
      </c>
      <c r="S162" s="20">
        <v>4.8248832999999998E-2</v>
      </c>
      <c r="T162" s="20">
        <v>5.4056504999999998E-2</v>
      </c>
      <c r="U162" s="20">
        <v>1.1490084</v>
      </c>
      <c r="V162" s="20">
        <v>0.77685223000000003</v>
      </c>
      <c r="X162" s="20">
        <f t="shared" si="5"/>
        <v>1.9809177489627401</v>
      </c>
    </row>
    <row r="163" spans="2:24">
      <c r="B163" s="23">
        <v>0.54442129629751435</v>
      </c>
      <c r="C163" s="20">
        <v>2.2953264</v>
      </c>
      <c r="D163" s="20">
        <v>2.2555808E-2</v>
      </c>
      <c r="E163" s="20">
        <v>6.0064024000000001E-2</v>
      </c>
      <c r="F163" s="20">
        <v>0</v>
      </c>
      <c r="G163" s="20">
        <v>-1.3995343E-2</v>
      </c>
      <c r="H163" s="20">
        <v>0</v>
      </c>
      <c r="I163" s="20">
        <v>1.0548527E-2</v>
      </c>
      <c r="J163" s="20">
        <v>0</v>
      </c>
      <c r="K163" s="20">
        <v>3.994549E-2</v>
      </c>
      <c r="L163" s="20">
        <v>5.8935155000000004</v>
      </c>
      <c r="M163" s="20">
        <v>0.12537180000000001</v>
      </c>
      <c r="N163" s="20">
        <v>2.6975854E-2</v>
      </c>
      <c r="O163" s="20">
        <v>0.13975760000000001</v>
      </c>
      <c r="P163" s="20">
        <v>0.19308254</v>
      </c>
      <c r="Q163" s="20">
        <f t="shared" si="4"/>
        <v>0.48518779400000001</v>
      </c>
      <c r="R163" s="20">
        <v>2.6122521999999999</v>
      </c>
      <c r="S163" s="20">
        <v>8.2619833000000004E-2</v>
      </c>
      <c r="T163" s="20">
        <v>5.8964783999999999E-2</v>
      </c>
      <c r="U163" s="20">
        <v>1.1637668000000001</v>
      </c>
      <c r="V163" s="20">
        <v>0.70195304999999997</v>
      </c>
      <c r="X163" s="20">
        <f t="shared" si="5"/>
        <v>1.9255722108033002</v>
      </c>
    </row>
    <row r="164" spans="2:24">
      <c r="B164" s="23">
        <v>0.54491898148262408</v>
      </c>
      <c r="C164" s="20">
        <v>1.9400664999999999</v>
      </c>
      <c r="D164" s="20">
        <v>0.24744299</v>
      </c>
      <c r="E164" s="20">
        <v>8.2135579E-2</v>
      </c>
      <c r="F164" s="20">
        <v>0</v>
      </c>
      <c r="G164" s="20">
        <v>-4.3354274999999998E-2</v>
      </c>
      <c r="H164" s="20">
        <v>0</v>
      </c>
      <c r="I164" s="20">
        <v>1.7995227999999999E-2</v>
      </c>
      <c r="J164" s="20">
        <v>0</v>
      </c>
      <c r="K164" s="20">
        <v>8.3663695999999996E-3</v>
      </c>
      <c r="L164" s="20">
        <v>5.2370055000000004</v>
      </c>
      <c r="M164" s="20">
        <v>4.0976694000000001E-2</v>
      </c>
      <c r="N164" s="20">
        <v>0</v>
      </c>
      <c r="O164" s="20">
        <v>7.3711011000000007E-2</v>
      </c>
      <c r="P164" s="20">
        <v>7.4958759999999999E-2</v>
      </c>
      <c r="Q164" s="20">
        <f t="shared" si="4"/>
        <v>0.18964646499999999</v>
      </c>
      <c r="R164" s="20">
        <v>2.0991751999999999</v>
      </c>
      <c r="S164" s="20">
        <v>0.32957857000000002</v>
      </c>
      <c r="T164" s="20">
        <v>7.0979788000000002E-2</v>
      </c>
      <c r="U164" s="20">
        <v>1.1765734999999999</v>
      </c>
      <c r="V164" s="20">
        <v>0.62701023</v>
      </c>
      <c r="X164" s="20">
        <f t="shared" si="5"/>
        <v>1.87536440629266</v>
      </c>
    </row>
    <row r="165" spans="2:24">
      <c r="B165" s="23">
        <v>0.54541666666773381</v>
      </c>
      <c r="C165" s="20">
        <v>1.5983031000000001</v>
      </c>
      <c r="D165" s="20">
        <v>0.26036424000000002</v>
      </c>
      <c r="E165" s="20">
        <v>9.4745881000000004E-2</v>
      </c>
      <c r="F165" s="20">
        <v>0</v>
      </c>
      <c r="G165" s="20">
        <v>-3.6198158000000001E-2</v>
      </c>
      <c r="H165" s="20">
        <v>0</v>
      </c>
      <c r="I165" s="20">
        <v>1.7011477000000001E-2</v>
      </c>
      <c r="J165" s="20">
        <v>0</v>
      </c>
      <c r="K165" s="20">
        <v>6.8413635000000002E-4</v>
      </c>
      <c r="L165" s="20">
        <v>4.7290291</v>
      </c>
      <c r="M165" s="20">
        <v>9.489206E-4</v>
      </c>
      <c r="N165" s="20">
        <v>0</v>
      </c>
      <c r="O165" s="20">
        <v>0.102754</v>
      </c>
      <c r="P165" s="20">
        <v>0.10148997999999999</v>
      </c>
      <c r="Q165" s="20">
        <f t="shared" si="4"/>
        <v>0.20519290060000001</v>
      </c>
      <c r="R165" s="20">
        <v>1.8864491000000001</v>
      </c>
      <c r="S165" s="20">
        <v>0.35511011999999997</v>
      </c>
      <c r="T165" s="20">
        <v>6.5118617000000004E-2</v>
      </c>
      <c r="U165" s="20">
        <v>1.1931995</v>
      </c>
      <c r="V165" s="20">
        <v>0.70195304999999997</v>
      </c>
      <c r="X165" s="20">
        <f t="shared" si="5"/>
        <v>1.960993591279695</v>
      </c>
    </row>
    <row r="166" spans="2:24">
      <c r="B166" s="23">
        <v>0.54591435185284354</v>
      </c>
      <c r="C166" s="20">
        <v>1.3365372</v>
      </c>
      <c r="D166" s="20">
        <v>0.20442004</v>
      </c>
      <c r="E166" s="20">
        <v>0.10095691</v>
      </c>
      <c r="F166" s="20">
        <v>0</v>
      </c>
      <c r="G166" s="20">
        <v>-1.4474523E-2</v>
      </c>
      <c r="H166" s="20">
        <v>0</v>
      </c>
      <c r="I166" s="20">
        <v>1.201791E-2</v>
      </c>
      <c r="J166" s="20">
        <v>0</v>
      </c>
      <c r="K166" s="20">
        <v>0</v>
      </c>
      <c r="L166" s="20">
        <v>4.3562241999999998</v>
      </c>
      <c r="M166" s="20">
        <v>3.5140829999999999E-3</v>
      </c>
      <c r="N166" s="20">
        <v>4.0286217999999999E-2</v>
      </c>
      <c r="O166" s="20">
        <v>0.17177387</v>
      </c>
      <c r="P166" s="20">
        <v>7.0596515999999998E-2</v>
      </c>
      <c r="Q166" s="20">
        <f t="shared" si="4"/>
        <v>0.28617068699999998</v>
      </c>
      <c r="R166" s="20">
        <v>2.1702857</v>
      </c>
      <c r="S166" s="20">
        <v>0.30537694999999998</v>
      </c>
      <c r="T166" s="20">
        <v>8.3531878000000004E-2</v>
      </c>
      <c r="U166" s="20">
        <v>1.2306066</v>
      </c>
      <c r="V166" s="20">
        <v>0.77513228000000001</v>
      </c>
      <c r="X166" s="20">
        <f t="shared" si="5"/>
        <v>2.0899294809374003</v>
      </c>
    </row>
    <row r="167" spans="2:24">
      <c r="B167" s="23">
        <v>0.54642361111473292</v>
      </c>
      <c r="C167" s="20">
        <v>1.2410118999999999</v>
      </c>
      <c r="D167" s="20">
        <v>4.6462186000000003E-2</v>
      </c>
      <c r="E167" s="20">
        <v>9.2257938999999997E-2</v>
      </c>
      <c r="F167" s="20">
        <v>0</v>
      </c>
      <c r="G167" s="20">
        <v>-2.4797559E-2</v>
      </c>
      <c r="H167" s="20">
        <v>0</v>
      </c>
      <c r="I167" s="20">
        <v>3.1121096999999999E-3</v>
      </c>
      <c r="J167" s="20">
        <v>0</v>
      </c>
      <c r="K167" s="20">
        <v>3.8435424999999999E-3</v>
      </c>
      <c r="L167" s="20">
        <v>4.0405711000000002</v>
      </c>
      <c r="M167" s="20">
        <v>0</v>
      </c>
      <c r="N167" s="20">
        <v>4.5157410000000002E-2</v>
      </c>
      <c r="O167" s="20">
        <v>0.16932875999999999</v>
      </c>
      <c r="P167" s="20">
        <v>7.8976463999999996E-2</v>
      </c>
      <c r="Q167" s="20">
        <f t="shared" si="4"/>
        <v>0.293462634</v>
      </c>
      <c r="R167" s="20">
        <v>2.1379524999999999</v>
      </c>
      <c r="S167" s="20">
        <v>0.13872012</v>
      </c>
      <c r="T167" s="20">
        <v>4.2053412999999998E-2</v>
      </c>
      <c r="U167" s="20">
        <v>1.2516860999999999</v>
      </c>
      <c r="V167" s="20">
        <v>0.66154438000000004</v>
      </c>
      <c r="X167" s="20">
        <f t="shared" si="5"/>
        <v>1.9558673573972201</v>
      </c>
    </row>
    <row r="168" spans="2:24">
      <c r="B168" s="23">
        <v>0.54692129629984265</v>
      </c>
      <c r="C168" s="20">
        <v>1.1715009999999999</v>
      </c>
      <c r="D168" s="20">
        <v>3.7764644E-2</v>
      </c>
      <c r="E168" s="20">
        <v>6.7141059000000003E-2</v>
      </c>
      <c r="F168" s="20">
        <v>0</v>
      </c>
      <c r="G168" s="20">
        <v>-2.2846726000000001E-2</v>
      </c>
      <c r="H168" s="20">
        <v>0</v>
      </c>
      <c r="I168" s="20">
        <v>7.7224036999999999E-3</v>
      </c>
      <c r="J168" s="20">
        <v>0</v>
      </c>
      <c r="K168" s="20">
        <v>5.4290441000000002E-2</v>
      </c>
      <c r="L168" s="20">
        <v>3.8239394</v>
      </c>
      <c r="M168" s="20">
        <v>0</v>
      </c>
      <c r="N168" s="20">
        <v>5.3097330999999998E-2</v>
      </c>
      <c r="O168" s="20">
        <v>0.11613766</v>
      </c>
      <c r="P168" s="20">
        <v>0.10878083</v>
      </c>
      <c r="Q168" s="20">
        <f t="shared" si="4"/>
        <v>0.278015821</v>
      </c>
      <c r="R168" s="20">
        <v>2.0517433999999999</v>
      </c>
      <c r="S168" s="20">
        <v>0.1049057</v>
      </c>
      <c r="T168" s="20">
        <v>4.6160835999999997E-2</v>
      </c>
      <c r="U168" s="20">
        <v>1.270084</v>
      </c>
      <c r="V168" s="20">
        <v>0.77427228000000003</v>
      </c>
      <c r="X168" s="20">
        <f t="shared" si="5"/>
        <v>2.09106935937427</v>
      </c>
    </row>
    <row r="169" spans="2:24">
      <c r="B169" s="23">
        <v>0.54741898148495238</v>
      </c>
      <c r="C169" s="20">
        <v>1.1742353999999999</v>
      </c>
      <c r="D169" s="20">
        <v>4.1747868E-2</v>
      </c>
      <c r="E169" s="20">
        <v>4.9179650999999998E-2</v>
      </c>
      <c r="F169" s="20">
        <v>0</v>
      </c>
      <c r="G169" s="20">
        <v>-5.1425520000000002E-2</v>
      </c>
      <c r="H169" s="20">
        <v>0</v>
      </c>
      <c r="I169" s="20">
        <v>5.3439242E-3</v>
      </c>
      <c r="J169" s="20">
        <v>0</v>
      </c>
      <c r="K169" s="20">
        <v>6.1918896000000001E-2</v>
      </c>
      <c r="L169" s="20">
        <v>3.5920005000000002</v>
      </c>
      <c r="M169" s="20">
        <v>0</v>
      </c>
      <c r="N169" s="20">
        <v>0</v>
      </c>
      <c r="O169" s="20">
        <v>6.5592431000000007E-2</v>
      </c>
      <c r="P169" s="20">
        <v>9.6192975E-2</v>
      </c>
      <c r="Q169" s="20">
        <f t="shared" si="4"/>
        <v>0.16178540600000002</v>
      </c>
      <c r="R169" s="20">
        <v>1.6351853999999999</v>
      </c>
      <c r="S169" s="20">
        <v>9.0927518999999998E-2</v>
      </c>
      <c r="T169" s="20">
        <v>2.8913340999999999E-2</v>
      </c>
      <c r="U169" s="20">
        <v>1.3009714999999999</v>
      </c>
      <c r="V169" s="20">
        <v>0.73940821999999995</v>
      </c>
      <c r="X169" s="20">
        <f t="shared" si="5"/>
        <v>2.0698056323644196</v>
      </c>
    </row>
    <row r="170" spans="2:24">
      <c r="B170" s="23">
        <v>0.54791666667006211</v>
      </c>
      <c r="C170" s="20">
        <v>1.1277820000000001</v>
      </c>
      <c r="D170" s="20">
        <v>0</v>
      </c>
      <c r="E170" s="20">
        <v>3.3641258E-2</v>
      </c>
      <c r="F170" s="20">
        <v>0</v>
      </c>
      <c r="G170" s="20">
        <v>-3.3143854E-2</v>
      </c>
      <c r="H170" s="20">
        <v>0</v>
      </c>
      <c r="I170" s="20">
        <v>1.161453E-2</v>
      </c>
      <c r="J170" s="20">
        <v>0</v>
      </c>
      <c r="K170" s="20">
        <v>6.1164494999999999E-2</v>
      </c>
      <c r="L170" s="20">
        <v>5.1798054999999996</v>
      </c>
      <c r="M170" s="20">
        <v>0</v>
      </c>
      <c r="N170" s="20">
        <v>0</v>
      </c>
      <c r="O170" s="20">
        <v>0.22479817999999999</v>
      </c>
      <c r="P170" s="20">
        <v>0.15652699</v>
      </c>
      <c r="Q170" s="20">
        <f t="shared" si="4"/>
        <v>0.38132516999999999</v>
      </c>
      <c r="R170" s="20">
        <v>2.2048744999999998</v>
      </c>
      <c r="S170" s="20">
        <v>3.3641258E-2</v>
      </c>
      <c r="T170" s="20">
        <v>7.6627457999999996E-2</v>
      </c>
      <c r="U170" s="20">
        <v>1.3249204000000001</v>
      </c>
      <c r="V170" s="20">
        <v>0.73940821999999995</v>
      </c>
      <c r="X170" s="20">
        <f t="shared" si="5"/>
        <v>2.1416356610356999</v>
      </c>
    </row>
    <row r="171" spans="2:24">
      <c r="B171" s="23">
        <v>0.54841435185517184</v>
      </c>
      <c r="C171" s="20">
        <v>1.2695677999999999</v>
      </c>
      <c r="D171" s="20">
        <v>0</v>
      </c>
      <c r="E171" s="20">
        <v>3.6102029000000001E-2</v>
      </c>
      <c r="F171" s="20">
        <v>0</v>
      </c>
      <c r="G171" s="20">
        <v>-1.8979655999999999E-3</v>
      </c>
      <c r="H171" s="20">
        <v>0</v>
      </c>
      <c r="I171" s="20">
        <v>6.4162111000000003E-3</v>
      </c>
      <c r="J171" s="20">
        <v>0</v>
      </c>
      <c r="K171" s="20">
        <v>1.054485E-2</v>
      </c>
      <c r="L171" s="20">
        <v>6.1014644999999996</v>
      </c>
      <c r="M171" s="20">
        <v>2.5486689999999999E-3</v>
      </c>
      <c r="N171" s="20">
        <v>0</v>
      </c>
      <c r="O171" s="20">
        <v>0.24899745000000001</v>
      </c>
      <c r="P171" s="20">
        <v>0.31892809</v>
      </c>
      <c r="Q171" s="20">
        <f t="shared" si="4"/>
        <v>0.57047420900000001</v>
      </c>
      <c r="R171" s="20">
        <v>2.77169</v>
      </c>
      <c r="S171" s="20">
        <v>3.6102029000000001E-2</v>
      </c>
      <c r="T171" s="20">
        <v>9.1772986000000001E-2</v>
      </c>
      <c r="U171" s="20">
        <v>1.3505976</v>
      </c>
      <c r="V171" s="20">
        <v>0.66301555000000001</v>
      </c>
      <c r="X171" s="20">
        <f t="shared" si="5"/>
        <v>2.10618901336625</v>
      </c>
    </row>
    <row r="172" spans="2:24">
      <c r="B172" s="23">
        <v>0.54891203704028158</v>
      </c>
      <c r="C172" s="20">
        <v>1.3053617</v>
      </c>
      <c r="D172" s="20">
        <v>1.7411602000000002E-2</v>
      </c>
      <c r="E172" s="20">
        <v>4.3640144999999998E-2</v>
      </c>
      <c r="F172" s="20">
        <v>0</v>
      </c>
      <c r="G172" s="20">
        <v>-1.2323855E-2</v>
      </c>
      <c r="H172" s="20">
        <v>0</v>
      </c>
      <c r="I172" s="20">
        <v>9.4272482999999997E-3</v>
      </c>
      <c r="J172" s="20">
        <v>0</v>
      </c>
      <c r="K172" s="20">
        <v>9.4992284999999999E-3</v>
      </c>
      <c r="L172" s="20">
        <v>6.7503976999999997</v>
      </c>
      <c r="M172" s="20">
        <v>1.4192081E-2</v>
      </c>
      <c r="N172" s="20">
        <v>0.16033928</v>
      </c>
      <c r="O172" s="20">
        <v>0.34287701999999998</v>
      </c>
      <c r="P172" s="20">
        <v>0.30188998</v>
      </c>
      <c r="Q172" s="20">
        <f t="shared" si="4"/>
        <v>0.81929836099999998</v>
      </c>
      <c r="R172" s="20">
        <v>3.0242955</v>
      </c>
      <c r="S172" s="20">
        <v>6.1051747000000003E-2</v>
      </c>
      <c r="T172" s="20">
        <v>9.2425484000000002E-2</v>
      </c>
      <c r="U172" s="20">
        <v>1.3483046999999999</v>
      </c>
      <c r="V172" s="20">
        <v>0.84887725999999997</v>
      </c>
      <c r="X172" s="20">
        <f t="shared" si="5"/>
        <v>2.2905078203876799</v>
      </c>
    </row>
    <row r="173" spans="2:24">
      <c r="B173" s="23">
        <v>0.549421296294895</v>
      </c>
      <c r="C173" s="20">
        <v>1.2512787999999999</v>
      </c>
      <c r="D173" s="20">
        <v>2.9101047000000001E-2</v>
      </c>
      <c r="E173" s="20">
        <v>6.9003341999999995E-2</v>
      </c>
      <c r="F173" s="20">
        <v>1.8017142999999999E-3</v>
      </c>
      <c r="G173" s="20">
        <v>1.958027E-2</v>
      </c>
      <c r="H173" s="20">
        <v>0</v>
      </c>
      <c r="I173" s="20">
        <v>6.1360407000000004E-3</v>
      </c>
      <c r="J173" s="20">
        <v>0</v>
      </c>
      <c r="K173" s="20">
        <v>8.7500322000000005E-3</v>
      </c>
      <c r="L173" s="20">
        <v>5.5338880000000001</v>
      </c>
      <c r="M173" s="20">
        <v>0.23856625000000001</v>
      </c>
      <c r="N173" s="20">
        <v>0.15157952999999999</v>
      </c>
      <c r="O173" s="20">
        <v>0.31348617000000001</v>
      </c>
      <c r="P173" s="20">
        <v>0.23385966</v>
      </c>
      <c r="Q173" s="20">
        <f t="shared" si="4"/>
        <v>0.93749161000000003</v>
      </c>
      <c r="R173" s="20">
        <v>2.4715251</v>
      </c>
      <c r="S173" s="20">
        <v>9.8104389E-2</v>
      </c>
      <c r="T173" s="20">
        <v>6.8594788000000004E-2</v>
      </c>
      <c r="U173" s="20">
        <v>1.3638258999999999</v>
      </c>
      <c r="V173" s="20">
        <v>0.69884480000000004</v>
      </c>
      <c r="X173" s="20">
        <f t="shared" si="5"/>
        <v>2.1320610015245198</v>
      </c>
    </row>
    <row r="174" spans="2:24">
      <c r="B174" s="23">
        <v>0.54991898148000473</v>
      </c>
      <c r="C174" s="20">
        <v>1.0613646999999999</v>
      </c>
      <c r="D174" s="20">
        <v>9.8203410000000005E-2</v>
      </c>
      <c r="E174" s="20">
        <v>7.8023203999999999E-2</v>
      </c>
      <c r="F174" s="20">
        <v>4.5207750999999999E-3</v>
      </c>
      <c r="G174" s="20">
        <v>6.1107729999999999E-3</v>
      </c>
      <c r="H174" s="20">
        <v>0</v>
      </c>
      <c r="I174" s="20">
        <v>3.3165317E-3</v>
      </c>
      <c r="J174" s="20">
        <v>0</v>
      </c>
      <c r="K174" s="20">
        <v>4.0994770999999999E-2</v>
      </c>
      <c r="L174" s="20">
        <v>4.8081733</v>
      </c>
      <c r="M174" s="20">
        <v>0.22847924</v>
      </c>
      <c r="N174" s="20">
        <v>0.1424713</v>
      </c>
      <c r="O174" s="20">
        <v>0.35210429999999998</v>
      </c>
      <c r="P174" s="20">
        <v>8.1084343000000003E-2</v>
      </c>
      <c r="Q174" s="20">
        <f t="shared" si="4"/>
        <v>0.80413918299999998</v>
      </c>
      <c r="R174" s="20">
        <v>2.0490010999999999</v>
      </c>
      <c r="S174" s="20">
        <v>0.17622661000000001</v>
      </c>
      <c r="T174" s="20">
        <v>3.4778019E-2</v>
      </c>
      <c r="U174" s="20">
        <v>1.3745839</v>
      </c>
      <c r="V174" s="20">
        <v>0.73695261999999995</v>
      </c>
      <c r="X174" s="20">
        <f t="shared" si="5"/>
        <v>2.1470226463257802</v>
      </c>
    </row>
    <row r="175" spans="2:24">
      <c r="B175" s="23">
        <v>0.55041666666511446</v>
      </c>
      <c r="C175" s="20">
        <v>0.98317847000000003</v>
      </c>
      <c r="D175" s="20">
        <v>9.5368216000000006E-2</v>
      </c>
      <c r="E175" s="20">
        <v>6.9373940999999995E-2</v>
      </c>
      <c r="F175" s="20">
        <v>1.1550889999999999E-2</v>
      </c>
      <c r="G175" s="20">
        <v>8.3747774999999997E-3</v>
      </c>
      <c r="H175" s="20">
        <v>0</v>
      </c>
      <c r="I175" s="20">
        <v>7.1917959000000005E-4</v>
      </c>
      <c r="J175" s="20">
        <v>0</v>
      </c>
      <c r="K175" s="20">
        <v>4.3815148999999998E-2</v>
      </c>
      <c r="L175" s="20">
        <v>4.3908830999999999</v>
      </c>
      <c r="M175" s="20">
        <v>0.21248552000000001</v>
      </c>
      <c r="N175" s="20">
        <v>1.8768249000000001E-2</v>
      </c>
      <c r="O175" s="20">
        <v>0.28456315999999998</v>
      </c>
      <c r="P175" s="20">
        <v>0.12382284</v>
      </c>
      <c r="Q175" s="20">
        <f t="shared" si="4"/>
        <v>0.63963976899999997</v>
      </c>
      <c r="R175" s="20">
        <v>2.0486802000000002</v>
      </c>
      <c r="S175" s="20">
        <v>0.16474216</v>
      </c>
      <c r="T175" s="20">
        <v>6.5131249000000002E-2</v>
      </c>
      <c r="U175" s="20">
        <v>1.4130305000000001</v>
      </c>
      <c r="V175" s="20">
        <v>0.66301555000000001</v>
      </c>
      <c r="X175" s="20">
        <f t="shared" si="5"/>
        <v>2.1418180635652093</v>
      </c>
    </row>
    <row r="176" spans="2:24">
      <c r="B176" s="23">
        <v>0.55091435185022419</v>
      </c>
      <c r="C176" s="20">
        <v>0.97821075999999996</v>
      </c>
      <c r="D176" s="20">
        <v>7.9655633000000003E-2</v>
      </c>
      <c r="E176" s="20">
        <v>4.1634631999999998E-2</v>
      </c>
      <c r="F176" s="20">
        <v>5.8670429999999997E-3</v>
      </c>
      <c r="G176" s="20">
        <v>2.7855104999999999E-3</v>
      </c>
      <c r="H176" s="20">
        <v>0</v>
      </c>
      <c r="I176" s="20">
        <v>1.6664164999999999E-3</v>
      </c>
      <c r="J176" s="20">
        <v>0</v>
      </c>
      <c r="K176" s="20">
        <v>5.4338471999999999E-2</v>
      </c>
      <c r="L176" s="20">
        <v>4.0964587000000003</v>
      </c>
      <c r="M176" s="20">
        <v>0</v>
      </c>
      <c r="N176" s="20">
        <v>2.9036313000000001E-2</v>
      </c>
      <c r="O176" s="20">
        <v>0.2071769</v>
      </c>
      <c r="P176" s="20">
        <v>0.17871045999999999</v>
      </c>
      <c r="Q176" s="20">
        <f t="shared" si="4"/>
        <v>0.41492367299999999</v>
      </c>
      <c r="R176" s="20">
        <v>1.8954127000000001</v>
      </c>
      <c r="S176" s="20">
        <v>0.12129026</v>
      </c>
      <c r="T176" s="20">
        <v>4.0345368999999999E-2</v>
      </c>
      <c r="U176" s="20">
        <v>1.4435188000000001</v>
      </c>
      <c r="V176" s="20">
        <v>0.69962184000000005</v>
      </c>
      <c r="X176" s="20">
        <f t="shared" si="5"/>
        <v>2.1840656921099999</v>
      </c>
    </row>
    <row r="177" spans="2:24">
      <c r="B177" s="23">
        <v>0.55141203703533392</v>
      </c>
      <c r="C177" s="20">
        <v>0.96392381000000005</v>
      </c>
      <c r="D177" s="20">
        <v>9.0761742000000006E-2</v>
      </c>
      <c r="E177" s="20">
        <v>2.5256028E-2</v>
      </c>
      <c r="F177" s="20">
        <v>0</v>
      </c>
      <c r="G177" s="20">
        <v>-2.1475774E-2</v>
      </c>
      <c r="H177" s="20">
        <v>0</v>
      </c>
      <c r="I177" s="20">
        <v>6.9679358999999996E-3</v>
      </c>
      <c r="J177" s="20">
        <v>0</v>
      </c>
      <c r="K177" s="20">
        <v>3.2807406999999997E-2</v>
      </c>
      <c r="L177" s="20">
        <v>3.9174457</v>
      </c>
      <c r="M177" s="20">
        <v>0</v>
      </c>
      <c r="N177" s="20">
        <v>9.2231019999999997E-2</v>
      </c>
      <c r="O177" s="20">
        <v>0.15722593000000001</v>
      </c>
      <c r="P177" s="20">
        <v>0.11860457000000001</v>
      </c>
      <c r="Q177" s="20">
        <f t="shared" si="4"/>
        <v>0.36806152000000003</v>
      </c>
      <c r="R177" s="20">
        <v>1.6847405</v>
      </c>
      <c r="S177" s="20">
        <v>0.11601777000000001</v>
      </c>
      <c r="T177" s="20">
        <v>4.5242540999999997E-2</v>
      </c>
      <c r="U177" s="20">
        <v>1.4615161999999999</v>
      </c>
      <c r="V177" s="20">
        <v>0.73858966999999998</v>
      </c>
      <c r="X177" s="20">
        <f t="shared" si="5"/>
        <v>2.2458983876138898</v>
      </c>
    </row>
    <row r="178" spans="2:24">
      <c r="B178" s="23">
        <v>0.55192129629722331</v>
      </c>
      <c r="C178" s="20">
        <v>0.98576297999999996</v>
      </c>
      <c r="D178" s="20">
        <v>3.1879246999999999E-2</v>
      </c>
      <c r="E178" s="20">
        <v>2.5792064999999999E-2</v>
      </c>
      <c r="F178" s="20">
        <v>0.13727711000000001</v>
      </c>
      <c r="G178" s="20">
        <v>0.42141663000000001</v>
      </c>
      <c r="H178" s="20">
        <v>0</v>
      </c>
      <c r="I178" s="20">
        <v>9.7400236999999994E-3</v>
      </c>
      <c r="J178" s="20">
        <v>0</v>
      </c>
      <c r="K178" s="20">
        <v>2.4501419E-2</v>
      </c>
      <c r="L178" s="20">
        <v>3.7568079000000001</v>
      </c>
      <c r="M178" s="20">
        <v>0</v>
      </c>
      <c r="N178" s="20">
        <v>2.8114307000000002E-2</v>
      </c>
      <c r="O178" s="20">
        <v>0.10863286</v>
      </c>
      <c r="P178" s="20">
        <v>9.2557966000000005E-2</v>
      </c>
      <c r="Q178" s="20">
        <f t="shared" si="4"/>
        <v>0.22930513299999999</v>
      </c>
      <c r="R178" s="20">
        <v>1.5225968999999999</v>
      </c>
      <c r="S178" s="20">
        <v>5.7671312000000002E-2</v>
      </c>
      <c r="T178" s="20">
        <v>4.3419337000000002E-2</v>
      </c>
      <c r="U178" s="20">
        <v>1.4585138</v>
      </c>
      <c r="V178" s="20">
        <v>0.70117596999999998</v>
      </c>
      <c r="X178" s="20">
        <f t="shared" si="5"/>
        <v>2.2036771223819698</v>
      </c>
    </row>
    <row r="179" spans="2:24">
      <c r="B179" s="23">
        <v>0.55241898148233304</v>
      </c>
      <c r="C179" s="20">
        <v>0.65244451999999997</v>
      </c>
      <c r="D179" s="20">
        <v>0.13612170000000001</v>
      </c>
      <c r="E179" s="20">
        <v>3.7191105000000002E-2</v>
      </c>
      <c r="F179" s="20">
        <v>0.13416829</v>
      </c>
      <c r="G179" s="20">
        <v>-6.3762013000000003E-3</v>
      </c>
      <c r="H179" s="20">
        <v>0</v>
      </c>
      <c r="I179" s="20">
        <v>4.3528337000000002E-3</v>
      </c>
      <c r="J179" s="20">
        <v>0</v>
      </c>
      <c r="K179" s="20">
        <v>1.6398419000000001E-2</v>
      </c>
      <c r="L179" s="20">
        <v>3.6445590999999999</v>
      </c>
      <c r="M179" s="20">
        <v>0</v>
      </c>
      <c r="N179" s="20">
        <v>3.6343514E-2</v>
      </c>
      <c r="O179" s="20">
        <v>3.0123727999999999E-2</v>
      </c>
      <c r="P179" s="20">
        <v>0.23171277000000001</v>
      </c>
      <c r="Q179" s="20">
        <f t="shared" si="4"/>
        <v>0.29818001199999999</v>
      </c>
      <c r="R179" s="20">
        <v>1.5396190000000001</v>
      </c>
      <c r="S179" s="20">
        <v>0.17331279999999999</v>
      </c>
      <c r="T179" s="20">
        <v>6.7759180000000002E-2</v>
      </c>
      <c r="U179" s="20">
        <v>1.4673187999999999</v>
      </c>
      <c r="V179" s="20">
        <v>0.69962184000000005</v>
      </c>
      <c r="X179" s="20">
        <f t="shared" si="5"/>
        <v>2.2352088552578397</v>
      </c>
    </row>
    <row r="180" spans="2:24">
      <c r="B180" s="23">
        <v>0.55291666666744277</v>
      </c>
      <c r="C180" s="20">
        <v>0.40442642000000001</v>
      </c>
      <c r="D180" s="20">
        <v>0.21057310000000001</v>
      </c>
      <c r="E180" s="20">
        <v>3.7993514999999999E-2</v>
      </c>
      <c r="F180" s="20">
        <v>0.13787716999999999</v>
      </c>
      <c r="G180" s="20">
        <v>-1.066815E-2</v>
      </c>
      <c r="H180" s="20">
        <v>0</v>
      </c>
      <c r="I180" s="20">
        <v>1.2343038000000001E-2</v>
      </c>
      <c r="J180" s="20">
        <v>0</v>
      </c>
      <c r="K180" s="20">
        <v>1.1316682999999999E-2</v>
      </c>
      <c r="L180" s="20">
        <v>3.5342253000000001</v>
      </c>
      <c r="M180" s="20">
        <v>0</v>
      </c>
      <c r="N180" s="20">
        <v>0</v>
      </c>
      <c r="O180" s="20">
        <v>3.3257248000000003E-2</v>
      </c>
      <c r="P180" s="20">
        <v>0.24081644999999999</v>
      </c>
      <c r="Q180" s="20">
        <f t="shared" si="4"/>
        <v>0.27407369799999998</v>
      </c>
      <c r="R180" s="20">
        <v>1.5212623000000001</v>
      </c>
      <c r="S180" s="20">
        <v>0.24856660999999999</v>
      </c>
      <c r="T180" s="20">
        <v>0.10516481</v>
      </c>
      <c r="U180" s="20">
        <v>1.4935411999999999</v>
      </c>
      <c r="V180" s="20">
        <v>0.58691123000000001</v>
      </c>
      <c r="X180" s="20">
        <f t="shared" si="5"/>
        <v>2.1861033127384002</v>
      </c>
    </row>
    <row r="181" spans="2:24">
      <c r="B181" s="23">
        <v>0.5534143518525525</v>
      </c>
      <c r="C181" s="20">
        <v>0.13821511</v>
      </c>
      <c r="D181" s="20">
        <v>0.20127944</v>
      </c>
      <c r="E181" s="20">
        <v>3.9055982000000003E-2</v>
      </c>
      <c r="F181" s="20">
        <v>0</v>
      </c>
      <c r="G181" s="20">
        <v>-1.2160726E-2</v>
      </c>
      <c r="H181" s="20">
        <v>0</v>
      </c>
      <c r="I181" s="20">
        <v>1.0995537999999999E-2</v>
      </c>
      <c r="J181" s="20">
        <v>0</v>
      </c>
      <c r="K181" s="20">
        <v>2.9524959E-2</v>
      </c>
      <c r="L181" s="20">
        <v>3.4540354999999998</v>
      </c>
      <c r="M181" s="20">
        <v>0</v>
      </c>
      <c r="N181" s="20">
        <v>0</v>
      </c>
      <c r="O181" s="20">
        <v>6.5679755000000006E-2</v>
      </c>
      <c r="P181" s="20">
        <v>0.33633945999999998</v>
      </c>
      <c r="Q181" s="20">
        <f t="shared" si="4"/>
        <v>0.40201921499999999</v>
      </c>
      <c r="R181" s="20">
        <v>1.5764518000000001</v>
      </c>
      <c r="S181" s="20">
        <v>0.24033542999999999</v>
      </c>
      <c r="T181" s="20">
        <v>8.0654578000000005E-2</v>
      </c>
      <c r="U181" s="20">
        <v>1.5292881</v>
      </c>
      <c r="V181" s="20">
        <v>0.62631610999999998</v>
      </c>
      <c r="X181" s="20">
        <f t="shared" si="5"/>
        <v>2.2367091180448004</v>
      </c>
    </row>
    <row r="182" spans="2:24">
      <c r="B182" s="23">
        <v>0.55391203703766223</v>
      </c>
      <c r="C182" s="20">
        <v>0.41696122000000002</v>
      </c>
      <c r="D182" s="20">
        <v>0.37536514999999998</v>
      </c>
      <c r="E182" s="20">
        <v>3.6817365999999997E-2</v>
      </c>
      <c r="F182" s="20">
        <v>0</v>
      </c>
      <c r="G182" s="20">
        <v>-8.8991668000000003E-3</v>
      </c>
      <c r="H182" s="20">
        <v>0</v>
      </c>
      <c r="I182" s="20">
        <v>1.5454117999999999E-2</v>
      </c>
      <c r="J182" s="20">
        <v>0</v>
      </c>
      <c r="K182" s="20">
        <v>2.9833790999999998E-2</v>
      </c>
      <c r="L182" s="20">
        <v>3.4005122999999999</v>
      </c>
      <c r="M182" s="20">
        <v>0</v>
      </c>
      <c r="N182" s="20">
        <v>0</v>
      </c>
      <c r="O182" s="20">
        <v>0.15420639999999999</v>
      </c>
      <c r="P182" s="20">
        <v>0.23089568999999999</v>
      </c>
      <c r="Q182" s="20">
        <f t="shared" si="4"/>
        <v>0.38510208999999995</v>
      </c>
      <c r="R182" s="20">
        <v>1.4671479000000001</v>
      </c>
      <c r="S182" s="20">
        <v>0.41218252</v>
      </c>
      <c r="T182" s="20">
        <v>6.0536294999999997E-2</v>
      </c>
      <c r="U182" s="20">
        <v>1.5581921999999999</v>
      </c>
      <c r="V182" s="20">
        <v>0.81157984000000005</v>
      </c>
      <c r="X182" s="20">
        <f t="shared" si="5"/>
        <v>2.4308146679388201</v>
      </c>
    </row>
    <row r="183" spans="2:24">
      <c r="B183" s="23">
        <v>0.55442129629955161</v>
      </c>
      <c r="C183" s="20">
        <v>0.46426018000000002</v>
      </c>
      <c r="D183" s="20">
        <v>0.46874548999999999</v>
      </c>
      <c r="E183" s="20">
        <v>3.6719603000000003E-2</v>
      </c>
      <c r="F183" s="20">
        <v>0</v>
      </c>
      <c r="G183" s="20">
        <v>-1.5685668E-2</v>
      </c>
      <c r="H183" s="20">
        <v>0</v>
      </c>
      <c r="I183" s="20">
        <v>7.4084153000000003E-3</v>
      </c>
      <c r="J183" s="20">
        <v>0</v>
      </c>
      <c r="K183" s="20">
        <v>2.2588766E-2</v>
      </c>
      <c r="L183" s="20">
        <v>3.3771911999999999</v>
      </c>
      <c r="M183" s="20">
        <v>2.6986535999999998E-3</v>
      </c>
      <c r="N183" s="20">
        <v>0</v>
      </c>
      <c r="O183" s="20">
        <v>0.15295781</v>
      </c>
      <c r="P183" s="20">
        <v>0.25251668999999999</v>
      </c>
      <c r="Q183" s="20">
        <f t="shared" si="4"/>
        <v>0.40817315359999995</v>
      </c>
      <c r="R183" s="20">
        <v>1.3196954999999999</v>
      </c>
      <c r="S183" s="20">
        <v>0.50546508999999995</v>
      </c>
      <c r="T183" s="20">
        <v>3.6440076000000002E-2</v>
      </c>
      <c r="U183" s="20">
        <v>1.5685480999999999</v>
      </c>
      <c r="V183" s="20">
        <v>0.77255236999999999</v>
      </c>
      <c r="X183" s="20">
        <f t="shared" si="5"/>
        <v>2.3780680326229899</v>
      </c>
    </row>
    <row r="184" spans="2:24">
      <c r="B184" s="23">
        <v>0.55491898148466134</v>
      </c>
      <c r="C184" s="20">
        <v>0.41263348999999999</v>
      </c>
      <c r="D184" s="20">
        <v>0.53379712999999995</v>
      </c>
      <c r="E184" s="20">
        <v>4.1854592000000003E-2</v>
      </c>
      <c r="F184" s="20">
        <v>0</v>
      </c>
      <c r="G184" s="20">
        <v>-1.2336243E-2</v>
      </c>
      <c r="H184" s="20">
        <v>0</v>
      </c>
      <c r="I184" s="20">
        <v>1.2980416E-2</v>
      </c>
      <c r="J184" s="20">
        <v>0</v>
      </c>
      <c r="K184" s="20">
        <v>9.5633633000000006E-3</v>
      </c>
      <c r="L184" s="20">
        <v>3.3506713000000001</v>
      </c>
      <c r="M184" s="20">
        <v>6.9114454000000006E-2</v>
      </c>
      <c r="N184" s="20">
        <v>0</v>
      </c>
      <c r="O184" s="20">
        <v>0.16065563999999999</v>
      </c>
      <c r="P184" s="20">
        <v>0.24932650000000001</v>
      </c>
      <c r="Q184" s="20">
        <f t="shared" si="4"/>
        <v>0.47909659399999999</v>
      </c>
      <c r="R184" s="20">
        <v>0.86633961999999998</v>
      </c>
      <c r="S184" s="20">
        <v>0.57565171999999998</v>
      </c>
      <c r="T184" s="20">
        <v>4.6584755999999998E-2</v>
      </c>
      <c r="U184" s="20">
        <v>1.5691683999999999</v>
      </c>
      <c r="V184" s="20">
        <v>0.73695261999999995</v>
      </c>
      <c r="X184" s="20">
        <f t="shared" si="5"/>
        <v>2.3532461672362297</v>
      </c>
    </row>
    <row r="185" spans="2:24">
      <c r="B185" s="23">
        <v>0.55541666666977108</v>
      </c>
      <c r="C185" s="20">
        <v>4.8374386999999999</v>
      </c>
      <c r="D185" s="20">
        <v>0.32859822</v>
      </c>
      <c r="E185" s="20">
        <v>5.9698837999999997E-2</v>
      </c>
      <c r="F185" s="20">
        <v>0</v>
      </c>
      <c r="G185" s="20">
        <v>-1.2078804E-2</v>
      </c>
      <c r="H185" s="20">
        <v>1.6137853</v>
      </c>
      <c r="I185" s="20">
        <v>1.1488941000000001E-2</v>
      </c>
      <c r="J185" s="20">
        <v>0.45302976</v>
      </c>
      <c r="K185" s="20">
        <v>3.5674653999999998E-3</v>
      </c>
      <c r="L185" s="20">
        <v>176.21344999999999</v>
      </c>
      <c r="M185" s="20">
        <v>8.0146054000000007</v>
      </c>
      <c r="N185" s="20">
        <v>13.064044000000001</v>
      </c>
      <c r="O185" s="20">
        <v>4.9000190999999997</v>
      </c>
      <c r="P185" s="20">
        <v>0.41166035000000001</v>
      </c>
      <c r="Q185" s="20">
        <f t="shared" si="4"/>
        <v>26.390328850000003</v>
      </c>
      <c r="R185" s="20">
        <v>102.45784999999999</v>
      </c>
      <c r="S185" s="20">
        <v>0.38829704999999998</v>
      </c>
      <c r="T185" s="20">
        <v>6.5869385000000003E-2</v>
      </c>
      <c r="U185" s="20">
        <v>1.5863624999999999</v>
      </c>
      <c r="V185" s="20">
        <v>0.43994195000000003</v>
      </c>
      <c r="X185" s="20">
        <f t="shared" si="5"/>
        <v>2.1132025954320399</v>
      </c>
    </row>
    <row r="186" spans="2:24">
      <c r="B186" s="23">
        <v>0.55591435185488081</v>
      </c>
      <c r="C186" s="20">
        <v>8.4446352999999998</v>
      </c>
      <c r="D186" s="20">
        <v>0.17547894</v>
      </c>
      <c r="E186" s="20">
        <v>4.5731757999999997E-2</v>
      </c>
      <c r="F186" s="20">
        <v>0</v>
      </c>
      <c r="G186" s="20">
        <v>2.2156044000000001E-3</v>
      </c>
      <c r="H186" s="20">
        <v>1.6974933999999999</v>
      </c>
      <c r="I186" s="20">
        <v>9.6210015000000003E-3</v>
      </c>
      <c r="J186" s="20">
        <v>0.45395549000000002</v>
      </c>
      <c r="K186" s="20">
        <v>1.2391081999999999E-2</v>
      </c>
      <c r="L186" s="20">
        <v>317.05299000000002</v>
      </c>
      <c r="M186" s="20">
        <v>17.506421</v>
      </c>
      <c r="N186" s="20">
        <v>16.061299999999999</v>
      </c>
      <c r="O186" s="20">
        <v>6.6679063000000003</v>
      </c>
      <c r="P186" s="20">
        <v>0.40867302</v>
      </c>
      <c r="Q186" s="20">
        <f t="shared" si="4"/>
        <v>40.644300319999999</v>
      </c>
      <c r="R186" s="20">
        <v>144.42899</v>
      </c>
      <c r="S186" s="20">
        <v>0.22121068999999999</v>
      </c>
      <c r="T186" s="20">
        <v>0.21517750999999999</v>
      </c>
      <c r="U186" s="20">
        <v>1.6561657000000001</v>
      </c>
      <c r="V186" s="20">
        <v>13.138548999999999</v>
      </c>
      <c r="X186" s="20">
        <f t="shared" si="5"/>
        <v>15.04676821235859</v>
      </c>
    </row>
    <row r="187" spans="2:24">
      <c r="B187" s="23">
        <v>0.55641203703999054</v>
      </c>
      <c r="C187" s="20">
        <v>11.838348999999999</v>
      </c>
      <c r="D187" s="20">
        <v>0.11819165</v>
      </c>
      <c r="E187" s="20">
        <v>4.1409976000000001E-2</v>
      </c>
      <c r="F187" s="20">
        <v>0</v>
      </c>
      <c r="G187" s="20">
        <v>-4.6050492E-3</v>
      </c>
      <c r="H187" s="20">
        <v>1.6943694</v>
      </c>
      <c r="I187" s="20">
        <v>9.2310115000000005E-3</v>
      </c>
      <c r="J187" s="20">
        <v>0.46696318999999997</v>
      </c>
      <c r="K187" s="20">
        <v>3.6199617000000003E-2</v>
      </c>
      <c r="L187" s="20">
        <v>357.28192000000001</v>
      </c>
      <c r="M187" s="20">
        <v>19.738018</v>
      </c>
      <c r="N187" s="20">
        <v>16.743086000000002</v>
      </c>
      <c r="O187" s="20">
        <v>7.1443602999999998</v>
      </c>
      <c r="P187" s="20">
        <v>0.38251496000000001</v>
      </c>
      <c r="Q187" s="20">
        <f t="shared" si="4"/>
        <v>44.007979260000006</v>
      </c>
      <c r="R187" s="20">
        <v>155.92231000000001</v>
      </c>
      <c r="S187" s="20">
        <v>0.15960162999999999</v>
      </c>
      <c r="T187" s="20">
        <v>0.27668452999999998</v>
      </c>
      <c r="U187" s="20">
        <v>1.7896418000000001</v>
      </c>
      <c r="V187" s="20">
        <v>23.215267999999998</v>
      </c>
      <c r="X187" s="20">
        <f t="shared" si="5"/>
        <v>25.323159290968526</v>
      </c>
    </row>
    <row r="188" spans="2:24">
      <c r="B188" s="23">
        <v>0.55692129629460396</v>
      </c>
      <c r="C188" s="20">
        <v>9.6991426000000001</v>
      </c>
      <c r="D188" s="20">
        <v>0.11098598</v>
      </c>
      <c r="E188" s="20">
        <v>5.0759139000000002E-2</v>
      </c>
      <c r="F188" s="20">
        <v>0</v>
      </c>
      <c r="G188" s="20">
        <v>-5.7084493E-2</v>
      </c>
      <c r="H188" s="20">
        <v>4.7432229999999999E-2</v>
      </c>
      <c r="I188" s="20">
        <v>3.7808380999999999E-3</v>
      </c>
      <c r="J188" s="20">
        <v>0</v>
      </c>
      <c r="K188" s="20">
        <v>4.1881421000000002E-2</v>
      </c>
      <c r="L188" s="20">
        <v>194.93995000000001</v>
      </c>
      <c r="M188" s="20">
        <v>12.532099000000001</v>
      </c>
      <c r="N188" s="20">
        <v>4.0219449000000003</v>
      </c>
      <c r="O188" s="20">
        <v>2.4540593999999998</v>
      </c>
      <c r="P188" s="20">
        <v>0.17038876999999999</v>
      </c>
      <c r="Q188" s="20">
        <f t="shared" si="4"/>
        <v>19.178492069999997</v>
      </c>
      <c r="R188" s="20">
        <v>58.442838999999999</v>
      </c>
      <c r="S188" s="20">
        <v>0.16174511</v>
      </c>
      <c r="T188" s="20">
        <v>0.31712182</v>
      </c>
      <c r="U188" s="20">
        <v>1.9092111</v>
      </c>
      <c r="V188" s="20">
        <v>23.189511</v>
      </c>
      <c r="X188" s="20">
        <f t="shared" si="5"/>
        <v>25.43826162848951</v>
      </c>
    </row>
    <row r="189" spans="2:24">
      <c r="B189" s="23">
        <v>0.55741898147971369</v>
      </c>
      <c r="C189" s="20">
        <v>202.95457999999999</v>
      </c>
      <c r="D189" s="20">
        <v>1.0313847</v>
      </c>
      <c r="E189" s="20">
        <v>4.9555092000000002E-2</v>
      </c>
      <c r="F189" s="20">
        <v>0</v>
      </c>
      <c r="G189" s="20">
        <v>-6.1886285999999999E-2</v>
      </c>
      <c r="H189" s="20">
        <v>3.2983730000000003E-2</v>
      </c>
      <c r="I189" s="20">
        <v>6.8252931999999999E-4</v>
      </c>
      <c r="J189" s="20">
        <v>1.1458524999999999E-3</v>
      </c>
      <c r="K189" s="20">
        <v>4.1074174999999997E-2</v>
      </c>
      <c r="L189" s="20">
        <v>111.01049999999999</v>
      </c>
      <c r="M189" s="20">
        <v>3.0094265</v>
      </c>
      <c r="N189" s="20">
        <v>1.9380101999999999</v>
      </c>
      <c r="O189" s="20">
        <v>2.7874815000000002</v>
      </c>
      <c r="P189" s="20">
        <v>0.35144598999999999</v>
      </c>
      <c r="Q189" s="20">
        <f t="shared" si="4"/>
        <v>8.0863641899999994</v>
      </c>
      <c r="R189" s="20">
        <v>33.767740000000003</v>
      </c>
      <c r="S189" s="20">
        <v>1.0809397999999999</v>
      </c>
      <c r="T189" s="20">
        <v>0.62838148000000005</v>
      </c>
      <c r="U189" s="20">
        <v>2.3253751</v>
      </c>
      <c r="V189" s="20">
        <v>21.942242</v>
      </c>
      <c r="X189" s="20">
        <f t="shared" si="5"/>
        <v>24.928421312378283</v>
      </c>
    </row>
    <row r="190" spans="2:24">
      <c r="B190" s="23">
        <v>0.55791666666482342</v>
      </c>
      <c r="C190" s="20">
        <v>761.44368999999995</v>
      </c>
      <c r="D190" s="20">
        <v>5.4497679999999997</v>
      </c>
      <c r="E190" s="20">
        <v>0</v>
      </c>
      <c r="F190" s="20">
        <v>0</v>
      </c>
      <c r="G190" s="20">
        <v>3.7242276999999998E-4</v>
      </c>
      <c r="H190" s="20">
        <v>3.9752835E-2</v>
      </c>
      <c r="I190" s="20">
        <v>0</v>
      </c>
      <c r="J190" s="20">
        <v>0</v>
      </c>
      <c r="K190" s="20">
        <v>6.0600340000000003E-2</v>
      </c>
      <c r="L190" s="20">
        <v>193.64339000000001</v>
      </c>
      <c r="M190" s="20">
        <v>0.69395180000000001</v>
      </c>
      <c r="N190" s="20">
        <v>1.9473266</v>
      </c>
      <c r="O190" s="20">
        <v>6.1266394999999996</v>
      </c>
      <c r="P190" s="20">
        <v>0.46030744000000001</v>
      </c>
      <c r="Q190" s="20">
        <f t="shared" si="4"/>
        <v>9.2282253399999998</v>
      </c>
      <c r="R190" s="20">
        <v>53.102733000000001</v>
      </c>
      <c r="S190" s="20">
        <v>5.4497679999999997</v>
      </c>
      <c r="T190" s="20">
        <v>2.4105862999999998</v>
      </c>
      <c r="U190" s="20">
        <v>3.3251474999999999</v>
      </c>
      <c r="V190" s="20">
        <v>17.799125</v>
      </c>
      <c r="X190" s="20">
        <f t="shared" si="5"/>
        <v>23.632390356693779</v>
      </c>
    </row>
    <row r="191" spans="2:24">
      <c r="B191" s="23">
        <v>0.55841435184993315</v>
      </c>
      <c r="C191" s="20">
        <v>2230.4848000000002</v>
      </c>
      <c r="D191" s="20">
        <v>10.224968000000001</v>
      </c>
      <c r="E191" s="20">
        <v>0</v>
      </c>
      <c r="F191" s="20">
        <v>0.39721360999999999</v>
      </c>
      <c r="G191" s="20">
        <v>1.2379963</v>
      </c>
      <c r="H191" s="20">
        <v>1.0225941000000001</v>
      </c>
      <c r="I191" s="20">
        <v>8.2509991999999994E-3</v>
      </c>
      <c r="J191" s="20">
        <v>0</v>
      </c>
      <c r="K191" s="20">
        <v>0.12372912</v>
      </c>
      <c r="L191" s="20">
        <v>530.15887999999995</v>
      </c>
      <c r="M191" s="20">
        <v>0.76619479000000001</v>
      </c>
      <c r="N191" s="20">
        <v>3.2925673999999998</v>
      </c>
      <c r="O191" s="20">
        <v>27.005676999999999</v>
      </c>
      <c r="P191" s="20">
        <v>1.0358954</v>
      </c>
      <c r="Q191" s="20">
        <f t="shared" si="4"/>
        <v>32.100334589999996</v>
      </c>
      <c r="R191" s="20">
        <v>143.03513000000001</v>
      </c>
      <c r="S191" s="20">
        <v>10.224968000000001</v>
      </c>
      <c r="T191" s="20">
        <v>5.9399905000000004</v>
      </c>
      <c r="U191" s="20">
        <v>6.0028965999999997</v>
      </c>
      <c r="V191" s="20">
        <v>7.4000735999999998</v>
      </c>
      <c r="X191" s="20">
        <f t="shared" si="5"/>
        <v>19.624559073471918</v>
      </c>
    </row>
    <row r="192" spans="2:24">
      <c r="B192" s="23">
        <v>0.55891203703504289</v>
      </c>
      <c r="C192" s="20">
        <v>3928.3413999999998</v>
      </c>
      <c r="D192" s="20">
        <v>15.348250999999999</v>
      </c>
      <c r="E192" s="20">
        <v>0.75018461999999997</v>
      </c>
      <c r="F192" s="20">
        <v>1.3237162</v>
      </c>
      <c r="G192" s="20">
        <v>2.6743063</v>
      </c>
      <c r="H192" s="20">
        <v>3.3532685</v>
      </c>
      <c r="I192" s="20">
        <v>9.4024157999999993E-3</v>
      </c>
      <c r="J192" s="20">
        <v>0</v>
      </c>
      <c r="K192" s="20">
        <v>0.25796872999999998</v>
      </c>
      <c r="L192" s="20">
        <v>982.46880999999996</v>
      </c>
      <c r="M192" s="20">
        <v>13.228816999999999</v>
      </c>
      <c r="N192" s="20">
        <v>3.576152</v>
      </c>
      <c r="O192" s="20">
        <v>55.803634000000002</v>
      </c>
      <c r="P192" s="20">
        <v>1.8320738000000001</v>
      </c>
      <c r="Q192" s="20">
        <f t="shared" si="4"/>
        <v>74.440676800000006</v>
      </c>
      <c r="R192" s="20">
        <v>258.7122</v>
      </c>
      <c r="S192" s="20">
        <v>16.098436</v>
      </c>
      <c r="T192" s="20">
        <v>10.09571</v>
      </c>
      <c r="U192" s="20">
        <v>9.3086678000000003</v>
      </c>
      <c r="V192" s="20">
        <v>3.9740848</v>
      </c>
      <c r="X192" s="20">
        <f t="shared" si="5"/>
        <v>23.88096924205658</v>
      </c>
    </row>
    <row r="193" spans="2:24">
      <c r="B193" s="23">
        <v>0.55942129629693227</v>
      </c>
      <c r="C193" s="20">
        <v>5395.8671000000004</v>
      </c>
      <c r="D193" s="20">
        <v>17.155615999999998</v>
      </c>
      <c r="E193" s="20">
        <v>2.0513862</v>
      </c>
      <c r="F193" s="20">
        <v>2.4446213000000001</v>
      </c>
      <c r="G193" s="20">
        <v>3.3111978</v>
      </c>
      <c r="H193" s="20">
        <v>6.3370920999999996</v>
      </c>
      <c r="I193" s="20">
        <v>1.2489360999999999E-2</v>
      </c>
      <c r="J193" s="20">
        <v>0</v>
      </c>
      <c r="K193" s="20">
        <v>0.36684115</v>
      </c>
      <c r="L193" s="20">
        <v>1358.4476999999999</v>
      </c>
      <c r="M193" s="20">
        <v>21.713944999999999</v>
      </c>
      <c r="N193" s="20">
        <v>4.49343</v>
      </c>
      <c r="O193" s="20">
        <v>83.468085000000002</v>
      </c>
      <c r="P193" s="20">
        <v>2.6836218000000001</v>
      </c>
      <c r="Q193" s="20">
        <f t="shared" si="4"/>
        <v>112.3590818</v>
      </c>
      <c r="R193" s="20">
        <v>362.86421000000001</v>
      </c>
      <c r="S193" s="20">
        <v>19.207003</v>
      </c>
      <c r="T193" s="20">
        <v>13.32943</v>
      </c>
      <c r="U193" s="20">
        <v>12.611039999999999</v>
      </c>
      <c r="V193" s="20">
        <v>2.8432548</v>
      </c>
      <c r="X193" s="20">
        <f t="shared" si="5"/>
        <v>29.475480812871098</v>
      </c>
    </row>
    <row r="194" spans="2:24">
      <c r="B194" s="23">
        <v>0.559918981482042</v>
      </c>
      <c r="C194" s="20">
        <v>5966.8085000000001</v>
      </c>
      <c r="D194" s="20">
        <v>18.972006</v>
      </c>
      <c r="E194" s="20">
        <v>3.5792579</v>
      </c>
      <c r="F194" s="20">
        <v>2.9260248</v>
      </c>
      <c r="G194" s="20">
        <v>2.6390118</v>
      </c>
      <c r="H194" s="20">
        <v>8.6765226000000002</v>
      </c>
      <c r="I194" s="20">
        <v>1.1153685E-2</v>
      </c>
      <c r="J194" s="20">
        <v>4.5782566000000004E-3</v>
      </c>
      <c r="K194" s="20">
        <v>0.36532595000000001</v>
      </c>
      <c r="L194" s="20">
        <v>1532.4402</v>
      </c>
      <c r="M194" s="20">
        <v>32.406650999999997</v>
      </c>
      <c r="N194" s="20">
        <v>3.7570150999999998</v>
      </c>
      <c r="O194" s="20">
        <v>94.804678999999993</v>
      </c>
      <c r="P194" s="20">
        <v>3.0328634999999999</v>
      </c>
      <c r="Q194" s="20">
        <f t="shared" si="4"/>
        <v>134.00120859999998</v>
      </c>
      <c r="R194" s="20">
        <v>405.40956999999997</v>
      </c>
      <c r="S194" s="20">
        <v>22.551264</v>
      </c>
      <c r="T194" s="20">
        <v>15.174326000000001</v>
      </c>
      <c r="U194" s="20">
        <v>14.876533999999999</v>
      </c>
      <c r="V194" s="20">
        <v>2.6687368999999999</v>
      </c>
      <c r="X194" s="20">
        <f t="shared" si="5"/>
        <v>33.488894405359162</v>
      </c>
    </row>
    <row r="195" spans="2:24">
      <c r="B195" s="23">
        <v>0.56041666666715173</v>
      </c>
      <c r="C195" s="20">
        <v>6254.4745999999996</v>
      </c>
      <c r="D195" s="20">
        <v>18.566998999999999</v>
      </c>
      <c r="E195" s="20">
        <v>4.3344887999999999</v>
      </c>
      <c r="F195" s="20">
        <v>3.1182851</v>
      </c>
      <c r="G195" s="20">
        <v>3.2495504</v>
      </c>
      <c r="H195" s="20">
        <v>9.8500502000000001</v>
      </c>
      <c r="I195" s="20">
        <v>8.6240716999999995E-3</v>
      </c>
      <c r="J195" s="20">
        <v>5.6996997000000001E-2</v>
      </c>
      <c r="K195" s="20">
        <v>0.37925871999999999</v>
      </c>
      <c r="L195" s="20">
        <v>1563.1567</v>
      </c>
      <c r="M195" s="20">
        <v>19.761531999999999</v>
      </c>
      <c r="N195" s="20">
        <v>4.3836557999999997</v>
      </c>
      <c r="O195" s="20">
        <v>102.99973</v>
      </c>
      <c r="P195" s="20">
        <v>3.3728102</v>
      </c>
      <c r="Q195" s="20">
        <f t="shared" si="4"/>
        <v>130.51772800000001</v>
      </c>
      <c r="R195" s="20">
        <v>431.75067000000001</v>
      </c>
      <c r="S195" s="20">
        <v>22.901488000000001</v>
      </c>
      <c r="T195" s="20">
        <v>16.208392</v>
      </c>
      <c r="U195" s="20">
        <v>16.520447999999998</v>
      </c>
      <c r="V195" s="20">
        <v>2.3264692999999999</v>
      </c>
      <c r="X195" s="20">
        <f t="shared" si="5"/>
        <v>35.85637077692887</v>
      </c>
    </row>
    <row r="196" spans="2:24">
      <c r="B196" s="23">
        <v>0.56091435185226146</v>
      </c>
      <c r="C196" s="20">
        <v>6410.2439999999997</v>
      </c>
      <c r="D196" s="20">
        <v>17.035661000000001</v>
      </c>
      <c r="E196" s="20">
        <v>4.7722914999999997</v>
      </c>
      <c r="F196" s="20">
        <v>2.6714182000000002</v>
      </c>
      <c r="G196" s="20">
        <v>1.9912837000000001</v>
      </c>
      <c r="H196" s="20">
        <v>10.600885999999999</v>
      </c>
      <c r="I196" s="20">
        <v>5.4080253999999996E-3</v>
      </c>
      <c r="J196" s="20">
        <v>5.7357040999999997E-2</v>
      </c>
      <c r="K196" s="20">
        <v>0.52166049000000003</v>
      </c>
      <c r="L196" s="20">
        <v>1612.7453</v>
      </c>
      <c r="M196" s="20">
        <v>19.903711999999999</v>
      </c>
      <c r="N196" s="20">
        <v>4.6469282999999999</v>
      </c>
      <c r="O196" s="20">
        <v>110.35429999999999</v>
      </c>
      <c r="P196" s="20">
        <v>3.5453888</v>
      </c>
      <c r="Q196" s="20">
        <f t="shared" si="4"/>
        <v>138.4503291</v>
      </c>
      <c r="R196" s="20">
        <v>449.44243999999998</v>
      </c>
      <c r="S196" s="20">
        <v>21.807952</v>
      </c>
      <c r="T196" s="20">
        <v>16.983573</v>
      </c>
      <c r="U196" s="20">
        <v>17.890398999999999</v>
      </c>
      <c r="V196" s="20">
        <v>2.2185912999999999</v>
      </c>
      <c r="X196" s="20">
        <f t="shared" si="5"/>
        <v>37.914653654705631</v>
      </c>
    </row>
    <row r="197" spans="2:24">
      <c r="B197" s="23">
        <v>0.56141203703737119</v>
      </c>
      <c r="C197" s="20">
        <v>7015.1050999999998</v>
      </c>
      <c r="D197" s="20">
        <v>15.447115</v>
      </c>
      <c r="E197" s="20">
        <v>4.4225060000000003</v>
      </c>
      <c r="F197" s="20">
        <v>3.4656536</v>
      </c>
      <c r="G197" s="20">
        <v>5.0939560000000004</v>
      </c>
      <c r="H197" s="20">
        <v>11.219219000000001</v>
      </c>
      <c r="I197" s="20">
        <v>0</v>
      </c>
      <c r="J197" s="20">
        <v>0.48715836000000001</v>
      </c>
      <c r="K197" s="20">
        <v>0.63431086000000003</v>
      </c>
      <c r="L197" s="20">
        <v>1773.8228999999999</v>
      </c>
      <c r="M197" s="20">
        <v>8.2290203999999996</v>
      </c>
      <c r="N197" s="20">
        <v>5.3052020999999998</v>
      </c>
      <c r="O197" s="20">
        <v>125.33886</v>
      </c>
      <c r="P197" s="20">
        <v>5.6531903000000003</v>
      </c>
      <c r="Q197" s="20">
        <f t="shared" si="4"/>
        <v>144.52627280000002</v>
      </c>
      <c r="R197" s="20">
        <v>503.52287999999999</v>
      </c>
      <c r="S197" s="20">
        <v>19.869620999999999</v>
      </c>
      <c r="T197" s="20">
        <v>17.549510999999999</v>
      </c>
      <c r="U197" s="20">
        <v>18.301839999999999</v>
      </c>
      <c r="V197" s="20">
        <v>2.4541686</v>
      </c>
      <c r="X197" s="20">
        <f t="shared" si="5"/>
        <v>39.204928981261993</v>
      </c>
    </row>
    <row r="198" spans="2:24">
      <c r="B198" s="23">
        <v>0.56192129629926058</v>
      </c>
      <c r="C198" s="20">
        <v>7757.0464000000002</v>
      </c>
      <c r="D198" s="20">
        <v>16.053535</v>
      </c>
      <c r="E198" s="20">
        <v>2.6606703</v>
      </c>
      <c r="F198" s="20">
        <v>4.6135403000000004</v>
      </c>
      <c r="G198" s="20">
        <v>6.5875162999999999</v>
      </c>
      <c r="H198" s="20">
        <v>11.408533</v>
      </c>
      <c r="I198" s="20">
        <v>0</v>
      </c>
      <c r="J198" s="20">
        <v>0.96296561000000003</v>
      </c>
      <c r="K198" s="20">
        <v>0.72361094000000004</v>
      </c>
      <c r="L198" s="20">
        <v>2142.7514999999999</v>
      </c>
      <c r="M198" s="20">
        <v>40.235351999999999</v>
      </c>
      <c r="N198" s="20">
        <v>3.4393739000000001</v>
      </c>
      <c r="O198" s="20">
        <v>128.31511</v>
      </c>
      <c r="P198" s="20">
        <v>7.1987401000000002</v>
      </c>
      <c r="Q198" s="20">
        <f t="shared" si="4"/>
        <v>179.18857600000001</v>
      </c>
      <c r="R198" s="20">
        <v>544.83006999999998</v>
      </c>
      <c r="S198" s="20">
        <v>18.714205</v>
      </c>
      <c r="T198" s="20">
        <v>18.445709999999998</v>
      </c>
      <c r="U198" s="20">
        <v>17.170209</v>
      </c>
      <c r="V198" s="20">
        <v>3.5494110999999999</v>
      </c>
      <c r="X198" s="20">
        <f t="shared" si="5"/>
        <v>40.179401205245</v>
      </c>
    </row>
    <row r="199" spans="2:24">
      <c r="B199" s="23">
        <v>0.56241898148437031</v>
      </c>
      <c r="C199" s="20">
        <v>7525.5589</v>
      </c>
      <c r="D199" s="20">
        <v>18.881031</v>
      </c>
      <c r="E199" s="20">
        <v>0.9228248</v>
      </c>
      <c r="F199" s="20">
        <v>4.5962953999999998</v>
      </c>
      <c r="G199" s="20">
        <v>1.9139065</v>
      </c>
      <c r="H199" s="20">
        <v>10.543972</v>
      </c>
      <c r="I199" s="20">
        <v>4.3491075999999998E-3</v>
      </c>
      <c r="J199" s="20">
        <v>0.94061748999999995</v>
      </c>
      <c r="K199" s="20">
        <v>0.71851016999999995</v>
      </c>
      <c r="L199" s="20">
        <v>2006.3016</v>
      </c>
      <c r="M199" s="20">
        <v>31.537814000000001</v>
      </c>
      <c r="N199" s="20">
        <v>2.6658019999999998</v>
      </c>
      <c r="O199" s="20">
        <v>108.99836999999999</v>
      </c>
      <c r="P199" s="20">
        <v>7.2616208000000002</v>
      </c>
      <c r="Q199" s="20">
        <f t="shared" si="4"/>
        <v>150.46360680000001</v>
      </c>
      <c r="R199" s="20">
        <v>496.61624999999998</v>
      </c>
      <c r="S199" s="20">
        <v>19.803856</v>
      </c>
      <c r="T199" s="20">
        <v>19.011044999999999</v>
      </c>
      <c r="U199" s="20">
        <v>15.404655</v>
      </c>
      <c r="V199" s="20">
        <v>5.1644259999999997</v>
      </c>
      <c r="X199" s="20">
        <f t="shared" si="5"/>
        <v>40.554190946926759</v>
      </c>
    </row>
    <row r="200" spans="2:24">
      <c r="B200" s="23">
        <v>0.56291666666948004</v>
      </c>
      <c r="C200" s="20">
        <v>6345.8288000000002</v>
      </c>
      <c r="D200" s="20">
        <v>22.044336000000001</v>
      </c>
      <c r="E200" s="20">
        <v>0.91037318</v>
      </c>
      <c r="F200" s="20">
        <v>3.5692601000000002</v>
      </c>
      <c r="G200" s="20">
        <v>1.9605471999999999</v>
      </c>
      <c r="H200" s="20">
        <v>8.6555134000000002</v>
      </c>
      <c r="I200" s="20">
        <v>1.0701822999999999E-2</v>
      </c>
      <c r="J200" s="20">
        <v>0.50240258000000004</v>
      </c>
      <c r="K200" s="20">
        <v>0.79785017000000003</v>
      </c>
      <c r="L200" s="20">
        <v>1588.5526</v>
      </c>
      <c r="M200" s="20">
        <v>31.426472</v>
      </c>
      <c r="N200" s="20">
        <v>2.8593348999999999</v>
      </c>
      <c r="O200" s="20">
        <v>75.308189999999996</v>
      </c>
      <c r="P200" s="20">
        <v>4.9741745999999996</v>
      </c>
      <c r="Q200" s="20">
        <f t="shared" ref="Q200:Q263" si="6">M200+N200+O200+P200</f>
        <v>114.56817149999999</v>
      </c>
      <c r="R200" s="20">
        <v>378.31193000000002</v>
      </c>
      <c r="S200" s="20">
        <v>22.954709000000001</v>
      </c>
      <c r="T200" s="20">
        <v>19.254375</v>
      </c>
      <c r="U200" s="20">
        <v>14.047809000000001</v>
      </c>
      <c r="V200" s="20">
        <v>5.7166768000000001</v>
      </c>
      <c r="X200" s="20">
        <f t="shared" ref="X200:X263" si="7">(SUM(C200:S200)-Q200-R200)/10000+SUM(T200:V200)</f>
        <v>39.829896326495302</v>
      </c>
    </row>
    <row r="201" spans="2:24">
      <c r="B201" s="23">
        <v>0.56341435185458977</v>
      </c>
      <c r="C201" s="20">
        <v>4836.5913</v>
      </c>
      <c r="D201" s="20">
        <v>24.836835000000001</v>
      </c>
      <c r="E201" s="20">
        <v>1.867451</v>
      </c>
      <c r="F201" s="20">
        <v>1.5938966000000001</v>
      </c>
      <c r="G201" s="20">
        <v>0.80350047999999996</v>
      </c>
      <c r="H201" s="20">
        <v>6.5705796000000003</v>
      </c>
      <c r="I201" s="20">
        <v>1.297332E-2</v>
      </c>
      <c r="J201" s="20">
        <v>0</v>
      </c>
      <c r="K201" s="20">
        <v>0.85130351999999998</v>
      </c>
      <c r="L201" s="20">
        <v>974.17043000000001</v>
      </c>
      <c r="M201" s="20">
        <v>0</v>
      </c>
      <c r="N201" s="20">
        <v>4.3725823999999998</v>
      </c>
      <c r="O201" s="20">
        <v>47.453000000000003</v>
      </c>
      <c r="P201" s="20">
        <v>2.7992268999999999</v>
      </c>
      <c r="Q201" s="20">
        <f t="shared" si="6"/>
        <v>54.624809300000003</v>
      </c>
      <c r="R201" s="20">
        <v>254.29707999999999</v>
      </c>
      <c r="S201" s="20">
        <v>26.704286</v>
      </c>
      <c r="T201" s="20">
        <v>18.953194</v>
      </c>
      <c r="U201" s="20">
        <v>13.556006999999999</v>
      </c>
      <c r="V201" s="20">
        <v>6.1830341999999998</v>
      </c>
      <c r="X201" s="20">
        <f t="shared" si="7"/>
        <v>39.285097936481996</v>
      </c>
    </row>
    <row r="202" spans="2:24">
      <c r="B202" s="23">
        <v>0.5639120370396995</v>
      </c>
      <c r="C202" s="20">
        <v>4300.9849000000004</v>
      </c>
      <c r="D202" s="20">
        <v>26.827473000000001</v>
      </c>
      <c r="E202" s="20">
        <v>1.9467926</v>
      </c>
      <c r="F202" s="20">
        <v>1.1609681999999999</v>
      </c>
      <c r="G202" s="20">
        <v>0.66310643000000002</v>
      </c>
      <c r="H202" s="20">
        <v>5.2554980999999996</v>
      </c>
      <c r="I202" s="20">
        <v>4.1107797E-3</v>
      </c>
      <c r="J202" s="20">
        <v>0</v>
      </c>
      <c r="K202" s="20">
        <v>0.70280052000000004</v>
      </c>
      <c r="L202" s="20">
        <v>917.18003999999996</v>
      </c>
      <c r="M202" s="20">
        <v>0</v>
      </c>
      <c r="N202" s="20">
        <v>4.8228425000000001</v>
      </c>
      <c r="O202" s="20">
        <v>46.465285999999999</v>
      </c>
      <c r="P202" s="20">
        <v>2.1518459999999999</v>
      </c>
      <c r="Q202" s="20">
        <f t="shared" si="6"/>
        <v>53.439974499999998</v>
      </c>
      <c r="R202" s="20">
        <v>242.41338999999999</v>
      </c>
      <c r="S202" s="20">
        <v>28.774265</v>
      </c>
      <c r="T202" s="20">
        <v>18.838535</v>
      </c>
      <c r="U202" s="20">
        <v>12.534356000000001</v>
      </c>
      <c r="V202" s="20">
        <v>4.8728480000000003</v>
      </c>
      <c r="X202" s="20">
        <f t="shared" si="7"/>
        <v>36.779432992912973</v>
      </c>
    </row>
    <row r="203" spans="2:24">
      <c r="B203" s="23">
        <v>0.56442129629431292</v>
      </c>
      <c r="C203" s="20">
        <v>4202.9978000000001</v>
      </c>
      <c r="D203" s="20">
        <v>26.717931</v>
      </c>
      <c r="E203" s="20">
        <v>0.80647922000000005</v>
      </c>
      <c r="F203" s="20">
        <v>0.96725801</v>
      </c>
      <c r="G203" s="20">
        <v>1.3941565</v>
      </c>
      <c r="H203" s="20">
        <v>4.5528630999999997</v>
      </c>
      <c r="I203" s="20">
        <v>2.0544707999999999E-3</v>
      </c>
      <c r="J203" s="20">
        <v>0</v>
      </c>
      <c r="K203" s="20">
        <v>0.66921410999999997</v>
      </c>
      <c r="L203" s="20">
        <v>1004.5861</v>
      </c>
      <c r="M203" s="20">
        <v>0</v>
      </c>
      <c r="N203" s="20">
        <v>4.1711603000000004</v>
      </c>
      <c r="O203" s="20">
        <v>50.406947000000002</v>
      </c>
      <c r="P203" s="20">
        <v>1.8205290000000001</v>
      </c>
      <c r="Q203" s="20">
        <f t="shared" si="6"/>
        <v>56.3986363</v>
      </c>
      <c r="R203" s="20">
        <v>261.73275999999998</v>
      </c>
      <c r="S203" s="20">
        <v>27.52441</v>
      </c>
      <c r="T203" s="20">
        <v>18.414356000000002</v>
      </c>
      <c r="U203" s="20">
        <v>10.472788</v>
      </c>
      <c r="V203" s="20">
        <v>4.5947893000000004</v>
      </c>
      <c r="X203" s="20">
        <f t="shared" si="7"/>
        <v>34.014594990271078</v>
      </c>
    </row>
    <row r="204" spans="2:24">
      <c r="B204" s="23">
        <v>0.56491898147942265</v>
      </c>
      <c r="C204" s="20">
        <v>4145.6332000000002</v>
      </c>
      <c r="D204" s="20">
        <v>24.387263999999998</v>
      </c>
      <c r="E204" s="20">
        <v>0</v>
      </c>
      <c r="F204" s="20">
        <v>0.97295827000000001</v>
      </c>
      <c r="G204" s="20">
        <v>0.81489982000000005</v>
      </c>
      <c r="H204" s="20">
        <v>4.0580736000000002</v>
      </c>
      <c r="I204" s="20">
        <v>5.1311749000000004E-3</v>
      </c>
      <c r="J204" s="20">
        <v>0</v>
      </c>
      <c r="K204" s="20">
        <v>0.66788912</v>
      </c>
      <c r="L204" s="20">
        <v>1068.7215000000001</v>
      </c>
      <c r="M204" s="20">
        <v>0</v>
      </c>
      <c r="N204" s="20">
        <v>3.7085561999999999</v>
      </c>
      <c r="O204" s="20">
        <v>53.708039999999997</v>
      </c>
      <c r="P204" s="20">
        <v>1.4957015</v>
      </c>
      <c r="Q204" s="20">
        <f t="shared" si="6"/>
        <v>58.912297699999996</v>
      </c>
      <c r="R204" s="20">
        <v>276.31099999999998</v>
      </c>
      <c r="S204" s="20">
        <v>24.387263999999998</v>
      </c>
      <c r="T204" s="20">
        <v>17.521885000000001</v>
      </c>
      <c r="U204" s="20">
        <v>8.4799042</v>
      </c>
      <c r="V204" s="20">
        <v>4.4812840999999999</v>
      </c>
      <c r="X204" s="20">
        <f t="shared" si="7"/>
        <v>31.015929347768491</v>
      </c>
    </row>
    <row r="205" spans="2:24">
      <c r="B205" s="23">
        <v>0.56541666666453239</v>
      </c>
      <c r="C205" s="20">
        <v>4243.7452000000003</v>
      </c>
      <c r="D205" s="20">
        <v>21.141522999999999</v>
      </c>
      <c r="E205" s="20">
        <v>0</v>
      </c>
      <c r="F205" s="20">
        <v>1.1339361999999999</v>
      </c>
      <c r="G205" s="20">
        <v>1.1267552999999999</v>
      </c>
      <c r="H205" s="20">
        <v>3.9800301</v>
      </c>
      <c r="I205" s="20">
        <v>5.0213261E-3</v>
      </c>
      <c r="J205" s="20">
        <v>0</v>
      </c>
      <c r="K205" s="20">
        <v>0.79882450999999999</v>
      </c>
      <c r="L205" s="20">
        <v>1104.1958</v>
      </c>
      <c r="M205" s="20">
        <v>0</v>
      </c>
      <c r="N205" s="20">
        <v>4.9544988999999999</v>
      </c>
      <c r="O205" s="20">
        <v>58.352350999999999</v>
      </c>
      <c r="P205" s="20">
        <v>1.4660747000000001</v>
      </c>
      <c r="Q205" s="20">
        <f t="shared" si="6"/>
        <v>64.772924599999996</v>
      </c>
      <c r="R205" s="20">
        <v>294.49218999999999</v>
      </c>
      <c r="S205" s="20">
        <v>21.141522999999999</v>
      </c>
      <c r="T205" s="20">
        <v>16.336416</v>
      </c>
      <c r="U205" s="20">
        <v>7.3464267999999997</v>
      </c>
      <c r="V205" s="20">
        <v>3.7362133000000002</v>
      </c>
      <c r="X205" s="20">
        <f t="shared" si="7"/>
        <v>27.96526025380361</v>
      </c>
    </row>
    <row r="206" spans="2:24">
      <c r="B206" s="23">
        <v>0.56591435184964212</v>
      </c>
      <c r="C206" s="20">
        <v>4832.8073000000004</v>
      </c>
      <c r="D206" s="20">
        <v>18.400576999999998</v>
      </c>
      <c r="E206" s="20">
        <v>0</v>
      </c>
      <c r="F206" s="20">
        <v>1.4653415999999999</v>
      </c>
      <c r="G206" s="20">
        <v>2.3762045000000001</v>
      </c>
      <c r="H206" s="20">
        <v>4.5759173000000004</v>
      </c>
      <c r="I206" s="20">
        <v>1.110684E-2</v>
      </c>
      <c r="J206" s="20">
        <v>0.38066878999999998</v>
      </c>
      <c r="K206" s="20">
        <v>0.72185284000000005</v>
      </c>
      <c r="L206" s="20">
        <v>1426.6334999999999</v>
      </c>
      <c r="M206" s="20">
        <v>0</v>
      </c>
      <c r="N206" s="20">
        <v>4.6648281999999996</v>
      </c>
      <c r="O206" s="20">
        <v>83.355221</v>
      </c>
      <c r="P206" s="20">
        <v>2.4778091</v>
      </c>
      <c r="Q206" s="20">
        <f t="shared" si="6"/>
        <v>90.497858300000004</v>
      </c>
      <c r="R206" s="20">
        <v>386.64997</v>
      </c>
      <c r="S206" s="20">
        <v>18.400576999999998</v>
      </c>
      <c r="T206" s="20">
        <v>15.490014</v>
      </c>
      <c r="U206" s="20">
        <v>7.3249420000000001</v>
      </c>
      <c r="V206" s="20">
        <v>2.8432548</v>
      </c>
      <c r="X206" s="20">
        <f t="shared" si="7"/>
        <v>26.297837890417004</v>
      </c>
    </row>
    <row r="207" spans="2:24">
      <c r="B207" s="23">
        <v>0.5664236111115315</v>
      </c>
      <c r="C207" s="20">
        <v>5503.6779999999999</v>
      </c>
      <c r="D207" s="20">
        <v>16.244453</v>
      </c>
      <c r="E207" s="20">
        <v>0</v>
      </c>
      <c r="F207" s="20">
        <v>2.5380473000000001</v>
      </c>
      <c r="G207" s="20">
        <v>3.9652644000000001</v>
      </c>
      <c r="H207" s="20">
        <v>5.6396196999999999</v>
      </c>
      <c r="I207" s="20">
        <v>1.3421416E-2</v>
      </c>
      <c r="J207" s="20">
        <v>0.48096261000000001</v>
      </c>
      <c r="K207" s="20">
        <v>0.61739716</v>
      </c>
      <c r="L207" s="20">
        <v>1692.8997999999999</v>
      </c>
      <c r="M207" s="20">
        <v>0</v>
      </c>
      <c r="N207" s="20">
        <v>5.8479798000000001</v>
      </c>
      <c r="O207" s="20">
        <v>106.74062000000001</v>
      </c>
      <c r="P207" s="20">
        <v>3.9604043999999998</v>
      </c>
      <c r="Q207" s="20">
        <f t="shared" si="6"/>
        <v>116.54900420000001</v>
      </c>
      <c r="R207" s="20">
        <v>470.75932999999998</v>
      </c>
      <c r="S207" s="20">
        <v>16.244453</v>
      </c>
      <c r="T207" s="20">
        <v>14.940963</v>
      </c>
      <c r="U207" s="20">
        <v>7.7253257</v>
      </c>
      <c r="V207" s="20">
        <v>2.4817018000000002</v>
      </c>
      <c r="X207" s="20">
        <f t="shared" si="7"/>
        <v>25.883877542278597</v>
      </c>
    </row>
    <row r="208" spans="2:24">
      <c r="B208" s="23">
        <v>0.56692129629664123</v>
      </c>
      <c r="C208" s="20">
        <v>5999.2430000000004</v>
      </c>
      <c r="D208" s="20">
        <v>14.211105999999999</v>
      </c>
      <c r="E208" s="20">
        <v>0</v>
      </c>
      <c r="F208" s="20">
        <v>2.9947911999999999</v>
      </c>
      <c r="G208" s="20">
        <v>2.4861730999999998</v>
      </c>
      <c r="H208" s="20">
        <v>6.3953362</v>
      </c>
      <c r="I208" s="20">
        <v>1.8175836000000001E-2</v>
      </c>
      <c r="J208" s="20">
        <v>0.87401196999999997</v>
      </c>
      <c r="K208" s="20">
        <v>0.52699781999999995</v>
      </c>
      <c r="L208" s="20">
        <v>1971.0468000000001</v>
      </c>
      <c r="M208" s="20">
        <v>0</v>
      </c>
      <c r="N208" s="20">
        <v>3.8516694999999999</v>
      </c>
      <c r="O208" s="20">
        <v>126.72145</v>
      </c>
      <c r="P208" s="20">
        <v>5.4378450999999997</v>
      </c>
      <c r="Q208" s="20">
        <f t="shared" si="6"/>
        <v>136.01096460000002</v>
      </c>
      <c r="R208" s="20">
        <v>541.06547999999998</v>
      </c>
      <c r="S208" s="20">
        <v>14.211105999999999</v>
      </c>
      <c r="T208" s="20">
        <v>14.493316999999999</v>
      </c>
      <c r="U208" s="20">
        <v>8.1650369000000005</v>
      </c>
      <c r="V208" s="20">
        <v>2.5864294999999999</v>
      </c>
      <c r="X208" s="20">
        <f t="shared" si="7"/>
        <v>26.059585246272604</v>
      </c>
    </row>
    <row r="209" spans="2:24">
      <c r="B209" s="23">
        <v>0.56741898148175096</v>
      </c>
      <c r="C209" s="20">
        <v>5912.0156999999999</v>
      </c>
      <c r="D209" s="20">
        <v>12.555923</v>
      </c>
      <c r="E209" s="20">
        <v>0</v>
      </c>
      <c r="F209" s="20">
        <v>3.1410021000000001</v>
      </c>
      <c r="G209" s="20">
        <v>2.8527114999999998</v>
      </c>
      <c r="H209" s="20">
        <v>6.6833459</v>
      </c>
      <c r="I209" s="20">
        <v>1.1419574E-2</v>
      </c>
      <c r="J209" s="20">
        <v>0.87879748000000002</v>
      </c>
      <c r="K209" s="20">
        <v>0.43702925999999997</v>
      </c>
      <c r="L209" s="20">
        <v>2003.779</v>
      </c>
      <c r="M209" s="20">
        <v>15.455211</v>
      </c>
      <c r="N209" s="20">
        <v>3.8286901000000002</v>
      </c>
      <c r="O209" s="20">
        <v>127.66374</v>
      </c>
      <c r="P209" s="20">
        <v>6.2235807000000003</v>
      </c>
      <c r="Q209" s="20">
        <f t="shared" si="6"/>
        <v>153.17122180000001</v>
      </c>
      <c r="R209" s="20">
        <v>532.81161999999995</v>
      </c>
      <c r="S209" s="20">
        <v>12.555923</v>
      </c>
      <c r="T209" s="20">
        <v>13.921258</v>
      </c>
      <c r="U209" s="20">
        <v>8.5511160999999998</v>
      </c>
      <c r="V209" s="20">
        <v>2.6391615000000002</v>
      </c>
      <c r="X209" s="20">
        <f t="shared" si="7"/>
        <v>25.922343807361401</v>
      </c>
    </row>
    <row r="210" spans="2:24">
      <c r="B210" s="23">
        <v>0.56795138888992369</v>
      </c>
      <c r="C210" s="20">
        <v>5849.2348000000002</v>
      </c>
      <c r="D210" s="20">
        <v>11.09736</v>
      </c>
      <c r="E210" s="20">
        <v>0</v>
      </c>
      <c r="F210" s="20">
        <v>3.0593235999999999</v>
      </c>
      <c r="G210" s="20">
        <v>3.7251059999999998</v>
      </c>
      <c r="H210" s="20">
        <v>6.7412307</v>
      </c>
      <c r="I210" s="20">
        <v>2.7173657E-3</v>
      </c>
      <c r="J210" s="20">
        <v>1.2318321000000001</v>
      </c>
      <c r="K210" s="20">
        <v>0.29981026999999999</v>
      </c>
      <c r="L210" s="20">
        <v>2189.5101</v>
      </c>
      <c r="M210" s="20">
        <v>40.851770000000002</v>
      </c>
      <c r="N210" s="20">
        <v>2.5816283000000002</v>
      </c>
      <c r="O210" s="20">
        <v>135.37227999999999</v>
      </c>
      <c r="P210" s="20">
        <v>7.5691518000000002</v>
      </c>
      <c r="Q210" s="20">
        <f t="shared" si="6"/>
        <v>186.3748301</v>
      </c>
      <c r="R210" s="20">
        <v>556.05308000000002</v>
      </c>
      <c r="S210" s="20">
        <v>11.09736</v>
      </c>
      <c r="T210" s="20">
        <v>13.506167</v>
      </c>
      <c r="U210" s="20">
        <v>8.8105504000000003</v>
      </c>
      <c r="V210" s="20">
        <v>2.6289859</v>
      </c>
      <c r="X210" s="20">
        <f t="shared" si="7"/>
        <v>25.771940747013574</v>
      </c>
    </row>
    <row r="211" spans="2:24">
      <c r="B211" s="23">
        <v>0.56844907407503342</v>
      </c>
      <c r="C211" s="20">
        <v>5764.9156999999996</v>
      </c>
      <c r="D211" s="20">
        <v>9.6324903000000006</v>
      </c>
      <c r="E211" s="20">
        <v>0</v>
      </c>
      <c r="F211" s="20">
        <v>2.7343557999999999</v>
      </c>
      <c r="G211" s="20">
        <v>1.5124470999999999</v>
      </c>
      <c r="H211" s="20">
        <v>6.6318979999999996</v>
      </c>
      <c r="I211" s="20">
        <v>6.2566843000000003E-4</v>
      </c>
      <c r="J211" s="20">
        <v>1.2824333999999999</v>
      </c>
      <c r="K211" s="20">
        <v>0.18712108</v>
      </c>
      <c r="L211" s="20">
        <v>2196.7543999999998</v>
      </c>
      <c r="M211" s="20">
        <v>55.806024000000001</v>
      </c>
      <c r="N211" s="20">
        <v>3.2778980999999998</v>
      </c>
      <c r="O211" s="20">
        <v>136.43877000000001</v>
      </c>
      <c r="P211" s="20">
        <v>8.7644088</v>
      </c>
      <c r="Q211" s="20">
        <f t="shared" si="6"/>
        <v>204.28710090000001</v>
      </c>
      <c r="R211" s="20">
        <v>555.99510999999995</v>
      </c>
      <c r="S211" s="20">
        <v>9.6324903000000006</v>
      </c>
      <c r="T211" s="20">
        <v>13.186685000000001</v>
      </c>
      <c r="U211" s="20">
        <v>9.0732222999999994</v>
      </c>
      <c r="V211" s="20">
        <v>2.8559008000000001</v>
      </c>
      <c r="X211" s="20">
        <f t="shared" si="7"/>
        <v>25.935565206254847</v>
      </c>
    </row>
    <row r="212" spans="2:24">
      <c r="B212" s="23">
        <v>0.56898148148320615</v>
      </c>
      <c r="C212" s="20">
        <v>5638.0790999999999</v>
      </c>
      <c r="D212" s="20">
        <v>8.4992973000000003</v>
      </c>
      <c r="E212" s="20">
        <v>0</v>
      </c>
      <c r="F212" s="20">
        <v>2.8132476</v>
      </c>
      <c r="G212" s="20">
        <v>3.0825328999999999</v>
      </c>
      <c r="H212" s="20">
        <v>6.4268036999999998</v>
      </c>
      <c r="I212" s="20">
        <v>0</v>
      </c>
      <c r="J212" s="20">
        <v>0.95831451999999995</v>
      </c>
      <c r="K212" s="20">
        <v>0.24138050999999999</v>
      </c>
      <c r="L212" s="20">
        <v>2116.6273999999999</v>
      </c>
      <c r="M212" s="20">
        <v>53.935035999999997</v>
      </c>
      <c r="N212" s="20">
        <v>3.2950205000000001</v>
      </c>
      <c r="O212" s="20">
        <v>134.11044999999999</v>
      </c>
      <c r="P212" s="20">
        <v>9.7560926000000006</v>
      </c>
      <c r="Q212" s="20">
        <f t="shared" si="6"/>
        <v>201.09659909999996</v>
      </c>
      <c r="R212" s="20">
        <v>548.08852999999999</v>
      </c>
      <c r="S212" s="20">
        <v>8.4992973000000003</v>
      </c>
      <c r="T212" s="20">
        <v>12.979907000000001</v>
      </c>
      <c r="U212" s="20">
        <v>9.2091527000000006</v>
      </c>
      <c r="V212" s="20">
        <v>2.7878753000000001</v>
      </c>
      <c r="X212" s="20">
        <f t="shared" si="7"/>
        <v>25.775567397293003</v>
      </c>
    </row>
    <row r="213" spans="2:24">
      <c r="B213" s="23">
        <v>0.56947916666831588</v>
      </c>
      <c r="C213" s="20">
        <v>4952.7555000000002</v>
      </c>
      <c r="D213" s="20">
        <v>8.8784211000000006</v>
      </c>
      <c r="E213" s="20">
        <v>7.7060790000000004E-2</v>
      </c>
      <c r="F213" s="20">
        <v>1.5643077000000001</v>
      </c>
      <c r="G213" s="20">
        <v>5.2739645000000002E-2</v>
      </c>
      <c r="H213" s="20">
        <v>6.1110167999999998</v>
      </c>
      <c r="I213" s="20">
        <v>1.34929E-3</v>
      </c>
      <c r="J213" s="20">
        <v>0.52336431999999999</v>
      </c>
      <c r="K213" s="20">
        <v>0.30536738000000002</v>
      </c>
      <c r="L213" s="20">
        <v>1689.4021</v>
      </c>
      <c r="M213" s="20">
        <v>28.700748999999998</v>
      </c>
      <c r="N213" s="20">
        <v>5.2398617999999999</v>
      </c>
      <c r="O213" s="20">
        <v>113.83593999999999</v>
      </c>
      <c r="P213" s="20">
        <v>9.3919289999999993</v>
      </c>
      <c r="Q213" s="20">
        <f t="shared" si="6"/>
        <v>157.1684798</v>
      </c>
      <c r="R213" s="20">
        <v>464.54399000000001</v>
      </c>
      <c r="S213" s="20">
        <v>8.9554819000000006</v>
      </c>
      <c r="T213" s="20">
        <v>12.761188000000001</v>
      </c>
      <c r="U213" s="20">
        <v>9.3171535999999993</v>
      </c>
      <c r="V213" s="20">
        <v>11.663736</v>
      </c>
      <c r="X213" s="20">
        <f t="shared" si="7"/>
        <v>34.424657118872503</v>
      </c>
    </row>
    <row r="214" spans="2:24">
      <c r="B214" s="23">
        <v>0.56997685185342561</v>
      </c>
      <c r="C214" s="20">
        <v>3727.2098000000001</v>
      </c>
      <c r="D214" s="20">
        <v>10.658337</v>
      </c>
      <c r="E214" s="20">
        <v>1.7681598000000001</v>
      </c>
      <c r="F214" s="20">
        <v>1.0373060999999999</v>
      </c>
      <c r="G214" s="20">
        <v>-3.0088806999999999E-2</v>
      </c>
      <c r="H214" s="20">
        <v>5.4144325999999996</v>
      </c>
      <c r="I214" s="20">
        <v>0</v>
      </c>
      <c r="J214" s="20">
        <v>6.9067103000000005E-2</v>
      </c>
      <c r="K214" s="20">
        <v>0.43649146</v>
      </c>
      <c r="L214" s="20">
        <v>1151.4754</v>
      </c>
      <c r="M214" s="20">
        <v>13.691694</v>
      </c>
      <c r="N214" s="20">
        <v>4.8692305999999999</v>
      </c>
      <c r="O214" s="20">
        <v>78.375192999999996</v>
      </c>
      <c r="P214" s="20">
        <v>7.5658906000000004</v>
      </c>
      <c r="Q214" s="20">
        <f t="shared" si="6"/>
        <v>104.50200819999999</v>
      </c>
      <c r="R214" s="20">
        <v>322.10359999999997</v>
      </c>
      <c r="S214" s="20">
        <v>12.426496999999999</v>
      </c>
      <c r="T214" s="20">
        <v>12.272137000000001</v>
      </c>
      <c r="U214" s="20">
        <v>9.3726593999999999</v>
      </c>
      <c r="V214" s="20">
        <v>20.157761000000001</v>
      </c>
      <c r="X214" s="20">
        <f t="shared" si="7"/>
        <v>42.304054141045597</v>
      </c>
    </row>
    <row r="215" spans="2:24">
      <c r="B215" s="23">
        <v>0.57047453703853535</v>
      </c>
      <c r="C215" s="20">
        <v>2517.4879999999998</v>
      </c>
      <c r="D215" s="20">
        <v>12.383186</v>
      </c>
      <c r="E215" s="20">
        <v>2.8955536999999998</v>
      </c>
      <c r="F215" s="20">
        <v>0</v>
      </c>
      <c r="G215" s="20">
        <v>-0.11411021</v>
      </c>
      <c r="H215" s="20">
        <v>4.3436177000000002</v>
      </c>
      <c r="I215" s="20">
        <v>0</v>
      </c>
      <c r="J215" s="20">
        <v>0</v>
      </c>
      <c r="K215" s="20">
        <v>0.50157410000000002</v>
      </c>
      <c r="L215" s="20">
        <v>591.00275999999997</v>
      </c>
      <c r="M215" s="20">
        <v>0</v>
      </c>
      <c r="N215" s="20">
        <v>4.3452041000000001</v>
      </c>
      <c r="O215" s="20">
        <v>40.469717000000003</v>
      </c>
      <c r="P215" s="20">
        <v>5.2112312000000003</v>
      </c>
      <c r="Q215" s="20">
        <f t="shared" si="6"/>
        <v>50.026152300000007</v>
      </c>
      <c r="R215" s="20">
        <v>171.67522</v>
      </c>
      <c r="S215" s="20">
        <v>15.278739</v>
      </c>
      <c r="T215" s="20">
        <v>11.75685</v>
      </c>
      <c r="U215" s="20">
        <v>9.5968435000000003</v>
      </c>
      <c r="V215" s="20">
        <v>22.463502999999999</v>
      </c>
      <c r="X215" s="20">
        <f t="shared" si="7"/>
        <v>44.136577047258996</v>
      </c>
    </row>
    <row r="216" spans="2:24">
      <c r="B216" s="23">
        <v>0.57098379629314877</v>
      </c>
      <c r="C216" s="20">
        <v>1965.0277000000001</v>
      </c>
      <c r="D216" s="20">
        <v>12.971333</v>
      </c>
      <c r="E216" s="20">
        <v>3.690493</v>
      </c>
      <c r="F216" s="20">
        <v>0</v>
      </c>
      <c r="G216" s="20">
        <v>-0.10247278</v>
      </c>
      <c r="H216" s="20">
        <v>3.6466938999999998</v>
      </c>
      <c r="I216" s="20">
        <v>0</v>
      </c>
      <c r="J216" s="20">
        <v>0</v>
      </c>
      <c r="K216" s="20">
        <v>0.5633648</v>
      </c>
      <c r="L216" s="20">
        <v>309.42333000000002</v>
      </c>
      <c r="M216" s="20">
        <v>0</v>
      </c>
      <c r="N216" s="20">
        <v>2.7179733000000001</v>
      </c>
      <c r="O216" s="20">
        <v>19.146414</v>
      </c>
      <c r="P216" s="20">
        <v>3.0743303000000002</v>
      </c>
      <c r="Q216" s="20">
        <f t="shared" si="6"/>
        <v>24.9387176</v>
      </c>
      <c r="R216" s="20">
        <v>87.547380000000004</v>
      </c>
      <c r="S216" s="20">
        <v>16.661826000000001</v>
      </c>
      <c r="T216" s="20">
        <v>11.645447000000001</v>
      </c>
      <c r="U216" s="20">
        <v>10.902388</v>
      </c>
      <c r="V216" s="20">
        <v>17.750444999999999</v>
      </c>
      <c r="X216" s="20">
        <f t="shared" si="7"/>
        <v>40.531962098552</v>
      </c>
    </row>
    <row r="217" spans="2:24">
      <c r="B217" s="23">
        <v>0.5714814814782585</v>
      </c>
      <c r="C217" s="20">
        <v>2204.2984000000001</v>
      </c>
      <c r="D217" s="20">
        <v>12.137153</v>
      </c>
      <c r="E217" s="20">
        <v>2.9830580000000002</v>
      </c>
      <c r="F217" s="20">
        <v>0</v>
      </c>
      <c r="G217" s="20">
        <v>-0.19115960000000001</v>
      </c>
      <c r="H217" s="20">
        <v>4.2481203000000001</v>
      </c>
      <c r="I217" s="20">
        <v>0</v>
      </c>
      <c r="J217" s="20">
        <v>0</v>
      </c>
      <c r="K217" s="20">
        <v>0.67195868999999997</v>
      </c>
      <c r="L217" s="20">
        <v>342.62624</v>
      </c>
      <c r="M217" s="20">
        <v>0</v>
      </c>
      <c r="N217" s="20">
        <v>2.8610169000000001</v>
      </c>
      <c r="O217" s="20">
        <v>21.404440999999998</v>
      </c>
      <c r="P217" s="20">
        <v>2.0319623999999998</v>
      </c>
      <c r="Q217" s="20">
        <f t="shared" si="6"/>
        <v>26.297420299999999</v>
      </c>
      <c r="R217" s="20">
        <v>95.376172999999994</v>
      </c>
      <c r="S217" s="20">
        <v>15.120210999999999</v>
      </c>
      <c r="T217" s="20">
        <v>12.837961</v>
      </c>
      <c r="U217" s="20">
        <v>14.044401000000001</v>
      </c>
      <c r="V217" s="20">
        <v>13.538376</v>
      </c>
      <c r="X217" s="20">
        <f t="shared" si="7"/>
        <v>40.681557140168998</v>
      </c>
    </row>
    <row r="218" spans="2:24">
      <c r="B218" s="23">
        <v>0.57197916666336823</v>
      </c>
      <c r="C218" s="20">
        <v>2516.5401000000002</v>
      </c>
      <c r="D218" s="20">
        <v>11.289963</v>
      </c>
      <c r="E218" s="20">
        <v>2.3690690999999999</v>
      </c>
      <c r="F218" s="20">
        <v>0</v>
      </c>
      <c r="G218" s="20">
        <v>-0.29691265999999999</v>
      </c>
      <c r="H218" s="20">
        <v>5.8153854999999997</v>
      </c>
      <c r="I218" s="20">
        <v>0</v>
      </c>
      <c r="J218" s="20">
        <v>0</v>
      </c>
      <c r="K218" s="20">
        <v>0.77001485999999997</v>
      </c>
      <c r="L218" s="20">
        <v>431.40512999999999</v>
      </c>
      <c r="M218" s="20">
        <v>0</v>
      </c>
      <c r="N218" s="20">
        <v>3.7770516999999999</v>
      </c>
      <c r="O218" s="20">
        <v>28.357828000000001</v>
      </c>
      <c r="P218" s="20">
        <v>1.6036066</v>
      </c>
      <c r="Q218" s="20">
        <f t="shared" si="6"/>
        <v>33.738486299999998</v>
      </c>
      <c r="R218" s="20">
        <v>119.738</v>
      </c>
      <c r="S218" s="20">
        <v>13.659032</v>
      </c>
      <c r="T218" s="20">
        <v>14.678345999999999</v>
      </c>
      <c r="U218" s="20">
        <v>18.202546000000002</v>
      </c>
      <c r="V218" s="20">
        <v>12.064529</v>
      </c>
      <c r="X218" s="20">
        <f t="shared" si="7"/>
        <v>45.246950026810005</v>
      </c>
    </row>
    <row r="219" spans="2:24">
      <c r="B219" s="23">
        <v>0.57247685184847796</v>
      </c>
      <c r="C219" s="20">
        <v>2770.5344</v>
      </c>
      <c r="D219" s="20">
        <v>10.501637000000001</v>
      </c>
      <c r="E219" s="20">
        <v>1.7860708999999999</v>
      </c>
      <c r="F219" s="20">
        <v>0</v>
      </c>
      <c r="G219" s="20">
        <v>-0.25371117999999998</v>
      </c>
      <c r="H219" s="20">
        <v>7.7334630000000004</v>
      </c>
      <c r="I219" s="20">
        <v>0</v>
      </c>
      <c r="J219" s="20">
        <v>0</v>
      </c>
      <c r="K219" s="20">
        <v>0.84238429000000004</v>
      </c>
      <c r="L219" s="20">
        <v>561.59172000000001</v>
      </c>
      <c r="M219" s="20">
        <v>0</v>
      </c>
      <c r="N219" s="20">
        <v>4.3619637000000004</v>
      </c>
      <c r="O219" s="20">
        <v>38.242753999999998</v>
      </c>
      <c r="P219" s="20">
        <v>1.8555588999999999</v>
      </c>
      <c r="Q219" s="20">
        <f t="shared" si="6"/>
        <v>44.460276599999993</v>
      </c>
      <c r="R219" s="20">
        <v>154.96243000000001</v>
      </c>
      <c r="S219" s="20">
        <v>12.287708</v>
      </c>
      <c r="T219" s="20">
        <v>16.739508000000001</v>
      </c>
      <c r="U219" s="20">
        <v>22.269795999999999</v>
      </c>
      <c r="V219" s="20">
        <v>10.283543</v>
      </c>
      <c r="X219" s="20">
        <f t="shared" si="7"/>
        <v>49.633795394861004</v>
      </c>
    </row>
    <row r="220" spans="2:24">
      <c r="B220" s="23">
        <v>0.57297453703358769</v>
      </c>
      <c r="C220" s="20">
        <v>2887.1729999999998</v>
      </c>
      <c r="D220" s="20">
        <v>9.7171295999999998</v>
      </c>
      <c r="E220" s="20">
        <v>1.7841952999999999</v>
      </c>
      <c r="F220" s="20">
        <v>0</v>
      </c>
      <c r="G220" s="20">
        <v>-0.41066232000000003</v>
      </c>
      <c r="H220" s="20">
        <v>9.4342626999999997</v>
      </c>
      <c r="I220" s="20">
        <v>0</v>
      </c>
      <c r="J220" s="20">
        <v>0</v>
      </c>
      <c r="K220" s="20">
        <v>0.65690132000000001</v>
      </c>
      <c r="L220" s="20">
        <v>695.05373999999995</v>
      </c>
      <c r="M220" s="20">
        <v>0</v>
      </c>
      <c r="N220" s="20">
        <v>4.9291109000000004</v>
      </c>
      <c r="O220" s="20">
        <v>49.007599999999996</v>
      </c>
      <c r="P220" s="20">
        <v>2.9537217</v>
      </c>
      <c r="Q220" s="20">
        <f t="shared" si="6"/>
        <v>56.890432599999997</v>
      </c>
      <c r="R220" s="20">
        <v>194.54237000000001</v>
      </c>
      <c r="S220" s="20">
        <v>11.501325</v>
      </c>
      <c r="T220" s="20">
        <v>18.413195999999999</v>
      </c>
      <c r="U220" s="20">
        <v>25.336507000000001</v>
      </c>
      <c r="V220" s="20">
        <v>9.2501441999999994</v>
      </c>
      <c r="X220" s="20">
        <f t="shared" si="7"/>
        <v>53.36702723242</v>
      </c>
    </row>
    <row r="221" spans="2:24">
      <c r="B221" s="23">
        <v>0.57348379629547708</v>
      </c>
      <c r="C221" s="20">
        <v>3295.0268999999998</v>
      </c>
      <c r="D221" s="20">
        <v>8.8016293999999995</v>
      </c>
      <c r="E221" s="20">
        <v>2.7631686000000002</v>
      </c>
      <c r="F221" s="20">
        <v>0</v>
      </c>
      <c r="G221" s="20">
        <v>-0.26753543000000002</v>
      </c>
      <c r="H221" s="20">
        <v>11.41619</v>
      </c>
      <c r="I221" s="20">
        <v>0</v>
      </c>
      <c r="J221" s="20">
        <v>0</v>
      </c>
      <c r="K221" s="20">
        <v>0.65837266999999999</v>
      </c>
      <c r="L221" s="20">
        <v>924.31042000000002</v>
      </c>
      <c r="M221" s="20">
        <v>0.25912860999999998</v>
      </c>
      <c r="N221" s="20">
        <v>6.3007176999999999</v>
      </c>
      <c r="O221" s="20">
        <v>69.407681999999994</v>
      </c>
      <c r="P221" s="20">
        <v>5.1611199000000001</v>
      </c>
      <c r="Q221" s="20">
        <f t="shared" si="6"/>
        <v>81.128648209999994</v>
      </c>
      <c r="R221" s="20">
        <v>269.52222999999998</v>
      </c>
      <c r="S221" s="20">
        <v>11.564798</v>
      </c>
      <c r="T221" s="20">
        <v>20.370559</v>
      </c>
      <c r="U221" s="20">
        <v>28.127082999999999</v>
      </c>
      <c r="V221" s="20">
        <v>7.3106615000000001</v>
      </c>
      <c r="X221" s="20">
        <f t="shared" si="7"/>
        <v>56.241843759144999</v>
      </c>
    </row>
    <row r="222" spans="2:24">
      <c r="B222" s="23">
        <v>0.57398148148058681</v>
      </c>
      <c r="C222" s="20">
        <v>3955.7238000000002</v>
      </c>
      <c r="D222" s="20">
        <v>7.8840998000000004</v>
      </c>
      <c r="E222" s="20">
        <v>3.8949359000000001</v>
      </c>
      <c r="F222" s="20">
        <v>0</v>
      </c>
      <c r="G222" s="20">
        <v>-0.26482664</v>
      </c>
      <c r="H222" s="20">
        <v>14.022994000000001</v>
      </c>
      <c r="I222" s="20">
        <v>0</v>
      </c>
      <c r="J222" s="20">
        <v>0</v>
      </c>
      <c r="K222" s="20">
        <v>0.68108234000000001</v>
      </c>
      <c r="L222" s="20">
        <v>1256.3200999999999</v>
      </c>
      <c r="M222" s="20">
        <v>1.8491419</v>
      </c>
      <c r="N222" s="20">
        <v>7.3923148999999997</v>
      </c>
      <c r="O222" s="20">
        <v>99.517662999999999</v>
      </c>
      <c r="P222" s="20">
        <v>10.050787</v>
      </c>
      <c r="Q222" s="20">
        <f t="shared" si="6"/>
        <v>118.80990679999999</v>
      </c>
      <c r="R222" s="20">
        <v>378.83947000000001</v>
      </c>
      <c r="S222" s="20">
        <v>11.779036</v>
      </c>
      <c r="T222" s="20">
        <v>22.592542000000002</v>
      </c>
      <c r="U222" s="20">
        <v>30.388051999999998</v>
      </c>
      <c r="V222" s="20">
        <v>6.2888964999999999</v>
      </c>
      <c r="X222" s="20">
        <f t="shared" si="7"/>
        <v>59.806375612819998</v>
      </c>
    </row>
    <row r="223" spans="2:24">
      <c r="B223" s="23">
        <v>0.57447916666569654</v>
      </c>
      <c r="C223" s="20">
        <v>4748.2217000000001</v>
      </c>
      <c r="D223" s="20">
        <v>6.9999469999999997</v>
      </c>
      <c r="E223" s="20">
        <v>3.0344503999999999</v>
      </c>
      <c r="F223" s="20">
        <v>0</v>
      </c>
      <c r="G223" s="20">
        <v>-3.6655688999999998E-2</v>
      </c>
      <c r="H223" s="20">
        <v>16.965848999999999</v>
      </c>
      <c r="I223" s="20">
        <v>0</v>
      </c>
      <c r="J223" s="20">
        <v>0.35226453000000002</v>
      </c>
      <c r="K223" s="20">
        <v>0.64362529999999996</v>
      </c>
      <c r="L223" s="20">
        <v>1730.5672999999999</v>
      </c>
      <c r="M223" s="20">
        <v>28.255037000000002</v>
      </c>
      <c r="N223" s="20">
        <v>7.3897168000000004</v>
      </c>
      <c r="O223" s="20">
        <v>136.80645000000001</v>
      </c>
      <c r="P223" s="20">
        <v>16.911971999999999</v>
      </c>
      <c r="Q223" s="20">
        <f t="shared" si="6"/>
        <v>189.36317580000002</v>
      </c>
      <c r="R223" s="20">
        <v>493.41919000000001</v>
      </c>
      <c r="S223" s="20">
        <v>10.034397</v>
      </c>
      <c r="T223" s="20">
        <v>24.761569999999999</v>
      </c>
      <c r="U223" s="20">
        <v>32.250461999999999</v>
      </c>
      <c r="V223" s="20">
        <v>5.3694816999999997</v>
      </c>
      <c r="X223" s="20">
        <f t="shared" si="7"/>
        <v>63.052128305334101</v>
      </c>
    </row>
    <row r="224" spans="2:24">
      <c r="B224" s="23">
        <v>0.57497685185080627</v>
      </c>
      <c r="C224" s="20">
        <v>5541.9778999999999</v>
      </c>
      <c r="D224" s="20">
        <v>6.1058114999999997</v>
      </c>
      <c r="E224" s="20">
        <v>0.63777132000000003</v>
      </c>
      <c r="F224" s="20">
        <v>0</v>
      </c>
      <c r="G224" s="20">
        <v>-0.10453374</v>
      </c>
      <c r="H224" s="20">
        <v>19.876270999999999</v>
      </c>
      <c r="I224" s="20">
        <v>0</v>
      </c>
      <c r="J224" s="20">
        <v>1.2195107999999999</v>
      </c>
      <c r="K224" s="20">
        <v>0.41107000999999999</v>
      </c>
      <c r="L224" s="20">
        <v>2387.4823000000001</v>
      </c>
      <c r="M224" s="20">
        <v>78.389274</v>
      </c>
      <c r="N224" s="20">
        <v>6.531072</v>
      </c>
      <c r="O224" s="20">
        <v>180.74943999999999</v>
      </c>
      <c r="P224" s="20">
        <v>26.214960999999999</v>
      </c>
      <c r="Q224" s="20">
        <f t="shared" si="6"/>
        <v>291.884747</v>
      </c>
      <c r="R224" s="20">
        <v>603.00041999999996</v>
      </c>
      <c r="S224" s="20">
        <v>6.7435828000000004</v>
      </c>
      <c r="T224" s="20">
        <v>26.777668999999999</v>
      </c>
      <c r="U224" s="20">
        <v>33.561478000000001</v>
      </c>
      <c r="V224" s="20">
        <v>4.6360853000000004</v>
      </c>
      <c r="X224" s="20">
        <f t="shared" si="7"/>
        <v>65.800855743069008</v>
      </c>
    </row>
    <row r="225" spans="2:24">
      <c r="B225" s="23">
        <v>0.575474537035916</v>
      </c>
      <c r="C225" s="20">
        <v>5928.0479999999998</v>
      </c>
      <c r="D225" s="20">
        <v>5.7646986</v>
      </c>
      <c r="E225" s="20">
        <v>0</v>
      </c>
      <c r="F225" s="20">
        <v>0</v>
      </c>
      <c r="G225" s="20">
        <v>-6.2675581999999994E-2</v>
      </c>
      <c r="H225" s="20">
        <v>21.691652000000001</v>
      </c>
      <c r="I225" s="20">
        <v>0</v>
      </c>
      <c r="J225" s="20">
        <v>2.0837169000000002</v>
      </c>
      <c r="K225" s="20">
        <v>0.23044790000000001</v>
      </c>
      <c r="L225" s="20">
        <v>2992.8917999999999</v>
      </c>
      <c r="M225" s="20">
        <v>159.97713999999999</v>
      </c>
      <c r="N225" s="20">
        <v>6.4728113</v>
      </c>
      <c r="O225" s="20">
        <v>207.09933000000001</v>
      </c>
      <c r="P225" s="20">
        <v>34.351700999999998</v>
      </c>
      <c r="Q225" s="20">
        <f t="shared" si="6"/>
        <v>407.90098229999995</v>
      </c>
      <c r="R225" s="20">
        <v>686.26881000000003</v>
      </c>
      <c r="S225" s="20">
        <v>5.7646986</v>
      </c>
      <c r="T225" s="20">
        <v>28.289314000000001</v>
      </c>
      <c r="U225" s="20">
        <v>34.537339000000003</v>
      </c>
      <c r="V225" s="20">
        <v>4.5274755999999998</v>
      </c>
      <c r="X225" s="20">
        <f t="shared" si="7"/>
        <v>68.290559932071815</v>
      </c>
    </row>
    <row r="226" spans="2:24">
      <c r="B226" s="23">
        <v>0.57598379629780538</v>
      </c>
      <c r="C226" s="20">
        <v>6065.2312000000002</v>
      </c>
      <c r="D226" s="20">
        <v>6.0985649000000004</v>
      </c>
      <c r="E226" s="20">
        <v>0</v>
      </c>
      <c r="F226" s="20">
        <v>0</v>
      </c>
      <c r="G226" s="20">
        <v>-3.1080894000000001E-2</v>
      </c>
      <c r="H226" s="20">
        <v>22.829222999999999</v>
      </c>
      <c r="I226" s="20">
        <v>0</v>
      </c>
      <c r="J226" s="20">
        <v>2.3505617999999999</v>
      </c>
      <c r="K226" s="20">
        <v>0.30624560000000001</v>
      </c>
      <c r="L226" s="20">
        <v>3178.8117999999999</v>
      </c>
      <c r="M226" s="20">
        <v>168.98860999999999</v>
      </c>
      <c r="N226" s="20">
        <v>5.2516075999999998</v>
      </c>
      <c r="O226" s="20">
        <v>216.68956</v>
      </c>
      <c r="P226" s="20">
        <v>40.808624999999999</v>
      </c>
      <c r="Q226" s="20">
        <f t="shared" si="6"/>
        <v>431.73840259999997</v>
      </c>
      <c r="R226" s="20">
        <v>742.66534000000001</v>
      </c>
      <c r="S226" s="20">
        <v>6.0985649000000004</v>
      </c>
      <c r="T226" s="20">
        <v>29.611250999999999</v>
      </c>
      <c r="U226" s="20">
        <v>35.173278000000003</v>
      </c>
      <c r="V226" s="20">
        <v>4.4599552999999998</v>
      </c>
      <c r="X226" s="20">
        <f t="shared" si="7"/>
        <v>70.215827648190611</v>
      </c>
    </row>
    <row r="227" spans="2:24">
      <c r="B227" s="23">
        <v>0.57648148148291511</v>
      </c>
      <c r="C227" s="20">
        <v>6038.4372000000003</v>
      </c>
      <c r="D227" s="20">
        <v>6.6523025999999996</v>
      </c>
      <c r="E227" s="20">
        <v>0</v>
      </c>
      <c r="F227" s="20">
        <v>0</v>
      </c>
      <c r="G227" s="20">
        <v>-8.7596030000000005E-2</v>
      </c>
      <c r="H227" s="20">
        <v>23.532973999999999</v>
      </c>
      <c r="I227" s="20">
        <v>0</v>
      </c>
      <c r="J227" s="20">
        <v>2.3242550999999998</v>
      </c>
      <c r="K227" s="20">
        <v>0.35581473000000002</v>
      </c>
      <c r="L227" s="20">
        <v>3148.4890999999998</v>
      </c>
      <c r="M227" s="20">
        <v>148.45282</v>
      </c>
      <c r="N227" s="20">
        <v>3.4601365999999998</v>
      </c>
      <c r="O227" s="20">
        <v>217.78004000000001</v>
      </c>
      <c r="P227" s="20">
        <v>45.991774999999997</v>
      </c>
      <c r="Q227" s="20">
        <f t="shared" si="6"/>
        <v>415.68477160000003</v>
      </c>
      <c r="R227" s="20">
        <v>732.42233999999996</v>
      </c>
      <c r="S227" s="20">
        <v>6.6523025999999996</v>
      </c>
      <c r="T227" s="20">
        <v>30.64753</v>
      </c>
      <c r="U227" s="20">
        <v>35.453654999999998</v>
      </c>
      <c r="V227" s="20">
        <v>4.3679199999999998</v>
      </c>
      <c r="X227" s="20">
        <f t="shared" si="7"/>
        <v>71.433309112459995</v>
      </c>
    </row>
    <row r="228" spans="2:24">
      <c r="B228" s="23">
        <v>0.57701388889108784</v>
      </c>
      <c r="C228" s="20">
        <v>6239.3595999999998</v>
      </c>
      <c r="D228" s="20">
        <v>6.7039992000000002</v>
      </c>
      <c r="E228" s="20">
        <v>0</v>
      </c>
      <c r="F228" s="20">
        <v>0</v>
      </c>
      <c r="G228" s="20">
        <v>-1.9111234E-3</v>
      </c>
      <c r="H228" s="20">
        <v>24.000250999999999</v>
      </c>
      <c r="I228" s="20">
        <v>0</v>
      </c>
      <c r="J228" s="20">
        <v>2.7733702999999998</v>
      </c>
      <c r="K228" s="20">
        <v>0.31188368</v>
      </c>
      <c r="L228" s="20">
        <v>3132.8224</v>
      </c>
      <c r="M228" s="20">
        <v>111.62421999999999</v>
      </c>
      <c r="N228" s="20">
        <v>6.3559894999999997</v>
      </c>
      <c r="O228" s="20">
        <v>236.41915</v>
      </c>
      <c r="P228" s="20">
        <v>52.501609999999999</v>
      </c>
      <c r="Q228" s="20">
        <f t="shared" si="6"/>
        <v>406.90096949999997</v>
      </c>
      <c r="R228" s="20">
        <v>783.10388</v>
      </c>
      <c r="S228" s="20">
        <v>6.7039992000000002</v>
      </c>
      <c r="T228" s="20">
        <v>31.621024999999999</v>
      </c>
      <c r="U228" s="20">
        <v>35.683374000000001</v>
      </c>
      <c r="V228" s="20">
        <v>3.6428248000000001</v>
      </c>
      <c r="X228" s="20">
        <f t="shared" si="7"/>
        <v>71.929181256175667</v>
      </c>
    </row>
    <row r="229" spans="2:24">
      <c r="B229" s="23">
        <v>0.57751157407619758</v>
      </c>
      <c r="C229" s="20">
        <v>6568.6943000000001</v>
      </c>
      <c r="D229" s="20">
        <v>6.0917802999999999</v>
      </c>
      <c r="E229" s="20">
        <v>0</v>
      </c>
      <c r="F229" s="20">
        <v>0.38501988999999998</v>
      </c>
      <c r="G229" s="20">
        <v>1.2265402999999999</v>
      </c>
      <c r="H229" s="20">
        <v>24.780650999999999</v>
      </c>
      <c r="I229" s="20">
        <v>0</v>
      </c>
      <c r="J229" s="20">
        <v>3.8611635</v>
      </c>
      <c r="K229" s="20">
        <v>0.22129239000000001</v>
      </c>
      <c r="L229" s="20">
        <v>3372.6851999999999</v>
      </c>
      <c r="M229" s="20">
        <v>78.514381999999998</v>
      </c>
      <c r="N229" s="20">
        <v>4.7514159999999999</v>
      </c>
      <c r="O229" s="20">
        <v>268.59055999999998</v>
      </c>
      <c r="P229" s="20">
        <v>60.726492</v>
      </c>
      <c r="Q229" s="20">
        <f t="shared" si="6"/>
        <v>412.58285000000001</v>
      </c>
      <c r="R229" s="20">
        <v>884.14032999999995</v>
      </c>
      <c r="S229" s="20">
        <v>6.0917802999999999</v>
      </c>
      <c r="T229" s="20">
        <v>32.532353000000001</v>
      </c>
      <c r="U229" s="20">
        <v>35.941865</v>
      </c>
      <c r="V229" s="20">
        <v>3.3187741000000002</v>
      </c>
      <c r="X229" s="20">
        <f t="shared" si="7"/>
        <v>72.832654157768005</v>
      </c>
    </row>
    <row r="230" spans="2:24">
      <c r="B230" s="23">
        <v>0.57804398148437031</v>
      </c>
      <c r="C230" s="20">
        <v>6863.8414000000002</v>
      </c>
      <c r="D230" s="20">
        <v>5.4521597000000002</v>
      </c>
      <c r="E230" s="20">
        <v>0</v>
      </c>
      <c r="F230" s="20">
        <v>0.41477591000000003</v>
      </c>
      <c r="G230" s="20">
        <v>4.9414645000000004E-4</v>
      </c>
      <c r="H230" s="20">
        <v>25.680567</v>
      </c>
      <c r="I230" s="20">
        <v>0</v>
      </c>
      <c r="J230" s="20">
        <v>4.8029380000000002</v>
      </c>
      <c r="K230" s="20">
        <v>0.22311346000000001</v>
      </c>
      <c r="L230" s="20">
        <v>3108.7357999999999</v>
      </c>
      <c r="M230" s="20">
        <v>46.856112000000003</v>
      </c>
      <c r="N230" s="20">
        <v>16.309018999999999</v>
      </c>
      <c r="O230" s="20">
        <v>293.12587000000002</v>
      </c>
      <c r="P230" s="20">
        <v>67.965659000000002</v>
      </c>
      <c r="Q230" s="20">
        <f t="shared" si="6"/>
        <v>424.25666000000007</v>
      </c>
      <c r="R230" s="20">
        <v>991.83522000000005</v>
      </c>
      <c r="S230" s="20">
        <v>5.4521597000000002</v>
      </c>
      <c r="T230" s="20">
        <v>33.260303</v>
      </c>
      <c r="U230" s="20">
        <v>36.205095</v>
      </c>
      <c r="V230" s="20">
        <v>3.0595526999999998</v>
      </c>
      <c r="X230" s="20">
        <f t="shared" si="7"/>
        <v>73.568836706791643</v>
      </c>
    </row>
    <row r="231" spans="2:24">
      <c r="B231" s="23">
        <v>0.57854166666948004</v>
      </c>
      <c r="C231" s="20">
        <v>6939.1612999999998</v>
      </c>
      <c r="D231" s="20">
        <v>4.8898542000000003</v>
      </c>
      <c r="E231" s="20">
        <v>1.7689859999999999</v>
      </c>
      <c r="F231" s="20">
        <v>0.41706321000000002</v>
      </c>
      <c r="G231" s="20">
        <v>4.8271946000000001E-3</v>
      </c>
      <c r="H231" s="20">
        <v>26.585402999999999</v>
      </c>
      <c r="I231" s="20">
        <v>0</v>
      </c>
      <c r="J231" s="20">
        <v>5.2318660000000001</v>
      </c>
      <c r="K231" s="20">
        <v>0.22486537000000001</v>
      </c>
      <c r="L231" s="20">
        <v>2823.7069000000001</v>
      </c>
      <c r="M231" s="20">
        <v>0</v>
      </c>
      <c r="N231" s="20">
        <v>19.812234</v>
      </c>
      <c r="O231" s="20">
        <v>302.04207000000002</v>
      </c>
      <c r="P231" s="20">
        <v>72.610476000000006</v>
      </c>
      <c r="Q231" s="20">
        <f t="shared" si="6"/>
        <v>394.46478000000002</v>
      </c>
      <c r="R231" s="20">
        <v>1031.7021</v>
      </c>
      <c r="S231" s="20">
        <v>6.6588402000000002</v>
      </c>
      <c r="T231" s="20">
        <v>33.752541000000001</v>
      </c>
      <c r="U231" s="20">
        <v>36.648218</v>
      </c>
      <c r="V231" s="20">
        <v>3.1797152999999998</v>
      </c>
      <c r="X231" s="20">
        <f t="shared" si="7"/>
        <v>74.600785768517454</v>
      </c>
    </row>
    <row r="232" spans="2:24">
      <c r="B232" s="23">
        <v>0.57903935185458977</v>
      </c>
      <c r="C232" s="20">
        <v>6817.6516000000001</v>
      </c>
      <c r="D232" s="20">
        <v>4.9690253999999996</v>
      </c>
      <c r="E232" s="20">
        <v>2.3084685</v>
      </c>
      <c r="F232" s="20">
        <v>5.7084305000000002E-3</v>
      </c>
      <c r="G232" s="20">
        <v>1.1544944E-2</v>
      </c>
      <c r="H232" s="20">
        <v>26.887107</v>
      </c>
      <c r="I232" s="20">
        <v>0</v>
      </c>
      <c r="J232" s="20">
        <v>5.1477386999999997</v>
      </c>
      <c r="K232" s="20">
        <v>0.23026215999999999</v>
      </c>
      <c r="L232" s="20">
        <v>2654.5994999999998</v>
      </c>
      <c r="M232" s="20">
        <v>1.8107861999999999</v>
      </c>
      <c r="N232" s="20">
        <v>20.677265999999999</v>
      </c>
      <c r="O232" s="20">
        <v>299.19963000000001</v>
      </c>
      <c r="P232" s="20">
        <v>74.602551000000005</v>
      </c>
      <c r="Q232" s="20">
        <f t="shared" si="6"/>
        <v>396.29023320000005</v>
      </c>
      <c r="R232" s="20">
        <v>953.50715000000002</v>
      </c>
      <c r="S232" s="20">
        <v>7.2774938999999996</v>
      </c>
      <c r="T232" s="20">
        <v>33.795819000000002</v>
      </c>
      <c r="U232" s="20">
        <v>36.724330000000002</v>
      </c>
      <c r="V232" s="20">
        <v>3.4972732999999998</v>
      </c>
      <c r="X232" s="20">
        <f t="shared" si="7"/>
        <v>75.008960168223453</v>
      </c>
    </row>
    <row r="233" spans="2:24">
      <c r="B233" s="23">
        <v>0.57954861110920319</v>
      </c>
      <c r="C233" s="20">
        <v>6597.4207999999999</v>
      </c>
      <c r="D233" s="20">
        <v>5.0076289999999997</v>
      </c>
      <c r="E233" s="20">
        <v>1.2885584999999999</v>
      </c>
      <c r="F233" s="20">
        <v>0</v>
      </c>
      <c r="G233" s="20">
        <v>-5.7308972999999999E-2</v>
      </c>
      <c r="H233" s="20">
        <v>26.782257999999999</v>
      </c>
      <c r="I233" s="20">
        <v>0</v>
      </c>
      <c r="J233" s="20">
        <v>4.6210613</v>
      </c>
      <c r="K233" s="20">
        <v>0.15204607000000001</v>
      </c>
      <c r="L233" s="20">
        <v>3087.0243999999998</v>
      </c>
      <c r="M233" s="20">
        <v>65.960149999999999</v>
      </c>
      <c r="N233" s="20">
        <v>8.4313237000000001</v>
      </c>
      <c r="O233" s="20">
        <v>289.30135999999999</v>
      </c>
      <c r="P233" s="20">
        <v>74.492654999999999</v>
      </c>
      <c r="Q233" s="20">
        <f t="shared" si="6"/>
        <v>438.18548870000001</v>
      </c>
      <c r="R233" s="20">
        <v>945.23925999999994</v>
      </c>
      <c r="S233" s="20">
        <v>6.2961875999999997</v>
      </c>
      <c r="T233" s="20">
        <v>33.822628999999999</v>
      </c>
      <c r="U233" s="20">
        <v>37.046160999999998</v>
      </c>
      <c r="V233" s="20">
        <v>3.2565661000000001</v>
      </c>
      <c r="X233" s="20">
        <f t="shared" si="7"/>
        <v>75.142028212019696</v>
      </c>
    </row>
    <row r="234" spans="2:24">
      <c r="B234" s="23">
        <v>0.58004629629431292</v>
      </c>
      <c r="C234" s="20">
        <v>6418.6952000000001</v>
      </c>
      <c r="D234" s="20">
        <v>5.0149280000000003</v>
      </c>
      <c r="E234" s="20">
        <v>0</v>
      </c>
      <c r="F234" s="20">
        <v>0</v>
      </c>
      <c r="G234" s="20">
        <v>-6.2292281999999997E-2</v>
      </c>
      <c r="H234" s="20">
        <v>26.588452</v>
      </c>
      <c r="I234" s="20">
        <v>0</v>
      </c>
      <c r="J234" s="20">
        <v>4.3782034999999997</v>
      </c>
      <c r="K234" s="20">
        <v>0.19032748999999999</v>
      </c>
      <c r="L234" s="20">
        <v>3254.6446000000001</v>
      </c>
      <c r="M234" s="20">
        <v>66.348269999999999</v>
      </c>
      <c r="N234" s="20">
        <v>3.4650056999999999</v>
      </c>
      <c r="O234" s="20">
        <v>284.29390999999998</v>
      </c>
      <c r="P234" s="20">
        <v>74.580314000000001</v>
      </c>
      <c r="Q234" s="20">
        <f t="shared" si="6"/>
        <v>428.68749969999999</v>
      </c>
      <c r="R234" s="20">
        <v>913.01766999999995</v>
      </c>
      <c r="S234" s="20">
        <v>5.0149280000000003</v>
      </c>
      <c r="T234" s="20">
        <v>33.537982</v>
      </c>
      <c r="U234" s="20">
        <v>37.004184000000002</v>
      </c>
      <c r="V234" s="20">
        <v>3.0960906000000001</v>
      </c>
      <c r="X234" s="20">
        <f t="shared" si="7"/>
        <v>74.652571784640799</v>
      </c>
    </row>
    <row r="235" spans="2:24">
      <c r="B235" s="23">
        <v>0.58054398147942265</v>
      </c>
      <c r="C235" s="20">
        <v>6338.0754999999999</v>
      </c>
      <c r="D235" s="20">
        <v>5.1467904000000004</v>
      </c>
      <c r="E235" s="20">
        <v>0</v>
      </c>
      <c r="F235" s="20">
        <v>0</v>
      </c>
      <c r="G235" s="20">
        <v>-0.22562302000000001</v>
      </c>
      <c r="H235" s="20">
        <v>26.351445999999999</v>
      </c>
      <c r="I235" s="20">
        <v>0</v>
      </c>
      <c r="J235" s="20">
        <v>4.2016413000000004</v>
      </c>
      <c r="K235" s="20">
        <v>0.2433276</v>
      </c>
      <c r="L235" s="20">
        <v>2914.6813999999999</v>
      </c>
      <c r="M235" s="20">
        <v>59.389713999999998</v>
      </c>
      <c r="N235" s="20">
        <v>12.294707000000001</v>
      </c>
      <c r="O235" s="20">
        <v>279.55572999999998</v>
      </c>
      <c r="P235" s="20">
        <v>74.894694000000001</v>
      </c>
      <c r="Q235" s="20">
        <f t="shared" si="6"/>
        <v>426.13484499999998</v>
      </c>
      <c r="R235" s="20">
        <v>944.00001999999995</v>
      </c>
      <c r="S235" s="20">
        <v>5.1467904000000004</v>
      </c>
      <c r="T235" s="20">
        <v>33.581524000000002</v>
      </c>
      <c r="U235" s="20">
        <v>37.049601000000003</v>
      </c>
      <c r="V235" s="20">
        <v>2.9597245000000001</v>
      </c>
      <c r="X235" s="20">
        <f t="shared" si="7"/>
        <v>74.562825111767992</v>
      </c>
    </row>
    <row r="236" spans="2:24">
      <c r="B236" s="23">
        <v>0.58104166666453239</v>
      </c>
      <c r="C236" s="20">
        <v>6508.8144000000002</v>
      </c>
      <c r="D236" s="20">
        <v>4.9502044999999999</v>
      </c>
      <c r="E236" s="20">
        <v>5.0613890000000001</v>
      </c>
      <c r="F236" s="20">
        <v>8.7908230000000004E-2</v>
      </c>
      <c r="G236" s="20">
        <v>0.54596754999999997</v>
      </c>
      <c r="H236" s="20">
        <v>25.979863999999999</v>
      </c>
      <c r="I236" s="20">
        <v>0</v>
      </c>
      <c r="J236" s="20">
        <v>4.8783325</v>
      </c>
      <c r="K236" s="20">
        <v>0.23907839</v>
      </c>
      <c r="L236" s="20">
        <v>2394.8975999999998</v>
      </c>
      <c r="M236" s="20">
        <v>0</v>
      </c>
      <c r="N236" s="20">
        <v>29.105295000000002</v>
      </c>
      <c r="O236" s="20">
        <v>294.67342000000002</v>
      </c>
      <c r="P236" s="20">
        <v>77.599905000000007</v>
      </c>
      <c r="Q236" s="20">
        <f t="shared" si="6"/>
        <v>401.37862000000007</v>
      </c>
      <c r="R236" s="20">
        <v>970.72956999999997</v>
      </c>
      <c r="S236" s="20">
        <v>10.011593</v>
      </c>
      <c r="T236" s="20">
        <v>33.565598999999999</v>
      </c>
      <c r="U236" s="20">
        <v>37.043196000000002</v>
      </c>
      <c r="V236" s="20">
        <v>2.5553656</v>
      </c>
      <c r="X236" s="20">
        <f t="shared" si="7"/>
        <v>74.099845095717001</v>
      </c>
    </row>
    <row r="237" spans="2:24">
      <c r="B237" s="23">
        <v>0.58153935184964212</v>
      </c>
      <c r="C237" s="20">
        <v>6712.2651999999998</v>
      </c>
      <c r="D237" s="20">
        <v>4.9856838999999997</v>
      </c>
      <c r="E237" s="20">
        <v>6.1615516000000001</v>
      </c>
      <c r="F237" s="20">
        <v>0.54196971999999999</v>
      </c>
      <c r="G237" s="20">
        <v>1.2790135</v>
      </c>
      <c r="H237" s="20">
        <v>25.947952999999998</v>
      </c>
      <c r="I237" s="20">
        <v>0</v>
      </c>
      <c r="J237" s="20">
        <v>5.6976323999999998</v>
      </c>
      <c r="K237" s="20">
        <v>0.18080075000000001</v>
      </c>
      <c r="L237" s="20">
        <v>2696.7026999999998</v>
      </c>
      <c r="M237" s="20">
        <v>4.6605666000000001</v>
      </c>
      <c r="N237" s="20">
        <v>23.560148999999999</v>
      </c>
      <c r="O237" s="20">
        <v>313.02926000000002</v>
      </c>
      <c r="P237" s="20">
        <v>81.693304999999995</v>
      </c>
      <c r="Q237" s="20">
        <f t="shared" si="6"/>
        <v>422.94328060000004</v>
      </c>
      <c r="R237" s="20">
        <v>1062.5094999999999</v>
      </c>
      <c r="S237" s="20">
        <v>11.147235999999999</v>
      </c>
      <c r="T237" s="20">
        <v>33.783458000000003</v>
      </c>
      <c r="U237" s="20">
        <v>36.66807</v>
      </c>
      <c r="V237" s="20">
        <v>2.5129513000000001</v>
      </c>
      <c r="X237" s="20">
        <f t="shared" si="7"/>
        <v>73.953264602146987</v>
      </c>
    </row>
    <row r="238" spans="2:24">
      <c r="B238" s="23">
        <v>0.5820486111115315</v>
      </c>
      <c r="C238" s="20">
        <v>6874.5267999999996</v>
      </c>
      <c r="D238" s="20">
        <v>5.0585243999999996</v>
      </c>
      <c r="E238" s="20">
        <v>5.0164757</v>
      </c>
      <c r="F238" s="20">
        <v>0.73072265999999997</v>
      </c>
      <c r="G238" s="20">
        <v>0.33161977999999998</v>
      </c>
      <c r="H238" s="20">
        <v>26.116584</v>
      </c>
      <c r="I238" s="20">
        <v>0</v>
      </c>
      <c r="J238" s="20">
        <v>6.3132883</v>
      </c>
      <c r="K238" s="20">
        <v>0.11379847999999999</v>
      </c>
      <c r="L238" s="20">
        <v>3299.24</v>
      </c>
      <c r="M238" s="20">
        <v>17.874997</v>
      </c>
      <c r="N238" s="20">
        <v>13.486008</v>
      </c>
      <c r="O238" s="20">
        <v>328.50675000000001</v>
      </c>
      <c r="P238" s="20">
        <v>85.205600000000004</v>
      </c>
      <c r="Q238" s="20">
        <f t="shared" si="6"/>
        <v>445.07335499999999</v>
      </c>
      <c r="R238" s="20">
        <v>1143.3887</v>
      </c>
      <c r="S238" s="20">
        <v>10.074999999999999</v>
      </c>
      <c r="T238" s="20">
        <v>33.602279000000003</v>
      </c>
      <c r="U238" s="20">
        <v>36.599922999999997</v>
      </c>
      <c r="V238" s="20">
        <v>2.6935657000000002</v>
      </c>
      <c r="X238" s="20">
        <f t="shared" si="7"/>
        <v>73.963027316831997</v>
      </c>
    </row>
    <row r="239" spans="2:24">
      <c r="B239" s="23">
        <v>0.58254629629664123</v>
      </c>
      <c r="C239" s="20">
        <v>6775.33</v>
      </c>
      <c r="D239" s="20">
        <v>5.5523648000000003</v>
      </c>
      <c r="E239" s="20">
        <v>0</v>
      </c>
      <c r="F239" s="20">
        <v>0.82961448999999998</v>
      </c>
      <c r="G239" s="20">
        <v>0.84437434</v>
      </c>
      <c r="H239" s="20">
        <v>26.273793999999999</v>
      </c>
      <c r="I239" s="20">
        <v>0</v>
      </c>
      <c r="J239" s="20">
        <v>6.1579505000000001</v>
      </c>
      <c r="K239" s="20">
        <v>0.16683833000000001</v>
      </c>
      <c r="L239" s="20">
        <v>3428.6970999999999</v>
      </c>
      <c r="M239" s="20">
        <v>18.674733</v>
      </c>
      <c r="N239" s="20">
        <v>0</v>
      </c>
      <c r="O239" s="20">
        <v>323.77420999999998</v>
      </c>
      <c r="P239" s="20">
        <v>85.524601000000004</v>
      </c>
      <c r="Q239" s="20">
        <f t="shared" si="6"/>
        <v>427.973544</v>
      </c>
      <c r="R239" s="20">
        <v>1081.7322999999999</v>
      </c>
      <c r="S239" s="20">
        <v>5.5523648000000003</v>
      </c>
      <c r="T239" s="20">
        <v>33.405279999999998</v>
      </c>
      <c r="U239" s="20">
        <v>36.283681999999999</v>
      </c>
      <c r="V239" s="20">
        <v>2.7271754000000001</v>
      </c>
      <c r="X239" s="20">
        <f t="shared" si="7"/>
        <v>73.483875194525993</v>
      </c>
    </row>
    <row r="240" spans="2:24">
      <c r="B240" s="23">
        <v>0.58304398148175096</v>
      </c>
      <c r="C240" s="20">
        <v>6694.79</v>
      </c>
      <c r="D240" s="20">
        <v>5.6908738000000003</v>
      </c>
      <c r="E240" s="20">
        <v>0</v>
      </c>
      <c r="F240" s="20">
        <v>0.40118337999999998</v>
      </c>
      <c r="G240" s="20">
        <v>1.3553506E-2</v>
      </c>
      <c r="H240" s="20">
        <v>26.415880999999999</v>
      </c>
      <c r="I240" s="20">
        <v>0</v>
      </c>
      <c r="J240" s="20">
        <v>5.9291122999999999</v>
      </c>
      <c r="K240" s="20">
        <v>0.17680878999999999</v>
      </c>
      <c r="L240" s="20">
        <v>2829.2846</v>
      </c>
      <c r="M240" s="20">
        <v>6.0866794000000004</v>
      </c>
      <c r="N240" s="20">
        <v>11.772478</v>
      </c>
      <c r="O240" s="20">
        <v>319.84946000000002</v>
      </c>
      <c r="P240" s="20">
        <v>84.841892999999999</v>
      </c>
      <c r="Q240" s="20">
        <f t="shared" si="6"/>
        <v>422.55051040000001</v>
      </c>
      <c r="R240" s="20">
        <v>1030.3834999999999</v>
      </c>
      <c r="S240" s="20">
        <v>5.6908738000000003</v>
      </c>
      <c r="T240" s="20">
        <v>33.199126</v>
      </c>
      <c r="U240" s="20">
        <v>36.404606999999999</v>
      </c>
      <c r="V240" s="20">
        <v>2.2554253000000002</v>
      </c>
      <c r="X240" s="20">
        <f t="shared" si="7"/>
        <v>72.858252639697611</v>
      </c>
    </row>
    <row r="241" spans="2:24">
      <c r="B241" s="23">
        <v>0.58354166666686069</v>
      </c>
      <c r="C241" s="20">
        <v>6680.8917000000001</v>
      </c>
      <c r="D241" s="20">
        <v>5.9661416000000003</v>
      </c>
      <c r="E241" s="20">
        <v>0</v>
      </c>
      <c r="F241" s="20">
        <v>0.68577670999999996</v>
      </c>
      <c r="G241" s="20">
        <v>1.1661524000000001</v>
      </c>
      <c r="H241" s="20">
        <v>26.285727999999999</v>
      </c>
      <c r="I241" s="20">
        <v>0</v>
      </c>
      <c r="J241" s="20">
        <v>6.1813789000000003</v>
      </c>
      <c r="K241" s="20">
        <v>0.13620410999999999</v>
      </c>
      <c r="L241" s="20">
        <v>2708.7311</v>
      </c>
      <c r="M241" s="20">
        <v>0</v>
      </c>
      <c r="N241" s="20">
        <v>13.074455</v>
      </c>
      <c r="O241" s="20">
        <v>324.28647000000001</v>
      </c>
      <c r="P241" s="20">
        <v>86.002961999999997</v>
      </c>
      <c r="Q241" s="20">
        <f t="shared" si="6"/>
        <v>423.36388699999998</v>
      </c>
      <c r="R241" s="20">
        <v>1047.8706999999999</v>
      </c>
      <c r="S241" s="20">
        <v>5.9661416000000003</v>
      </c>
      <c r="T241" s="20">
        <v>33.235439999999997</v>
      </c>
      <c r="U241" s="20">
        <v>36.172325999999998</v>
      </c>
      <c r="V241" s="20">
        <v>2.3711220000000002</v>
      </c>
      <c r="X241" s="20">
        <f t="shared" si="7"/>
        <v>72.764825421032</v>
      </c>
    </row>
    <row r="242" spans="2:24">
      <c r="B242" s="23">
        <v>0.58403935185197042</v>
      </c>
      <c r="C242" s="20">
        <v>6692.1634000000004</v>
      </c>
      <c r="D242" s="20">
        <v>6.4551676000000002</v>
      </c>
      <c r="E242" s="20">
        <v>0.91825604000000005</v>
      </c>
      <c r="F242" s="20">
        <v>0.64322221000000002</v>
      </c>
      <c r="G242" s="20">
        <v>0.71323930000000002</v>
      </c>
      <c r="H242" s="20">
        <v>26.123878000000001</v>
      </c>
      <c r="I242" s="20">
        <v>0</v>
      </c>
      <c r="J242" s="20">
        <v>6.5390024000000002</v>
      </c>
      <c r="K242" s="20">
        <v>0.15787277</v>
      </c>
      <c r="L242" s="20">
        <v>2772.9385000000002</v>
      </c>
      <c r="M242" s="20">
        <v>0</v>
      </c>
      <c r="N242" s="20">
        <v>23.315633999999999</v>
      </c>
      <c r="O242" s="20">
        <v>332.63414</v>
      </c>
      <c r="P242" s="20">
        <v>88.201875000000001</v>
      </c>
      <c r="Q242" s="20">
        <f t="shared" si="6"/>
        <v>444.15164900000002</v>
      </c>
      <c r="R242" s="20">
        <v>1162.1714999999999</v>
      </c>
      <c r="S242" s="20">
        <v>7.3734237</v>
      </c>
      <c r="T242" s="20">
        <v>33.083947999999999</v>
      </c>
      <c r="U242" s="20">
        <v>35.924691000000003</v>
      </c>
      <c r="V242" s="20">
        <v>2.4421401</v>
      </c>
      <c r="X242" s="20">
        <f t="shared" si="7"/>
        <v>72.446596861102009</v>
      </c>
    </row>
    <row r="243" spans="2:24">
      <c r="B243" s="23">
        <v>0.58454861111385981</v>
      </c>
      <c r="C243" s="20">
        <v>6642.4408999999996</v>
      </c>
      <c r="D243" s="20">
        <v>6.8515195000000002</v>
      </c>
      <c r="E243" s="20">
        <v>1.0057445</v>
      </c>
      <c r="F243" s="20">
        <v>0.63495442000000002</v>
      </c>
      <c r="G243" s="20">
        <v>-1.0891817999999999E-2</v>
      </c>
      <c r="H243" s="20">
        <v>26.153331999999999</v>
      </c>
      <c r="I243" s="20">
        <v>0</v>
      </c>
      <c r="J243" s="20">
        <v>6.7259633000000001</v>
      </c>
      <c r="K243" s="20">
        <v>0.12119157</v>
      </c>
      <c r="L243" s="20">
        <v>3240.8247999999999</v>
      </c>
      <c r="M243" s="20">
        <v>0</v>
      </c>
      <c r="N243" s="20">
        <v>11.265656</v>
      </c>
      <c r="O243" s="20">
        <v>333.43275999999997</v>
      </c>
      <c r="P243" s="20">
        <v>89.538015000000001</v>
      </c>
      <c r="Q243" s="20">
        <f t="shared" si="6"/>
        <v>434.23643099999993</v>
      </c>
      <c r="R243" s="20">
        <v>1205.8196</v>
      </c>
      <c r="S243" s="20">
        <v>7.8572639999999998</v>
      </c>
      <c r="T243" s="20">
        <v>33.067359000000003</v>
      </c>
      <c r="U243" s="20">
        <v>35.545661000000003</v>
      </c>
      <c r="V243" s="20">
        <v>2.4734417999999998</v>
      </c>
      <c r="X243" s="20">
        <f t="shared" si="7"/>
        <v>72.123145920847207</v>
      </c>
    </row>
    <row r="244" spans="2:24">
      <c r="B244" s="23">
        <v>0.58504629629896954</v>
      </c>
      <c r="C244" s="20">
        <v>6547.3773000000001</v>
      </c>
      <c r="D244" s="20">
        <v>6.6473088999999996</v>
      </c>
      <c r="E244" s="20">
        <v>2.5792381E-2</v>
      </c>
      <c r="F244" s="20">
        <v>0.29717318999999998</v>
      </c>
      <c r="G244" s="20">
        <v>0.17297754000000001</v>
      </c>
      <c r="H244" s="20">
        <v>26.624296999999999</v>
      </c>
      <c r="I244" s="20">
        <v>0</v>
      </c>
      <c r="J244" s="20">
        <v>6.5893587</v>
      </c>
      <c r="K244" s="20">
        <v>0.21454103999999999</v>
      </c>
      <c r="L244" s="20">
        <v>2953.7748000000001</v>
      </c>
      <c r="M244" s="20">
        <v>0</v>
      </c>
      <c r="N244" s="20">
        <v>11.292795</v>
      </c>
      <c r="O244" s="20">
        <v>330.71118999999999</v>
      </c>
      <c r="P244" s="20">
        <v>90.337016000000006</v>
      </c>
      <c r="Q244" s="20">
        <f t="shared" si="6"/>
        <v>432.34100100000001</v>
      </c>
      <c r="R244" s="20">
        <v>1133.3277</v>
      </c>
      <c r="S244" s="20">
        <v>6.6731011999999996</v>
      </c>
      <c r="T244" s="20">
        <v>33.036566999999998</v>
      </c>
      <c r="U244" s="20">
        <v>35.498683999999997</v>
      </c>
      <c r="V244" s="20">
        <v>2.3711220000000002</v>
      </c>
      <c r="X244" s="20">
        <f t="shared" si="7"/>
        <v>71.904446765095088</v>
      </c>
    </row>
    <row r="245" spans="2:24">
      <c r="B245" s="23">
        <v>0.58554398148407927</v>
      </c>
      <c r="C245" s="20">
        <v>6446.3055000000004</v>
      </c>
      <c r="D245" s="20">
        <v>6.4434974</v>
      </c>
      <c r="E245" s="20">
        <v>0</v>
      </c>
      <c r="F245" s="20">
        <v>4.1651094E-2</v>
      </c>
      <c r="G245" s="20">
        <v>-3.9784025000000001E-2</v>
      </c>
      <c r="H245" s="20">
        <v>26.936204</v>
      </c>
      <c r="I245" s="20">
        <v>0</v>
      </c>
      <c r="J245" s="20">
        <v>6.4432844999999999</v>
      </c>
      <c r="K245" s="20">
        <v>0.16947809999999999</v>
      </c>
      <c r="L245" s="20">
        <v>2929.6986000000002</v>
      </c>
      <c r="M245" s="20">
        <v>0</v>
      </c>
      <c r="N245" s="20">
        <v>5.2341933999999997</v>
      </c>
      <c r="O245" s="20">
        <v>327.22573999999997</v>
      </c>
      <c r="P245" s="20">
        <v>90.912177</v>
      </c>
      <c r="Q245" s="20">
        <f t="shared" si="6"/>
        <v>423.37211039999994</v>
      </c>
      <c r="R245" s="20">
        <v>1094.3187</v>
      </c>
      <c r="S245" s="20">
        <v>6.4434974</v>
      </c>
      <c r="T245" s="20">
        <v>33.208951999999996</v>
      </c>
      <c r="U245" s="20">
        <v>35.465685999999998</v>
      </c>
      <c r="V245" s="20">
        <v>2.4789482999999999</v>
      </c>
      <c r="X245" s="20">
        <f t="shared" si="7"/>
        <v>72.138167703886893</v>
      </c>
    </row>
    <row r="246" spans="2:24">
      <c r="B246" s="23">
        <v>0.586041666669189</v>
      </c>
      <c r="C246" s="20">
        <v>6296.5312999999996</v>
      </c>
      <c r="D246" s="20">
        <v>6.6839143999999999</v>
      </c>
      <c r="E246" s="20">
        <v>0</v>
      </c>
      <c r="F246" s="20">
        <v>0</v>
      </c>
      <c r="G246" s="20">
        <v>-0.19130026</v>
      </c>
      <c r="H246" s="20">
        <v>26.530591999999999</v>
      </c>
      <c r="I246" s="20">
        <v>0</v>
      </c>
      <c r="J246" s="20">
        <v>5.8754400999999996</v>
      </c>
      <c r="K246" s="20">
        <v>0.24812210000000001</v>
      </c>
      <c r="L246" s="20">
        <v>2696.6709999999998</v>
      </c>
      <c r="M246" s="20">
        <v>0</v>
      </c>
      <c r="N246" s="20">
        <v>7.298349</v>
      </c>
      <c r="O246" s="20">
        <v>317.07357999999999</v>
      </c>
      <c r="P246" s="20">
        <v>90.236272</v>
      </c>
      <c r="Q246" s="20">
        <f t="shared" si="6"/>
        <v>414.60820099999995</v>
      </c>
      <c r="R246" s="20">
        <v>1025.9548</v>
      </c>
      <c r="S246" s="20">
        <v>6.6839143999999999</v>
      </c>
      <c r="T246" s="20">
        <v>33.262219999999999</v>
      </c>
      <c r="U246" s="20">
        <v>35.522317000000001</v>
      </c>
      <c r="V246" s="20">
        <v>2.4448525999999999</v>
      </c>
      <c r="X246" s="20">
        <f t="shared" si="7"/>
        <v>72.174753718374006</v>
      </c>
    </row>
    <row r="247" spans="2:24">
      <c r="B247" s="23">
        <v>0.58653935185429873</v>
      </c>
      <c r="C247" s="20">
        <v>6227.9291000000003</v>
      </c>
      <c r="D247" s="20">
        <v>6.7480612999999998</v>
      </c>
      <c r="E247" s="20">
        <v>0</v>
      </c>
      <c r="F247" s="20">
        <v>0.22579779</v>
      </c>
      <c r="G247" s="20">
        <v>0.89286306000000004</v>
      </c>
      <c r="H247" s="20">
        <v>26.204371999999999</v>
      </c>
      <c r="I247" s="20">
        <v>0</v>
      </c>
      <c r="J247" s="20">
        <v>5.6902891000000002</v>
      </c>
      <c r="K247" s="20">
        <v>0.27872316000000003</v>
      </c>
      <c r="L247" s="20">
        <v>2559.6565000000001</v>
      </c>
      <c r="M247" s="20">
        <v>0</v>
      </c>
      <c r="N247" s="20">
        <v>7.0856121999999999</v>
      </c>
      <c r="O247" s="20">
        <v>311.52210000000002</v>
      </c>
      <c r="P247" s="20">
        <v>89.690355999999994</v>
      </c>
      <c r="Q247" s="20">
        <f t="shared" si="6"/>
        <v>408.29806820000005</v>
      </c>
      <c r="R247" s="20">
        <v>1013.9508</v>
      </c>
      <c r="S247" s="20">
        <v>6.7480612999999998</v>
      </c>
      <c r="T247" s="20">
        <v>33.338360999999999</v>
      </c>
      <c r="U247" s="20">
        <v>35.453457999999998</v>
      </c>
      <c r="V247" s="20">
        <v>2.3368281</v>
      </c>
      <c r="X247" s="20">
        <f t="shared" si="7"/>
        <v>72.052914283591008</v>
      </c>
    </row>
    <row r="248" spans="2:24">
      <c r="B248" s="23">
        <v>0.58704861110891216</v>
      </c>
      <c r="C248" s="20">
        <v>6147.1907000000001</v>
      </c>
      <c r="D248" s="20">
        <v>6.3902156999999997</v>
      </c>
      <c r="E248" s="20">
        <v>0</v>
      </c>
      <c r="F248" s="20">
        <v>0.20169217</v>
      </c>
      <c r="G248" s="20">
        <v>-0.11006644</v>
      </c>
      <c r="H248" s="20">
        <v>26.199587000000001</v>
      </c>
      <c r="I248" s="20">
        <v>0</v>
      </c>
      <c r="J248" s="20">
        <v>5.3439231999999999</v>
      </c>
      <c r="K248" s="20">
        <v>0.27870894000000002</v>
      </c>
      <c r="L248" s="20">
        <v>2503.5138000000002</v>
      </c>
      <c r="M248" s="20">
        <v>0</v>
      </c>
      <c r="N248" s="20">
        <v>0.67011988</v>
      </c>
      <c r="O248" s="20">
        <v>300.58951999999999</v>
      </c>
      <c r="P248" s="20">
        <v>88.118463000000006</v>
      </c>
      <c r="Q248" s="20">
        <f t="shared" si="6"/>
        <v>389.37810288000003</v>
      </c>
      <c r="R248" s="20">
        <v>1017.9008</v>
      </c>
      <c r="S248" s="20">
        <v>6.3902156999999997</v>
      </c>
      <c r="T248" s="20">
        <v>33.391936999999999</v>
      </c>
      <c r="U248" s="20">
        <v>35.391652999999998</v>
      </c>
      <c r="V248" s="20">
        <v>2.4133355000000001</v>
      </c>
      <c r="X248" s="20">
        <f t="shared" si="7"/>
        <v>72.105403187915002</v>
      </c>
    </row>
    <row r="249" spans="2:24">
      <c r="B249" s="23">
        <v>0.58754629629402189</v>
      </c>
      <c r="C249" s="20">
        <v>6056.6921000000002</v>
      </c>
      <c r="D249" s="20">
        <v>5.1521074000000002</v>
      </c>
      <c r="E249" s="20">
        <v>0</v>
      </c>
      <c r="F249" s="20">
        <v>0.22476346</v>
      </c>
      <c r="G249" s="20">
        <v>-0.12346396</v>
      </c>
      <c r="H249" s="20">
        <v>26.172575999999999</v>
      </c>
      <c r="I249" s="20">
        <v>0</v>
      </c>
      <c r="J249" s="20">
        <v>5.0982630999999996</v>
      </c>
      <c r="K249" s="20">
        <v>0.35038176999999998</v>
      </c>
      <c r="L249" s="20">
        <v>2663.3697000000002</v>
      </c>
      <c r="M249" s="20">
        <v>0</v>
      </c>
      <c r="N249" s="20">
        <v>0</v>
      </c>
      <c r="O249" s="20">
        <v>290.13042999999999</v>
      </c>
      <c r="P249" s="20">
        <v>86.033843000000005</v>
      </c>
      <c r="Q249" s="20">
        <f t="shared" si="6"/>
        <v>376.16427299999998</v>
      </c>
      <c r="R249" s="20">
        <v>1040.3996999999999</v>
      </c>
      <c r="S249" s="20">
        <v>5.1521074000000002</v>
      </c>
      <c r="T249" s="20">
        <v>33.251916999999999</v>
      </c>
      <c r="U249" s="20">
        <v>35.220987999999998</v>
      </c>
      <c r="V249" s="20">
        <v>2.4448525999999999</v>
      </c>
      <c r="X249" s="20">
        <f t="shared" si="7"/>
        <v>71.831582880816995</v>
      </c>
    </row>
    <row r="250" spans="2:24">
      <c r="B250" s="23">
        <v>0.58804398147913162</v>
      </c>
      <c r="C250" s="20">
        <v>5941.5510000000004</v>
      </c>
      <c r="D250" s="20">
        <v>4.3953930000000003</v>
      </c>
      <c r="E250" s="20">
        <v>0</v>
      </c>
      <c r="F250" s="20">
        <v>0</v>
      </c>
      <c r="G250" s="20">
        <v>-0.15049841999999999</v>
      </c>
      <c r="H250" s="20">
        <v>25.857277</v>
      </c>
      <c r="I250" s="20">
        <v>0</v>
      </c>
      <c r="J250" s="20">
        <v>4.5004613999999998</v>
      </c>
      <c r="K250" s="20">
        <v>0.21709920999999999</v>
      </c>
      <c r="L250" s="20">
        <v>2825.6136999999999</v>
      </c>
      <c r="M250" s="20">
        <v>0</v>
      </c>
      <c r="N250" s="20">
        <v>9.5398963999999999</v>
      </c>
      <c r="O250" s="20">
        <v>274.93745000000001</v>
      </c>
      <c r="P250" s="20">
        <v>82.971311999999998</v>
      </c>
      <c r="Q250" s="20">
        <f t="shared" si="6"/>
        <v>367.4486584</v>
      </c>
      <c r="R250" s="20">
        <v>1038.0360000000001</v>
      </c>
      <c r="S250" s="20">
        <v>4.3953930000000003</v>
      </c>
      <c r="T250" s="20">
        <v>33.225270000000002</v>
      </c>
      <c r="U250" s="20">
        <v>34.715437000000001</v>
      </c>
      <c r="V250" s="20">
        <v>2.3763833000000001</v>
      </c>
      <c r="X250" s="20">
        <f t="shared" si="7"/>
        <v>71.234473148359001</v>
      </c>
    </row>
    <row r="251" spans="2:24">
      <c r="B251" s="23">
        <v>0.58854166666424135</v>
      </c>
      <c r="C251" s="20">
        <v>5860.7732999999998</v>
      </c>
      <c r="D251" s="20">
        <v>4.6330679000000003</v>
      </c>
      <c r="E251" s="20">
        <v>0</v>
      </c>
      <c r="F251" s="20">
        <v>0</v>
      </c>
      <c r="G251" s="20">
        <v>-2.8571043000000001E-2</v>
      </c>
      <c r="H251" s="20">
        <v>25.322452999999999</v>
      </c>
      <c r="I251" s="20">
        <v>0</v>
      </c>
      <c r="J251" s="20">
        <v>4.4794238000000002</v>
      </c>
      <c r="K251" s="20">
        <v>0.19846848</v>
      </c>
      <c r="L251" s="20">
        <v>2865.7453999999998</v>
      </c>
      <c r="M251" s="20">
        <v>0</v>
      </c>
      <c r="N251" s="20">
        <v>13.665304000000001</v>
      </c>
      <c r="O251" s="20">
        <v>270.8999</v>
      </c>
      <c r="P251" s="20">
        <v>82.052498999999997</v>
      </c>
      <c r="Q251" s="20">
        <f t="shared" si="6"/>
        <v>366.61770300000001</v>
      </c>
      <c r="R251" s="20">
        <v>977.00558000000001</v>
      </c>
      <c r="S251" s="20">
        <v>4.6330679000000003</v>
      </c>
      <c r="T251" s="20">
        <v>33.129508000000001</v>
      </c>
      <c r="U251" s="20">
        <v>34.033977999999998</v>
      </c>
      <c r="V251" s="20">
        <v>2.329059</v>
      </c>
      <c r="X251" s="20">
        <f t="shared" si="7"/>
        <v>70.405782431303706</v>
      </c>
    </row>
    <row r="252" spans="2:24">
      <c r="B252" s="23">
        <v>0.58903935184935108</v>
      </c>
      <c r="C252" s="20">
        <v>5810.7114000000001</v>
      </c>
      <c r="D252" s="20">
        <v>6.3226374999999999</v>
      </c>
      <c r="E252" s="20">
        <v>0</v>
      </c>
      <c r="F252" s="20">
        <v>0</v>
      </c>
      <c r="G252" s="20">
        <v>-6.6189105999999998E-2</v>
      </c>
      <c r="H252" s="20">
        <v>25.112945</v>
      </c>
      <c r="I252" s="20">
        <v>0</v>
      </c>
      <c r="J252" s="20">
        <v>4.6554418000000002</v>
      </c>
      <c r="K252" s="20">
        <v>0.10411877999999999</v>
      </c>
      <c r="L252" s="20">
        <v>2356.4331000000002</v>
      </c>
      <c r="M252" s="20">
        <v>0</v>
      </c>
      <c r="N252" s="20">
        <v>15.435408000000001</v>
      </c>
      <c r="O252" s="20">
        <v>269.98745000000002</v>
      </c>
      <c r="P252" s="20">
        <v>81.606416999999993</v>
      </c>
      <c r="Q252" s="20">
        <f t="shared" si="6"/>
        <v>367.02927499999998</v>
      </c>
      <c r="R252" s="20">
        <v>903.92774999999995</v>
      </c>
      <c r="S252" s="20">
        <v>6.3226374999999999</v>
      </c>
      <c r="T252" s="20">
        <v>33.203525999999997</v>
      </c>
      <c r="U252" s="20">
        <v>33.356333999999997</v>
      </c>
      <c r="V252" s="20">
        <v>2.1865980999999999</v>
      </c>
      <c r="X252" s="20">
        <f t="shared" si="7"/>
        <v>69.60412063664738</v>
      </c>
    </row>
    <row r="253" spans="2:24">
      <c r="B253" s="23">
        <v>0.58953703703446081</v>
      </c>
      <c r="C253" s="20">
        <v>5686.1659</v>
      </c>
      <c r="D253" s="20">
        <v>8.0630869999999994</v>
      </c>
      <c r="E253" s="20">
        <v>1.7474662999999999</v>
      </c>
      <c r="F253" s="20">
        <v>0</v>
      </c>
      <c r="G253" s="20">
        <v>-4.6944312000000002E-2</v>
      </c>
      <c r="H253" s="20">
        <v>24.851271000000001</v>
      </c>
      <c r="I253" s="20">
        <v>0</v>
      </c>
      <c r="J253" s="20">
        <v>4.5737964</v>
      </c>
      <c r="K253" s="20">
        <v>0.12413343</v>
      </c>
      <c r="L253" s="20">
        <v>2208.7111</v>
      </c>
      <c r="M253" s="20">
        <v>0</v>
      </c>
      <c r="N253" s="20">
        <v>9.4503486999999993</v>
      </c>
      <c r="O253" s="20">
        <v>262.91005000000001</v>
      </c>
      <c r="P253" s="20">
        <v>79.667938000000007</v>
      </c>
      <c r="Q253" s="20">
        <f t="shared" si="6"/>
        <v>352.02833670000001</v>
      </c>
      <c r="R253" s="20">
        <v>904.29764</v>
      </c>
      <c r="S253" s="20">
        <v>9.8105533000000005</v>
      </c>
      <c r="T253" s="20">
        <v>33.155662999999997</v>
      </c>
      <c r="U253" s="20">
        <v>32.781795000000002</v>
      </c>
      <c r="V253" s="20">
        <v>2.2235250999999998</v>
      </c>
      <c r="X253" s="20">
        <f t="shared" si="7"/>
        <v>68.990585969981794</v>
      </c>
    </row>
    <row r="254" spans="2:24">
      <c r="B254" s="23">
        <v>0.59004629629635019</v>
      </c>
      <c r="C254" s="20">
        <v>5590.8514999999998</v>
      </c>
      <c r="D254" s="20">
        <v>7.9718017000000003</v>
      </c>
      <c r="E254" s="20">
        <v>1.6901041000000001</v>
      </c>
      <c r="F254" s="20">
        <v>0</v>
      </c>
      <c r="G254" s="20">
        <v>-6.8138390000000004E-3</v>
      </c>
      <c r="H254" s="20">
        <v>25.03135</v>
      </c>
      <c r="I254" s="20">
        <v>0</v>
      </c>
      <c r="J254" s="20">
        <v>4.1147492999999997</v>
      </c>
      <c r="K254" s="20">
        <v>0.28381033</v>
      </c>
      <c r="L254" s="20">
        <v>2511.1293999999998</v>
      </c>
      <c r="M254" s="20">
        <v>42.282339999999998</v>
      </c>
      <c r="N254" s="20">
        <v>12.880889</v>
      </c>
      <c r="O254" s="20">
        <v>248.45991000000001</v>
      </c>
      <c r="P254" s="20">
        <v>76.121525000000005</v>
      </c>
      <c r="Q254" s="20">
        <f t="shared" si="6"/>
        <v>379.74466400000006</v>
      </c>
      <c r="R254" s="20">
        <v>889.33510999999999</v>
      </c>
      <c r="S254" s="20">
        <v>9.6619057999999995</v>
      </c>
      <c r="T254" s="20">
        <v>33.267811999999999</v>
      </c>
      <c r="U254" s="20">
        <v>31.960718</v>
      </c>
      <c r="V254" s="20">
        <v>1.9299379999999999</v>
      </c>
      <c r="X254" s="20">
        <f t="shared" si="7"/>
        <v>68.011515247139101</v>
      </c>
    </row>
    <row r="255" spans="2:24">
      <c r="B255" s="23">
        <v>0.59054398148145992</v>
      </c>
      <c r="C255" s="20">
        <v>5544.6516000000001</v>
      </c>
      <c r="D255" s="20">
        <v>8.1846747999999998</v>
      </c>
      <c r="E255" s="20">
        <v>0.28353497999999999</v>
      </c>
      <c r="F255" s="20">
        <v>0.42897258999999999</v>
      </c>
      <c r="G255" s="20">
        <v>1.3210785</v>
      </c>
      <c r="H255" s="20">
        <v>24.710208000000002</v>
      </c>
      <c r="I255" s="20">
        <v>0</v>
      </c>
      <c r="J255" s="20">
        <v>3.5835335000000001</v>
      </c>
      <c r="K255" s="20">
        <v>0.44678753999999998</v>
      </c>
      <c r="L255" s="20">
        <v>2941.9088999999999</v>
      </c>
      <c r="M255" s="20">
        <v>81.548929999999999</v>
      </c>
      <c r="N255" s="20">
        <v>11.307646999999999</v>
      </c>
      <c r="O255" s="20">
        <v>236.27495999999999</v>
      </c>
      <c r="P255" s="20">
        <v>74.872625999999997</v>
      </c>
      <c r="Q255" s="20">
        <f t="shared" si="6"/>
        <v>404.00416299999995</v>
      </c>
      <c r="R255" s="20">
        <v>831.23445000000004</v>
      </c>
      <c r="S255" s="20">
        <v>8.4682098000000003</v>
      </c>
      <c r="T255" s="20">
        <v>33.402931000000002</v>
      </c>
      <c r="U255" s="20">
        <v>29.422837000000001</v>
      </c>
      <c r="V255" s="20">
        <v>2.1080236999999999</v>
      </c>
      <c r="X255" s="20">
        <f t="shared" si="7"/>
        <v>65.827590866270995</v>
      </c>
    </row>
    <row r="256" spans="2:24">
      <c r="B256" s="23">
        <v>0.59104166666656965</v>
      </c>
      <c r="C256" s="20">
        <v>5417.0452999999998</v>
      </c>
      <c r="D256" s="20">
        <v>9.8729337000000008</v>
      </c>
      <c r="E256" s="20">
        <v>0</v>
      </c>
      <c r="F256" s="20">
        <v>1.0243198</v>
      </c>
      <c r="G256" s="20">
        <v>1.6996625999999999</v>
      </c>
      <c r="H256" s="20">
        <v>23.266853999999999</v>
      </c>
      <c r="I256" s="20">
        <v>0</v>
      </c>
      <c r="J256" s="20">
        <v>3.1209983000000001</v>
      </c>
      <c r="K256" s="20">
        <v>0.6559256</v>
      </c>
      <c r="L256" s="20">
        <v>3073.9748</v>
      </c>
      <c r="M256" s="20">
        <v>107.79978</v>
      </c>
      <c r="N256" s="20">
        <v>6.4621896000000003</v>
      </c>
      <c r="O256" s="20">
        <v>228.94007999999999</v>
      </c>
      <c r="P256" s="20">
        <v>71.938720000000004</v>
      </c>
      <c r="Q256" s="20">
        <f t="shared" si="6"/>
        <v>415.1407696</v>
      </c>
      <c r="R256" s="20">
        <v>722.85197000000005</v>
      </c>
      <c r="S256" s="20">
        <v>9.8729337000000008</v>
      </c>
      <c r="T256" s="20">
        <v>33.662922000000002</v>
      </c>
      <c r="U256" s="20">
        <v>25.551852</v>
      </c>
      <c r="V256" s="20">
        <v>2.5950571999999998</v>
      </c>
      <c r="X256" s="20">
        <f t="shared" si="7"/>
        <v>62.705398649730007</v>
      </c>
    </row>
    <row r="257" spans="2:24">
      <c r="B257" s="23">
        <v>0.59153935185167938</v>
      </c>
      <c r="C257" s="20">
        <v>5392.1104999999998</v>
      </c>
      <c r="D257" s="20">
        <v>11.525216</v>
      </c>
      <c r="E257" s="20">
        <v>0</v>
      </c>
      <c r="F257" s="20">
        <v>1.0515285000000001</v>
      </c>
      <c r="G257" s="20">
        <v>7.3339161E-2</v>
      </c>
      <c r="H257" s="20">
        <v>21.326528</v>
      </c>
      <c r="I257" s="20">
        <v>0</v>
      </c>
      <c r="J257" s="20">
        <v>2.7202606999999999</v>
      </c>
      <c r="K257" s="20">
        <v>0.69726357000000005</v>
      </c>
      <c r="L257" s="20">
        <v>2759.2746000000002</v>
      </c>
      <c r="M257" s="20">
        <v>60.648316999999999</v>
      </c>
      <c r="N257" s="20">
        <v>5.0516819000000002</v>
      </c>
      <c r="O257" s="20">
        <v>227.54277999999999</v>
      </c>
      <c r="P257" s="20">
        <v>67.361963000000003</v>
      </c>
      <c r="Q257" s="20">
        <f t="shared" si="6"/>
        <v>360.60474189999996</v>
      </c>
      <c r="R257" s="20">
        <v>712.79310999999996</v>
      </c>
      <c r="S257" s="20">
        <v>11.525216</v>
      </c>
      <c r="T257" s="20">
        <v>33.779150000000001</v>
      </c>
      <c r="U257" s="20">
        <v>23.295738</v>
      </c>
      <c r="V257" s="20">
        <v>2.6995623000000002</v>
      </c>
      <c r="X257" s="20">
        <f t="shared" si="7"/>
        <v>60.630541219383097</v>
      </c>
    </row>
    <row r="258" spans="2:24">
      <c r="B258" s="23">
        <v>0.59204861111356877</v>
      </c>
      <c r="C258" s="20">
        <v>5452.3593000000001</v>
      </c>
      <c r="D258" s="20">
        <v>11.224264</v>
      </c>
      <c r="E258" s="20">
        <v>0</v>
      </c>
      <c r="F258" s="20">
        <v>1.1139086</v>
      </c>
      <c r="G258" s="20">
        <v>1.5019122</v>
      </c>
      <c r="H258" s="20">
        <v>20.506423999999999</v>
      </c>
      <c r="I258" s="20">
        <v>0</v>
      </c>
      <c r="J258" s="20">
        <v>2.6286771999999998</v>
      </c>
      <c r="K258" s="20">
        <v>0.56153253000000003</v>
      </c>
      <c r="L258" s="20">
        <v>2778.1896000000002</v>
      </c>
      <c r="M258" s="20">
        <v>64.076594</v>
      </c>
      <c r="N258" s="20">
        <v>6.9528694</v>
      </c>
      <c r="O258" s="20">
        <v>230.91336000000001</v>
      </c>
      <c r="P258" s="20">
        <v>60.743428999999999</v>
      </c>
      <c r="Q258" s="20">
        <f t="shared" si="6"/>
        <v>362.6862524</v>
      </c>
      <c r="R258" s="20">
        <v>755.18895999999995</v>
      </c>
      <c r="S258" s="20">
        <v>11.224264</v>
      </c>
      <c r="T258" s="20">
        <v>33.796810999999998</v>
      </c>
      <c r="U258" s="20">
        <v>23.984310000000001</v>
      </c>
      <c r="V258" s="20">
        <v>2.6260691</v>
      </c>
      <c r="X258" s="20">
        <f t="shared" si="7"/>
        <v>61.271389713493001</v>
      </c>
    </row>
    <row r="259" spans="2:24">
      <c r="B259" s="23">
        <v>0.5925462962986785</v>
      </c>
      <c r="C259" s="20">
        <v>5716.5643</v>
      </c>
      <c r="D259" s="20">
        <v>9.2640554000000002</v>
      </c>
      <c r="E259" s="20">
        <v>0</v>
      </c>
      <c r="F259" s="20">
        <v>0.65163532000000002</v>
      </c>
      <c r="G259" s="20">
        <v>0.34354599000000002</v>
      </c>
      <c r="H259" s="20">
        <v>21.276128</v>
      </c>
      <c r="I259" s="20">
        <v>0</v>
      </c>
      <c r="J259" s="20">
        <v>3.0541735000000001</v>
      </c>
      <c r="K259" s="20">
        <v>0.46144288999999999</v>
      </c>
      <c r="L259" s="20">
        <v>3011.415</v>
      </c>
      <c r="M259" s="20">
        <v>77.023651999999998</v>
      </c>
      <c r="N259" s="20">
        <v>6.7200864999999999</v>
      </c>
      <c r="O259" s="20">
        <v>241.23851999999999</v>
      </c>
      <c r="P259" s="20">
        <v>58.417318999999999</v>
      </c>
      <c r="Q259" s="20">
        <f t="shared" si="6"/>
        <v>383.39957750000002</v>
      </c>
      <c r="R259" s="20">
        <v>807.83114</v>
      </c>
      <c r="S259" s="20">
        <v>9.2640554000000002</v>
      </c>
      <c r="T259" s="20">
        <v>33.684410999999997</v>
      </c>
      <c r="U259" s="20">
        <v>26.782477</v>
      </c>
      <c r="V259" s="20">
        <v>2.5213339000000001</v>
      </c>
      <c r="X259" s="20">
        <f t="shared" si="7"/>
        <v>63.903791291399997</v>
      </c>
    </row>
    <row r="260" spans="2:24">
      <c r="B260" s="23">
        <v>0.59304398148378823</v>
      </c>
      <c r="C260" s="20">
        <v>5966.8949000000002</v>
      </c>
      <c r="D260" s="20">
        <v>8.3684417999999994</v>
      </c>
      <c r="E260" s="20">
        <v>0</v>
      </c>
      <c r="F260" s="20">
        <v>0.83385092000000005</v>
      </c>
      <c r="G260" s="20">
        <v>0.61032830999999999</v>
      </c>
      <c r="H260" s="20">
        <v>22.552584</v>
      </c>
      <c r="I260" s="20">
        <v>0</v>
      </c>
      <c r="J260" s="20">
        <v>3.7576160000000001</v>
      </c>
      <c r="K260" s="20">
        <v>0.28252578</v>
      </c>
      <c r="L260" s="20">
        <v>3329.0605999999998</v>
      </c>
      <c r="M260" s="20">
        <v>83.741709999999998</v>
      </c>
      <c r="N260" s="20">
        <v>0.88581913999999995</v>
      </c>
      <c r="O260" s="20">
        <v>254.2577</v>
      </c>
      <c r="P260" s="20">
        <v>59.219971000000001</v>
      </c>
      <c r="Q260" s="20">
        <f t="shared" si="6"/>
        <v>398.10520013999997</v>
      </c>
      <c r="R260" s="20">
        <v>865.14003000000002</v>
      </c>
      <c r="S260" s="20">
        <v>8.3684417999999994</v>
      </c>
      <c r="T260" s="20">
        <v>33.686759000000002</v>
      </c>
      <c r="U260" s="20">
        <v>28.803062000000001</v>
      </c>
      <c r="V260" s="20">
        <v>2.5525304000000002</v>
      </c>
      <c r="X260" s="20">
        <f t="shared" si="7"/>
        <v>66.016234848875001</v>
      </c>
    </row>
    <row r="261" spans="2:24">
      <c r="B261" s="23">
        <v>0.59354166666889796</v>
      </c>
      <c r="C261" s="20">
        <v>6048.7548999999999</v>
      </c>
      <c r="D261" s="20">
        <v>8.7805072000000006</v>
      </c>
      <c r="E261" s="20">
        <v>0</v>
      </c>
      <c r="F261" s="20">
        <v>0.55380026999999998</v>
      </c>
      <c r="G261" s="20">
        <v>0.67814337999999996</v>
      </c>
      <c r="H261" s="20">
        <v>23.466901</v>
      </c>
      <c r="I261" s="20">
        <v>0</v>
      </c>
      <c r="J261" s="20">
        <v>4.1290117999999998</v>
      </c>
      <c r="K261" s="20">
        <v>0.22603914999999999</v>
      </c>
      <c r="L261" s="20">
        <v>3394.4517000000001</v>
      </c>
      <c r="M261" s="20">
        <v>78.687325000000001</v>
      </c>
      <c r="N261" s="20">
        <v>3.9543732999999999</v>
      </c>
      <c r="O261" s="20">
        <v>258.54809</v>
      </c>
      <c r="P261" s="20">
        <v>60.190049999999999</v>
      </c>
      <c r="Q261" s="20">
        <f t="shared" si="6"/>
        <v>401.37983830000002</v>
      </c>
      <c r="R261" s="20">
        <v>912.23951999999997</v>
      </c>
      <c r="S261" s="20">
        <v>8.7805072000000006</v>
      </c>
      <c r="T261" s="20">
        <v>33.553564999999999</v>
      </c>
      <c r="U261" s="20">
        <v>30.013521000000001</v>
      </c>
      <c r="V261" s="20">
        <v>2.5129513000000001</v>
      </c>
      <c r="X261" s="20">
        <f t="shared" si="7"/>
        <v>67.069157434830004</v>
      </c>
    </row>
    <row r="262" spans="2:24">
      <c r="B262" s="23">
        <v>0.59403935185400769</v>
      </c>
      <c r="C262" s="20">
        <v>6019.3023000000003</v>
      </c>
      <c r="D262" s="20">
        <v>9.4897226999999997</v>
      </c>
      <c r="E262" s="20">
        <v>0</v>
      </c>
      <c r="F262" s="20">
        <v>0.45588951999999999</v>
      </c>
      <c r="G262" s="20">
        <v>5.6445561999999998E-2</v>
      </c>
      <c r="H262" s="20">
        <v>24.068784999999998</v>
      </c>
      <c r="I262" s="20">
        <v>0</v>
      </c>
      <c r="J262" s="20">
        <v>4.0538410999999996</v>
      </c>
      <c r="K262" s="20">
        <v>0.11029775999999999</v>
      </c>
      <c r="L262" s="20">
        <v>3348.2701000000002</v>
      </c>
      <c r="M262" s="20">
        <v>62.323428999999997</v>
      </c>
      <c r="N262" s="20">
        <v>7.0095542000000002</v>
      </c>
      <c r="O262" s="20">
        <v>252.61700999999999</v>
      </c>
      <c r="P262" s="20">
        <v>58.968575999999999</v>
      </c>
      <c r="Q262" s="20">
        <f t="shared" si="6"/>
        <v>380.91856919999998</v>
      </c>
      <c r="R262" s="20">
        <v>951.65728999999999</v>
      </c>
      <c r="S262" s="20">
        <v>9.4897226999999997</v>
      </c>
      <c r="T262" s="20">
        <v>33.471079000000003</v>
      </c>
      <c r="U262" s="20">
        <v>30.681584000000001</v>
      </c>
      <c r="V262" s="20">
        <v>2.3711220000000002</v>
      </c>
      <c r="X262" s="20">
        <f t="shared" si="7"/>
        <v>67.503406567354205</v>
      </c>
    </row>
    <row r="263" spans="2:24">
      <c r="B263" s="23">
        <v>0.59454861110862112</v>
      </c>
      <c r="C263" s="20">
        <v>5925.3847999999998</v>
      </c>
      <c r="D263" s="20">
        <v>9.8645083000000007</v>
      </c>
      <c r="E263" s="20">
        <v>0</v>
      </c>
      <c r="F263" s="20">
        <v>0.32232824999999998</v>
      </c>
      <c r="G263" s="20">
        <v>0.21524335999999999</v>
      </c>
      <c r="H263" s="20">
        <v>24.740351</v>
      </c>
      <c r="I263" s="20">
        <v>0</v>
      </c>
      <c r="J263" s="20">
        <v>3.8399242</v>
      </c>
      <c r="K263" s="20">
        <v>0.16621077000000001</v>
      </c>
      <c r="L263" s="20">
        <v>3202.4645</v>
      </c>
      <c r="M263" s="20">
        <v>60.193080999999999</v>
      </c>
      <c r="N263" s="20">
        <v>6.2778102000000002</v>
      </c>
      <c r="O263" s="20">
        <v>246.05453</v>
      </c>
      <c r="P263" s="20">
        <v>57.737417000000001</v>
      </c>
      <c r="Q263" s="20">
        <f t="shared" si="6"/>
        <v>370.26283819999998</v>
      </c>
      <c r="R263" s="20">
        <v>924.98545999999999</v>
      </c>
      <c r="S263" s="20">
        <v>9.8645083000000007</v>
      </c>
      <c r="T263" s="20">
        <v>33.267861000000003</v>
      </c>
      <c r="U263" s="20">
        <v>31.070461000000002</v>
      </c>
      <c r="V263" s="20">
        <v>2.4133355000000001</v>
      </c>
      <c r="X263" s="20">
        <f t="shared" si="7"/>
        <v>67.706370021238001</v>
      </c>
    </row>
    <row r="264" spans="2:24">
      <c r="B264" s="23">
        <v>0.59504629629373085</v>
      </c>
      <c r="C264" s="20">
        <v>5669.6948000000002</v>
      </c>
      <c r="D264" s="20">
        <v>8.7539715999999999</v>
      </c>
      <c r="E264" s="20">
        <v>0</v>
      </c>
      <c r="F264" s="20">
        <v>5.9537751999999999E-2</v>
      </c>
      <c r="G264" s="20">
        <v>-9.6949174999999999E-2</v>
      </c>
      <c r="H264" s="20">
        <v>24.958780000000001</v>
      </c>
      <c r="I264" s="20">
        <v>0</v>
      </c>
      <c r="J264" s="20">
        <v>3.1948325999999998</v>
      </c>
      <c r="K264" s="20">
        <v>0.30947788999999998</v>
      </c>
      <c r="L264" s="20">
        <v>2806.8683999999998</v>
      </c>
      <c r="M264" s="20">
        <v>25.728707</v>
      </c>
      <c r="N264" s="20">
        <v>7.1855193000000002</v>
      </c>
      <c r="O264" s="20">
        <v>229.93373</v>
      </c>
      <c r="P264" s="20">
        <v>55.127006999999999</v>
      </c>
      <c r="Q264" s="20">
        <f t="shared" ref="Q264:Q327" si="8">M264+N264+O264+P264</f>
        <v>317.97496330000001</v>
      </c>
      <c r="R264" s="20">
        <v>867.37788999999998</v>
      </c>
      <c r="S264" s="20">
        <v>8.7539715999999999</v>
      </c>
      <c r="T264" s="20">
        <v>33.179248000000001</v>
      </c>
      <c r="U264" s="20">
        <v>30.927123000000002</v>
      </c>
      <c r="V264" s="20">
        <v>3.1535389</v>
      </c>
      <c r="X264" s="20">
        <f t="shared" ref="X264:X327" si="9">(SUM(C264:S264)-Q264-R264)/10000+SUM(T264:V264)</f>
        <v>68.143957078556696</v>
      </c>
    </row>
    <row r="265" spans="2:24">
      <c r="B265" s="23">
        <v>0.59554398147884058</v>
      </c>
      <c r="C265" s="20">
        <v>5194.9569000000001</v>
      </c>
      <c r="D265" s="20">
        <v>7.5350735000000002</v>
      </c>
      <c r="E265" s="20">
        <v>0.36606608000000002</v>
      </c>
      <c r="F265" s="20">
        <v>0</v>
      </c>
      <c r="G265" s="20">
        <v>-0.23064355</v>
      </c>
      <c r="H265" s="20">
        <v>24.400196999999999</v>
      </c>
      <c r="I265" s="20">
        <v>0</v>
      </c>
      <c r="J265" s="20">
        <v>2.3764992999999999</v>
      </c>
      <c r="K265" s="20">
        <v>0.37719957999999998</v>
      </c>
      <c r="L265" s="20">
        <v>2373.7689999999998</v>
      </c>
      <c r="M265" s="20">
        <v>4.0366555999999996</v>
      </c>
      <c r="N265" s="20">
        <v>8.8386628999999992</v>
      </c>
      <c r="O265" s="20">
        <v>206.89544000000001</v>
      </c>
      <c r="P265" s="20">
        <v>50.828713999999998</v>
      </c>
      <c r="Q265" s="20">
        <f t="shared" si="8"/>
        <v>270.59947249999999</v>
      </c>
      <c r="R265" s="20">
        <v>785.25206000000003</v>
      </c>
      <c r="S265" s="20">
        <v>7.9011395999999996</v>
      </c>
      <c r="T265" s="20">
        <v>32.821765999999997</v>
      </c>
      <c r="U265" s="20">
        <v>30.262304</v>
      </c>
      <c r="V265" s="20">
        <v>3.3372251999999998</v>
      </c>
      <c r="X265" s="20">
        <f t="shared" si="9"/>
        <v>67.20950029040101</v>
      </c>
    </row>
    <row r="266" spans="2:24">
      <c r="B266" s="23">
        <v>0.59604166666395031</v>
      </c>
      <c r="C266" s="20">
        <v>4568.1612999999998</v>
      </c>
      <c r="D266" s="20">
        <v>7.9235591999999997</v>
      </c>
      <c r="E266" s="20">
        <v>2.6045060000000002</v>
      </c>
      <c r="F266" s="20">
        <v>0</v>
      </c>
      <c r="G266" s="20">
        <v>-0.24322598000000001</v>
      </c>
      <c r="H266" s="20">
        <v>23.075778</v>
      </c>
      <c r="I266" s="20">
        <v>8.5822425999999997E-3</v>
      </c>
      <c r="J266" s="20">
        <v>1.1602790999999999</v>
      </c>
      <c r="K266" s="20">
        <v>0.42595039000000001</v>
      </c>
      <c r="L266" s="20">
        <v>2016.7181</v>
      </c>
      <c r="M266" s="20">
        <v>10.287685</v>
      </c>
      <c r="N266" s="20">
        <v>13.730359</v>
      </c>
      <c r="O266" s="20">
        <v>170.35951</v>
      </c>
      <c r="P266" s="20">
        <v>43.617887000000003</v>
      </c>
      <c r="Q266" s="20">
        <f t="shared" si="8"/>
        <v>237.995441</v>
      </c>
      <c r="R266" s="20">
        <v>669.01972000000001</v>
      </c>
      <c r="S266" s="20">
        <v>10.528065</v>
      </c>
      <c r="T266" s="20">
        <v>32.411498999999999</v>
      </c>
      <c r="U266" s="20">
        <v>28.698371000000002</v>
      </c>
      <c r="V266" s="20">
        <v>3.3813901999999998</v>
      </c>
      <c r="X266" s="20">
        <f t="shared" si="9"/>
        <v>65.178096033495265</v>
      </c>
    </row>
    <row r="267" spans="2:24">
      <c r="B267" s="23">
        <v>0.59655092592583969</v>
      </c>
      <c r="C267" s="20">
        <v>3987.9286999999999</v>
      </c>
      <c r="D267" s="20">
        <v>8.7676280999999996</v>
      </c>
      <c r="E267" s="20">
        <v>2.8992102000000002</v>
      </c>
      <c r="F267" s="20">
        <v>0</v>
      </c>
      <c r="G267" s="20">
        <v>-0.19727765</v>
      </c>
      <c r="H267" s="20">
        <v>20.984776</v>
      </c>
      <c r="I267" s="20">
        <v>1.7944682E-2</v>
      </c>
      <c r="J267" s="20">
        <v>0.40395133999999999</v>
      </c>
      <c r="K267" s="20">
        <v>0.37277178</v>
      </c>
      <c r="L267" s="20">
        <v>1851.6587999999999</v>
      </c>
      <c r="M267" s="20">
        <v>30.834401</v>
      </c>
      <c r="N267" s="20">
        <v>10.772653999999999</v>
      </c>
      <c r="O267" s="20">
        <v>137.32107999999999</v>
      </c>
      <c r="P267" s="20">
        <v>35.954408000000001</v>
      </c>
      <c r="Q267" s="20">
        <f t="shared" si="8"/>
        <v>214.882543</v>
      </c>
      <c r="R267" s="20">
        <v>565.81916999999999</v>
      </c>
      <c r="S267" s="20">
        <v>11.666838</v>
      </c>
      <c r="T267" s="20">
        <v>31.773955000000001</v>
      </c>
      <c r="U267" s="20">
        <v>26.176622999999999</v>
      </c>
      <c r="V267" s="20">
        <v>3.4685622</v>
      </c>
      <c r="X267" s="20">
        <f t="shared" si="9"/>
        <v>62.029078788545199</v>
      </c>
    </row>
    <row r="268" spans="2:24">
      <c r="B268" s="23">
        <v>0.59704861111094942</v>
      </c>
      <c r="C268" s="20">
        <v>3653.1142</v>
      </c>
      <c r="D268" s="20">
        <v>8.8168536999999993</v>
      </c>
      <c r="E268" s="20">
        <v>1.294216</v>
      </c>
      <c r="F268" s="20">
        <v>0</v>
      </c>
      <c r="G268" s="20">
        <v>-0.11086707</v>
      </c>
      <c r="H268" s="20">
        <v>18.988778</v>
      </c>
      <c r="I268" s="20">
        <v>2.7190018E-2</v>
      </c>
      <c r="J268" s="20">
        <v>0</v>
      </c>
      <c r="K268" s="20">
        <v>0.35332381000000002</v>
      </c>
      <c r="L268" s="20">
        <v>1691.2407000000001</v>
      </c>
      <c r="M268" s="20">
        <v>37.815373999999998</v>
      </c>
      <c r="N268" s="20">
        <v>10.643977</v>
      </c>
      <c r="O268" s="20">
        <v>115.00832</v>
      </c>
      <c r="P268" s="20">
        <v>30.419585000000001</v>
      </c>
      <c r="Q268" s="20">
        <f t="shared" si="8"/>
        <v>193.88725600000001</v>
      </c>
      <c r="R268" s="20">
        <v>493.98126000000002</v>
      </c>
      <c r="S268" s="20">
        <v>10.11107</v>
      </c>
      <c r="T268" s="20">
        <v>31.428875999999999</v>
      </c>
      <c r="U268" s="20">
        <v>23.63372</v>
      </c>
      <c r="V268" s="20">
        <v>3.4473018999999998</v>
      </c>
      <c r="X268" s="20">
        <f t="shared" si="9"/>
        <v>59.067670172045801</v>
      </c>
    </row>
    <row r="269" spans="2:24">
      <c r="B269" s="23">
        <v>0.59754629629605915</v>
      </c>
      <c r="C269" s="20">
        <v>4261.4264000000003</v>
      </c>
      <c r="D269" s="20">
        <v>9.0850039999999996</v>
      </c>
      <c r="E269" s="20">
        <v>0</v>
      </c>
      <c r="F269" s="20">
        <v>0.37692189999999998</v>
      </c>
      <c r="G269" s="20">
        <v>1.4102549</v>
      </c>
      <c r="H269" s="20">
        <v>18.402208000000002</v>
      </c>
      <c r="I269" s="20">
        <v>2.9403367E-2</v>
      </c>
      <c r="J269" s="20">
        <v>1.5581381999999999</v>
      </c>
      <c r="K269" s="20">
        <v>0.24986531000000001</v>
      </c>
      <c r="L269" s="20">
        <v>2198.9160000000002</v>
      </c>
      <c r="M269" s="20">
        <v>76.125471000000005</v>
      </c>
      <c r="N269" s="20">
        <v>6.3873395000000004</v>
      </c>
      <c r="O269" s="20">
        <v>135.77413999999999</v>
      </c>
      <c r="P269" s="20">
        <v>33.434202999999997</v>
      </c>
      <c r="Q269" s="20">
        <f t="shared" si="8"/>
        <v>251.72115349999999</v>
      </c>
      <c r="R269" s="20">
        <v>565.04146000000003</v>
      </c>
      <c r="S269" s="20">
        <v>9.0850039999999996</v>
      </c>
      <c r="T269" s="20">
        <v>32.324890000000003</v>
      </c>
      <c r="U269" s="20">
        <v>23.066870000000002</v>
      </c>
      <c r="V269" s="20">
        <v>2.3394178999999999</v>
      </c>
      <c r="X269" s="20">
        <f t="shared" si="9"/>
        <v>58.406403935317705</v>
      </c>
    </row>
    <row r="270" spans="2:24">
      <c r="B270" s="23">
        <v>0.59804398148116888</v>
      </c>
      <c r="C270" s="20">
        <v>5311.1147000000001</v>
      </c>
      <c r="D270" s="20">
        <v>9.9192364000000008</v>
      </c>
      <c r="E270" s="20">
        <v>0</v>
      </c>
      <c r="F270" s="20">
        <v>1.5980825999999999</v>
      </c>
      <c r="G270" s="20">
        <v>3.3859954999999999</v>
      </c>
      <c r="H270" s="20">
        <v>19.895109999999999</v>
      </c>
      <c r="I270" s="20">
        <v>1.9278300000000002E-2</v>
      </c>
      <c r="J270" s="20">
        <v>3.8847749999999999</v>
      </c>
      <c r="K270" s="20">
        <v>0.14987874000000001</v>
      </c>
      <c r="L270" s="20">
        <v>2839.9238</v>
      </c>
      <c r="M270" s="20">
        <v>54.847478000000002</v>
      </c>
      <c r="N270" s="20">
        <v>3.4192288999999998</v>
      </c>
      <c r="O270" s="20">
        <v>174.84267</v>
      </c>
      <c r="P270" s="20">
        <v>41.525869</v>
      </c>
      <c r="Q270" s="20">
        <f t="shared" si="8"/>
        <v>274.63524589999997</v>
      </c>
      <c r="R270" s="20">
        <v>793.3922</v>
      </c>
      <c r="S270" s="20">
        <v>9.9192364000000008</v>
      </c>
      <c r="T270" s="20">
        <v>34.116052000000003</v>
      </c>
      <c r="U270" s="20">
        <v>24.673003000000001</v>
      </c>
      <c r="V270" s="20">
        <v>2.3737526</v>
      </c>
      <c r="X270" s="20">
        <f t="shared" si="9"/>
        <v>62.010252133884009</v>
      </c>
    </row>
    <row r="271" spans="2:24">
      <c r="B271" s="23">
        <v>0.59854166666627862</v>
      </c>
      <c r="C271" s="20">
        <v>6179.6886000000004</v>
      </c>
      <c r="D271" s="20">
        <v>10.749717</v>
      </c>
      <c r="E271" s="20">
        <v>0</v>
      </c>
      <c r="F271" s="20">
        <v>1.9990427</v>
      </c>
      <c r="G271" s="20">
        <v>1.0648731</v>
      </c>
      <c r="H271" s="20">
        <v>22.389213999999999</v>
      </c>
      <c r="I271" s="20">
        <v>7.7627607999999999E-3</v>
      </c>
      <c r="J271" s="20">
        <v>5.8709024999999997</v>
      </c>
      <c r="K271" s="20">
        <v>0.19543035</v>
      </c>
      <c r="L271" s="20">
        <v>3376.5953</v>
      </c>
      <c r="M271" s="20">
        <v>46.350845999999997</v>
      </c>
      <c r="N271" s="20">
        <v>4.2098446999999997</v>
      </c>
      <c r="O271" s="20">
        <v>205.32664</v>
      </c>
      <c r="P271" s="20">
        <v>49.370511</v>
      </c>
      <c r="Q271" s="20">
        <f t="shared" si="8"/>
        <v>305.25784170000003</v>
      </c>
      <c r="R271" s="20">
        <v>935.30422999999996</v>
      </c>
      <c r="S271" s="20">
        <v>10.749717</v>
      </c>
      <c r="T271" s="20">
        <v>36.043908999999999</v>
      </c>
      <c r="U271" s="20">
        <v>27.349789999999999</v>
      </c>
      <c r="V271" s="20">
        <v>3.9509091999999999</v>
      </c>
      <c r="X271" s="20">
        <f t="shared" si="9"/>
        <v>68.33606504011108</v>
      </c>
    </row>
    <row r="272" spans="2:24">
      <c r="B272" s="23">
        <v>0.59903935185138835</v>
      </c>
      <c r="C272" s="20">
        <v>4851.0636999999997</v>
      </c>
      <c r="D272" s="20">
        <v>11.436453999999999</v>
      </c>
      <c r="E272" s="20">
        <v>0</v>
      </c>
      <c r="F272" s="20">
        <v>1.3390649999999999</v>
      </c>
      <c r="G272" s="20">
        <v>-0.52500175000000004</v>
      </c>
      <c r="H272" s="20">
        <v>22.699466000000001</v>
      </c>
      <c r="I272" s="20">
        <v>0</v>
      </c>
      <c r="J272" s="20">
        <v>4.2672734999999999</v>
      </c>
      <c r="K272" s="20">
        <v>0.34874124000000001</v>
      </c>
      <c r="L272" s="20">
        <v>2656.3721999999998</v>
      </c>
      <c r="M272" s="20">
        <v>0</v>
      </c>
      <c r="N272" s="20">
        <v>8.9230175000000003</v>
      </c>
      <c r="O272" s="20">
        <v>162.82463999999999</v>
      </c>
      <c r="P272" s="20">
        <v>42.899996000000002</v>
      </c>
      <c r="Q272" s="20">
        <f t="shared" si="8"/>
        <v>214.64765349999999</v>
      </c>
      <c r="R272" s="20">
        <v>798.61645999999996</v>
      </c>
      <c r="S272" s="20">
        <v>11.436453999999999</v>
      </c>
      <c r="T272" s="20">
        <v>35.233823999999998</v>
      </c>
      <c r="U272" s="20">
        <v>28.729296000000001</v>
      </c>
      <c r="V272" s="20">
        <v>8.5048651</v>
      </c>
      <c r="X272" s="20">
        <f t="shared" si="9"/>
        <v>73.245293700549013</v>
      </c>
    </row>
    <row r="273" spans="2:24">
      <c r="B273" s="23">
        <v>0.59954861111327773</v>
      </c>
      <c r="C273" s="20">
        <v>2772.1514000000002</v>
      </c>
      <c r="D273" s="20">
        <v>12.604125</v>
      </c>
      <c r="E273" s="20">
        <v>1.5179415000000001</v>
      </c>
      <c r="F273" s="20">
        <v>0</v>
      </c>
      <c r="G273" s="20">
        <v>-0.61686996000000005</v>
      </c>
      <c r="H273" s="20">
        <v>19.730069</v>
      </c>
      <c r="I273" s="20">
        <v>4.4199364999999999E-3</v>
      </c>
      <c r="J273" s="20">
        <v>1.9467473</v>
      </c>
      <c r="K273" s="20">
        <v>0.57233564999999997</v>
      </c>
      <c r="L273" s="20">
        <v>1570.9055000000001</v>
      </c>
      <c r="M273" s="20">
        <v>0</v>
      </c>
      <c r="N273" s="20">
        <v>11.456514</v>
      </c>
      <c r="O273" s="20">
        <v>95.943743999999995</v>
      </c>
      <c r="P273" s="20">
        <v>29.721540999999998</v>
      </c>
      <c r="Q273" s="20">
        <f t="shared" si="8"/>
        <v>137.12179899999998</v>
      </c>
      <c r="R273" s="20">
        <v>459.46296999999998</v>
      </c>
      <c r="S273" s="20">
        <v>14.122066999999999</v>
      </c>
      <c r="T273" s="20">
        <v>32.393115999999999</v>
      </c>
      <c r="U273" s="20">
        <v>29.933177000000001</v>
      </c>
      <c r="V273" s="20">
        <v>10.820532999999999</v>
      </c>
      <c r="X273" s="20">
        <f t="shared" si="9"/>
        <v>73.59983195344266</v>
      </c>
    </row>
    <row r="274" spans="2:24">
      <c r="B274" s="23">
        <v>0.60004629629838746</v>
      </c>
      <c r="C274" s="20">
        <v>766.28069000000005</v>
      </c>
      <c r="D274" s="20">
        <v>13.969580000000001</v>
      </c>
      <c r="E274" s="20">
        <v>5.9634017999999998</v>
      </c>
      <c r="F274" s="20">
        <v>0</v>
      </c>
      <c r="G274" s="20">
        <v>-0.54086533000000003</v>
      </c>
      <c r="H274" s="20">
        <v>15.30705</v>
      </c>
      <c r="I274" s="20">
        <v>0</v>
      </c>
      <c r="J274" s="20">
        <v>0</v>
      </c>
      <c r="K274" s="20">
        <v>0.62861317999999999</v>
      </c>
      <c r="L274" s="20">
        <v>581.65557000000001</v>
      </c>
      <c r="M274" s="20">
        <v>0</v>
      </c>
      <c r="N274" s="20">
        <v>6.7974309999999996</v>
      </c>
      <c r="O274" s="20">
        <v>32.961976</v>
      </c>
      <c r="P274" s="20">
        <v>15.830114</v>
      </c>
      <c r="Q274" s="20">
        <f t="shared" si="8"/>
        <v>55.589520999999998</v>
      </c>
      <c r="R274" s="20">
        <v>180.42536000000001</v>
      </c>
      <c r="S274" s="20">
        <v>19.932981999999999</v>
      </c>
      <c r="T274" s="20">
        <v>28.336977000000001</v>
      </c>
      <c r="U274" s="20">
        <v>30.940411999999998</v>
      </c>
      <c r="V274" s="20">
        <v>13.230513999999999</v>
      </c>
      <c r="X274" s="20">
        <f t="shared" si="9"/>
        <v>72.653781654265003</v>
      </c>
    </row>
    <row r="275" spans="2:24">
      <c r="B275" s="23">
        <v>0.60054398148349719</v>
      </c>
      <c r="C275" s="20">
        <v>274.84163000000001</v>
      </c>
      <c r="D275" s="20">
        <v>13.844087999999999</v>
      </c>
      <c r="E275" s="20">
        <v>9.9262748999999992</v>
      </c>
      <c r="F275" s="20">
        <v>0</v>
      </c>
      <c r="G275" s="20">
        <v>-0.62415977</v>
      </c>
      <c r="H275" s="20">
        <v>11.832299000000001</v>
      </c>
      <c r="I275" s="20">
        <v>0</v>
      </c>
      <c r="J275" s="20">
        <v>0</v>
      </c>
      <c r="K275" s="20">
        <v>0.52542679999999997</v>
      </c>
      <c r="L275" s="20">
        <v>239.50394</v>
      </c>
      <c r="M275" s="20">
        <v>0</v>
      </c>
      <c r="N275" s="20">
        <v>3.1591342999999998</v>
      </c>
      <c r="O275" s="20">
        <v>13.569398</v>
      </c>
      <c r="P275" s="20">
        <v>9.8313617000000004</v>
      </c>
      <c r="Q275" s="20">
        <f t="shared" si="8"/>
        <v>26.559894</v>
      </c>
      <c r="R275" s="20">
        <v>77.658266999999995</v>
      </c>
      <c r="S275" s="20">
        <v>23.770363</v>
      </c>
      <c r="T275" s="20">
        <v>25.541128</v>
      </c>
      <c r="U275" s="20">
        <v>32.536602999999999</v>
      </c>
      <c r="V275" s="20">
        <v>10.717912999999999</v>
      </c>
      <c r="X275" s="20">
        <f t="shared" si="9"/>
        <v>68.855661975592994</v>
      </c>
    </row>
    <row r="276" spans="2:24">
      <c r="B276" s="23">
        <v>0.60104166666860692</v>
      </c>
      <c r="C276" s="20">
        <v>236.75915000000001</v>
      </c>
      <c r="D276" s="20">
        <v>13.177110000000001</v>
      </c>
      <c r="E276" s="20">
        <v>10.774096999999999</v>
      </c>
      <c r="F276" s="20">
        <v>0</v>
      </c>
      <c r="G276" s="20">
        <v>-0.60510366000000004</v>
      </c>
      <c r="H276" s="20">
        <v>10.869335</v>
      </c>
      <c r="I276" s="20">
        <v>0</v>
      </c>
      <c r="J276" s="20">
        <v>0</v>
      </c>
      <c r="K276" s="20">
        <v>0.48506474999999999</v>
      </c>
      <c r="L276" s="20">
        <v>155.30143000000001</v>
      </c>
      <c r="M276" s="20">
        <v>0</v>
      </c>
      <c r="N276" s="20">
        <v>1.7161609</v>
      </c>
      <c r="O276" s="20">
        <v>8.1752511000000005</v>
      </c>
      <c r="P276" s="20">
        <v>7.1930816000000002</v>
      </c>
      <c r="Q276" s="20">
        <f t="shared" si="8"/>
        <v>17.084493600000002</v>
      </c>
      <c r="R276" s="20">
        <v>52.543804999999999</v>
      </c>
      <c r="S276" s="20">
        <v>23.951207</v>
      </c>
      <c r="T276" s="20">
        <v>24.277961000000001</v>
      </c>
      <c r="U276" s="20">
        <v>33.652973000000003</v>
      </c>
      <c r="V276" s="20">
        <v>10.834258</v>
      </c>
      <c r="X276" s="20">
        <f t="shared" si="9"/>
        <v>68.811971678369019</v>
      </c>
    </row>
    <row r="277" spans="2:24">
      <c r="B277" s="23">
        <v>0.60153935185371665</v>
      </c>
      <c r="C277" s="20">
        <v>249.98241999999999</v>
      </c>
      <c r="D277" s="20">
        <v>12.766622</v>
      </c>
      <c r="E277" s="20">
        <v>11.432805999999999</v>
      </c>
      <c r="F277" s="20">
        <v>0</v>
      </c>
      <c r="G277" s="20">
        <v>-0.54220511999999998</v>
      </c>
      <c r="H277" s="20">
        <v>10.990757</v>
      </c>
      <c r="I277" s="20">
        <v>0</v>
      </c>
      <c r="J277" s="20">
        <v>0</v>
      </c>
      <c r="K277" s="20">
        <v>0.42142144999999998</v>
      </c>
      <c r="L277" s="20">
        <v>135.24372</v>
      </c>
      <c r="M277" s="20">
        <v>0</v>
      </c>
      <c r="N277" s="20">
        <v>1.4495315</v>
      </c>
      <c r="O277" s="20">
        <v>7.5473151999999999</v>
      </c>
      <c r="P277" s="20">
        <v>5.5567677</v>
      </c>
      <c r="Q277" s="20">
        <f t="shared" si="8"/>
        <v>14.553614399999999</v>
      </c>
      <c r="R277" s="20">
        <v>46.410415</v>
      </c>
      <c r="S277" s="20">
        <v>24.199428000000001</v>
      </c>
      <c r="T277" s="20">
        <v>23.522986</v>
      </c>
      <c r="U277" s="20">
        <v>34.384459999999997</v>
      </c>
      <c r="V277" s="20">
        <v>11.603954999999999</v>
      </c>
      <c r="X277" s="20">
        <f t="shared" si="9"/>
        <v>69.557305858372999</v>
      </c>
    </row>
    <row r="278" spans="2:24">
      <c r="B278" s="23">
        <v>0.60204861110833008</v>
      </c>
      <c r="C278" s="20">
        <v>179.62595999999999</v>
      </c>
      <c r="D278" s="20">
        <v>12.430687000000001</v>
      </c>
      <c r="E278" s="20">
        <v>11.848606999999999</v>
      </c>
      <c r="F278" s="20">
        <v>0</v>
      </c>
      <c r="G278" s="20">
        <v>-0.58218934</v>
      </c>
      <c r="H278" s="20">
        <v>11.035690000000001</v>
      </c>
      <c r="I278" s="20">
        <v>0</v>
      </c>
      <c r="J278" s="20">
        <v>0</v>
      </c>
      <c r="K278" s="20">
        <v>0.50683425000000004</v>
      </c>
      <c r="L278" s="20">
        <v>91.059349999999995</v>
      </c>
      <c r="M278" s="20">
        <v>0.23024084</v>
      </c>
      <c r="N278" s="20">
        <v>0.51279337000000003</v>
      </c>
      <c r="O278" s="20">
        <v>5.0412072999999999</v>
      </c>
      <c r="P278" s="20">
        <v>4.0699047999999998</v>
      </c>
      <c r="Q278" s="20">
        <f t="shared" si="8"/>
        <v>9.8541463100000009</v>
      </c>
      <c r="R278" s="20">
        <v>34.012475999999999</v>
      </c>
      <c r="S278" s="20">
        <v>24.279294</v>
      </c>
      <c r="T278" s="20">
        <v>22.899169000000001</v>
      </c>
      <c r="U278" s="20">
        <v>35.262027000000003</v>
      </c>
      <c r="V278" s="20">
        <v>9.7531581999999997</v>
      </c>
      <c r="X278" s="20">
        <f t="shared" si="9"/>
        <v>67.948360037922001</v>
      </c>
    </row>
    <row r="279" spans="2:24">
      <c r="B279" s="23">
        <v>0.60254629629343981</v>
      </c>
      <c r="C279" s="20">
        <v>164.20303999999999</v>
      </c>
      <c r="D279" s="20">
        <v>11.398669999999999</v>
      </c>
      <c r="E279" s="20">
        <v>12.082125</v>
      </c>
      <c r="F279" s="20">
        <v>0</v>
      </c>
      <c r="G279" s="20">
        <v>-0.64477410000000002</v>
      </c>
      <c r="H279" s="20">
        <v>10.687543</v>
      </c>
      <c r="I279" s="20">
        <v>0</v>
      </c>
      <c r="J279" s="20">
        <v>0</v>
      </c>
      <c r="K279" s="20">
        <v>0.42734161999999998</v>
      </c>
      <c r="L279" s="20">
        <v>71.784165999999999</v>
      </c>
      <c r="M279" s="20">
        <v>0.29729484</v>
      </c>
      <c r="N279" s="20">
        <v>1.8173159000000001E-2</v>
      </c>
      <c r="O279" s="20">
        <v>4.2600274000000002</v>
      </c>
      <c r="P279" s="20">
        <v>3.0966171999999998</v>
      </c>
      <c r="Q279" s="20">
        <f t="shared" si="8"/>
        <v>7.6721125990000001</v>
      </c>
      <c r="R279" s="20">
        <v>28.652739</v>
      </c>
      <c r="S279" s="20">
        <v>23.480795000000001</v>
      </c>
      <c r="T279" s="20">
        <v>22.286524</v>
      </c>
      <c r="U279" s="20">
        <v>35.901381999999998</v>
      </c>
      <c r="V279" s="20">
        <v>8.9279633</v>
      </c>
      <c r="X279" s="20">
        <f t="shared" si="9"/>
        <v>67.145978401911904</v>
      </c>
    </row>
    <row r="280" spans="2:24">
      <c r="B280" s="23">
        <v>0.60304398147854954</v>
      </c>
      <c r="C280" s="20">
        <v>263.65487000000002</v>
      </c>
      <c r="D280" s="20">
        <v>10.12316</v>
      </c>
      <c r="E280" s="20">
        <v>12.118167</v>
      </c>
      <c r="F280" s="20">
        <v>0</v>
      </c>
      <c r="G280" s="20">
        <v>-0.68680090000000005</v>
      </c>
      <c r="H280" s="20">
        <v>10.259921</v>
      </c>
      <c r="I280" s="20">
        <v>0</v>
      </c>
      <c r="J280" s="20">
        <v>0</v>
      </c>
      <c r="K280" s="20">
        <v>0.45337835999999998</v>
      </c>
      <c r="L280" s="20">
        <v>96.901483999999996</v>
      </c>
      <c r="M280" s="20">
        <v>0.17066845</v>
      </c>
      <c r="N280" s="20">
        <v>0.38323457999999999</v>
      </c>
      <c r="O280" s="20">
        <v>5.9032929999999997</v>
      </c>
      <c r="P280" s="20">
        <v>2.7459348000000001</v>
      </c>
      <c r="Q280" s="20">
        <f t="shared" si="8"/>
        <v>9.2031308299999992</v>
      </c>
      <c r="R280" s="20">
        <v>35.833503</v>
      </c>
      <c r="S280" s="20">
        <v>22.241326000000001</v>
      </c>
      <c r="T280" s="20">
        <v>22.401789000000001</v>
      </c>
      <c r="U280" s="20">
        <v>36.581263</v>
      </c>
      <c r="V280" s="20">
        <v>8.2172929000000003</v>
      </c>
      <c r="X280" s="20">
        <f t="shared" si="9"/>
        <v>67.242771763629008</v>
      </c>
    </row>
    <row r="281" spans="2:24">
      <c r="B281" s="23">
        <v>0.60354166666365927</v>
      </c>
      <c r="C281" s="20">
        <v>572.11902999999995</v>
      </c>
      <c r="D281" s="20">
        <v>8.9024412000000002</v>
      </c>
      <c r="E281" s="20">
        <v>11.782829</v>
      </c>
      <c r="F281" s="20">
        <v>0</v>
      </c>
      <c r="G281" s="20">
        <v>-0.67040416999999997</v>
      </c>
      <c r="H281" s="20">
        <v>10.31316</v>
      </c>
      <c r="I281" s="20">
        <v>0</v>
      </c>
      <c r="J281" s="20">
        <v>0</v>
      </c>
      <c r="K281" s="20">
        <v>0.48529222</v>
      </c>
      <c r="L281" s="20">
        <v>208.69065000000001</v>
      </c>
      <c r="M281" s="20">
        <v>0</v>
      </c>
      <c r="N281" s="20">
        <v>1.9009716000000001</v>
      </c>
      <c r="O281" s="20">
        <v>14.360207000000001</v>
      </c>
      <c r="P281" s="20">
        <v>3.7043569999999999</v>
      </c>
      <c r="Q281" s="20">
        <f t="shared" si="8"/>
        <v>19.965535600000003</v>
      </c>
      <c r="R281" s="20">
        <v>67.153599999999997</v>
      </c>
      <c r="S281" s="20">
        <v>20.685269999999999</v>
      </c>
      <c r="T281" s="20">
        <v>23.329878999999998</v>
      </c>
      <c r="U281" s="20">
        <v>36.610976000000001</v>
      </c>
      <c r="V281" s="20">
        <v>7.2526849000000002</v>
      </c>
      <c r="X281" s="20">
        <f t="shared" si="9"/>
        <v>67.278767280385011</v>
      </c>
    </row>
    <row r="282" spans="2:24">
      <c r="B282" s="23">
        <v>0.604039351848769</v>
      </c>
      <c r="C282" s="20">
        <v>1055.9096</v>
      </c>
      <c r="D282" s="20">
        <v>8.1397031999999996</v>
      </c>
      <c r="E282" s="20">
        <v>10.951216000000001</v>
      </c>
      <c r="F282" s="20">
        <v>0</v>
      </c>
      <c r="G282" s="20">
        <v>-0.62664006999999999</v>
      </c>
      <c r="H282" s="20">
        <v>11.451096</v>
      </c>
      <c r="I282" s="20">
        <v>0</v>
      </c>
      <c r="J282" s="20">
        <v>0</v>
      </c>
      <c r="K282" s="20">
        <v>0.50611273999999995</v>
      </c>
      <c r="L282" s="20">
        <v>394.03197</v>
      </c>
      <c r="M282" s="20">
        <v>0</v>
      </c>
      <c r="N282" s="20">
        <v>4.0621684</v>
      </c>
      <c r="O282" s="20">
        <v>27.050246000000001</v>
      </c>
      <c r="P282" s="20">
        <v>5.7273731999999997</v>
      </c>
      <c r="Q282" s="20">
        <f t="shared" si="8"/>
        <v>36.839787600000001</v>
      </c>
      <c r="R282" s="20">
        <v>119.66404</v>
      </c>
      <c r="S282" s="20">
        <v>19.090919</v>
      </c>
      <c r="T282" s="20">
        <v>24.522386000000001</v>
      </c>
      <c r="U282" s="20">
        <v>36.391615999999999</v>
      </c>
      <c r="V282" s="20">
        <v>5.9964829000000002</v>
      </c>
      <c r="X282" s="20">
        <f t="shared" si="9"/>
        <v>67.064114276447</v>
      </c>
    </row>
    <row r="283" spans="2:24">
      <c r="B283" s="23">
        <v>0.60454861111065838</v>
      </c>
      <c r="C283" s="20">
        <v>1714.3533</v>
      </c>
      <c r="D283" s="20">
        <v>7.4557741000000002</v>
      </c>
      <c r="E283" s="20">
        <v>9.6911590000000007</v>
      </c>
      <c r="F283" s="20">
        <v>0</v>
      </c>
      <c r="G283" s="20">
        <v>-0.62638481999999995</v>
      </c>
      <c r="H283" s="20">
        <v>13.60277</v>
      </c>
      <c r="I283" s="20">
        <v>0</v>
      </c>
      <c r="J283" s="20">
        <v>0</v>
      </c>
      <c r="K283" s="20">
        <v>0.38089875000000001</v>
      </c>
      <c r="L283" s="20">
        <v>698.29953999999998</v>
      </c>
      <c r="M283" s="20">
        <v>0</v>
      </c>
      <c r="N283" s="20">
        <v>6.9193708999999997</v>
      </c>
      <c r="O283" s="20">
        <v>47.700589999999998</v>
      </c>
      <c r="P283" s="20">
        <v>9.5890564999999999</v>
      </c>
      <c r="Q283" s="20">
        <f t="shared" si="8"/>
        <v>64.209017399999993</v>
      </c>
      <c r="R283" s="20">
        <v>205.60212000000001</v>
      </c>
      <c r="S283" s="20">
        <v>17.146933000000001</v>
      </c>
      <c r="T283" s="20">
        <v>25.880697999999999</v>
      </c>
      <c r="U283" s="20">
        <v>35.596096000000003</v>
      </c>
      <c r="V283" s="20">
        <v>4.6509764999999996</v>
      </c>
      <c r="X283" s="20">
        <f t="shared" si="9"/>
        <v>66.380221800743001</v>
      </c>
    </row>
    <row r="284" spans="2:24">
      <c r="B284" s="23">
        <v>0.60504629629576812</v>
      </c>
      <c r="C284" s="20">
        <v>2498.6957000000002</v>
      </c>
      <c r="D284" s="20">
        <v>7.0388092000000002</v>
      </c>
      <c r="E284" s="20">
        <v>8.6349827999999995</v>
      </c>
      <c r="F284" s="20">
        <v>0</v>
      </c>
      <c r="G284" s="20">
        <v>-0.38846000000000003</v>
      </c>
      <c r="H284" s="20">
        <v>16.609950999999999</v>
      </c>
      <c r="I284" s="20">
        <v>0</v>
      </c>
      <c r="J284" s="20">
        <v>0</v>
      </c>
      <c r="K284" s="20">
        <v>0.27641227000000002</v>
      </c>
      <c r="L284" s="20">
        <v>1110.6374000000001</v>
      </c>
      <c r="M284" s="20">
        <v>0.24875077000000001</v>
      </c>
      <c r="N284" s="20">
        <v>9.1889534000000008</v>
      </c>
      <c r="O284" s="20">
        <v>74.006542999999994</v>
      </c>
      <c r="P284" s="20">
        <v>15.798143</v>
      </c>
      <c r="Q284" s="20">
        <f t="shared" si="8"/>
        <v>99.242390169999993</v>
      </c>
      <c r="R284" s="20">
        <v>327.62383999999997</v>
      </c>
      <c r="S284" s="20">
        <v>15.673792000000001</v>
      </c>
      <c r="T284" s="20">
        <v>27.369005999999999</v>
      </c>
      <c r="U284" s="20">
        <v>34.974975000000001</v>
      </c>
      <c r="V284" s="20">
        <v>4.0874940000000004</v>
      </c>
      <c r="X284" s="20">
        <f t="shared" si="9"/>
        <v>66.807117097744012</v>
      </c>
    </row>
    <row r="285" spans="2:24">
      <c r="B285" s="23">
        <v>0.60554398148087785</v>
      </c>
      <c r="C285" s="20">
        <v>3155.1869000000002</v>
      </c>
      <c r="D285" s="20">
        <v>7.2401869000000003</v>
      </c>
      <c r="E285" s="20">
        <v>6.6776169000000003</v>
      </c>
      <c r="F285" s="20">
        <v>0</v>
      </c>
      <c r="G285" s="20">
        <v>-0.50697689000000001</v>
      </c>
      <c r="H285" s="20">
        <v>19.388946000000001</v>
      </c>
      <c r="I285" s="20">
        <v>0</v>
      </c>
      <c r="J285" s="20">
        <v>0</v>
      </c>
      <c r="K285" s="20">
        <v>0.19149694</v>
      </c>
      <c r="L285" s="20">
        <v>1590.6446000000001</v>
      </c>
      <c r="M285" s="20">
        <v>27.852955999999999</v>
      </c>
      <c r="N285" s="20">
        <v>8.9781019999999998</v>
      </c>
      <c r="O285" s="20">
        <v>97.702802000000005</v>
      </c>
      <c r="P285" s="20">
        <v>22.446210000000001</v>
      </c>
      <c r="Q285" s="20">
        <f t="shared" si="8"/>
        <v>156.98007000000001</v>
      </c>
      <c r="R285" s="20">
        <v>439.3895</v>
      </c>
      <c r="S285" s="20">
        <v>13.917804</v>
      </c>
      <c r="T285" s="20">
        <v>28.807960000000001</v>
      </c>
      <c r="U285" s="20">
        <v>34.873963000000003</v>
      </c>
      <c r="V285" s="20">
        <v>3.9552877999999998</v>
      </c>
      <c r="X285" s="20">
        <f t="shared" si="9"/>
        <v>68.132182864385001</v>
      </c>
    </row>
    <row r="286" spans="2:24">
      <c r="B286" s="23">
        <v>0.60604166666598758</v>
      </c>
      <c r="C286" s="20">
        <v>3585.9407999999999</v>
      </c>
      <c r="D286" s="20">
        <v>7.6762356</v>
      </c>
      <c r="E286" s="20">
        <v>3.9166449999999999</v>
      </c>
      <c r="F286" s="20">
        <v>0</v>
      </c>
      <c r="G286" s="20">
        <v>-0.40899271999999998</v>
      </c>
      <c r="H286" s="20">
        <v>21.151216999999999</v>
      </c>
      <c r="I286" s="20">
        <v>0</v>
      </c>
      <c r="J286" s="20">
        <v>0</v>
      </c>
      <c r="K286" s="20">
        <v>0.22585166000000001</v>
      </c>
      <c r="L286" s="20">
        <v>1863.5998</v>
      </c>
      <c r="M286" s="20">
        <v>44.982745999999999</v>
      </c>
      <c r="N286" s="20">
        <v>8.7369792999999998</v>
      </c>
      <c r="O286" s="20">
        <v>112.66763</v>
      </c>
      <c r="P286" s="20">
        <v>27.642558999999999</v>
      </c>
      <c r="Q286" s="20">
        <f t="shared" si="8"/>
        <v>194.0299143</v>
      </c>
      <c r="R286" s="20">
        <v>508.48516000000001</v>
      </c>
      <c r="S286" s="20">
        <v>11.592881</v>
      </c>
      <c r="T286" s="20">
        <v>29.838899999999999</v>
      </c>
      <c r="U286" s="20">
        <v>35.102004999999998</v>
      </c>
      <c r="V286" s="20">
        <v>3.7966324</v>
      </c>
      <c r="X286" s="20">
        <f t="shared" si="9"/>
        <v>69.30630983518401</v>
      </c>
    </row>
    <row r="287" spans="2:24">
      <c r="B287" s="23">
        <v>0.60653935185109731</v>
      </c>
      <c r="C287" s="20">
        <v>3577.7201</v>
      </c>
      <c r="D287" s="20">
        <v>7.7508236000000004</v>
      </c>
      <c r="E287" s="20">
        <v>1.9962294</v>
      </c>
      <c r="F287" s="20">
        <v>0</v>
      </c>
      <c r="G287" s="20">
        <v>-0.40150035000000001</v>
      </c>
      <c r="H287" s="20">
        <v>21.649626999999999</v>
      </c>
      <c r="I287" s="20">
        <v>0</v>
      </c>
      <c r="J287" s="20">
        <v>0</v>
      </c>
      <c r="K287" s="20">
        <v>0.16670546</v>
      </c>
      <c r="L287" s="20">
        <v>1874.7886000000001</v>
      </c>
      <c r="M287" s="20">
        <v>53.970354</v>
      </c>
      <c r="N287" s="20">
        <v>7.8678246999999999</v>
      </c>
      <c r="O287" s="20">
        <v>113.39697</v>
      </c>
      <c r="P287" s="20">
        <v>28.947209000000001</v>
      </c>
      <c r="Q287" s="20">
        <f t="shared" si="8"/>
        <v>204.18235770000001</v>
      </c>
      <c r="R287" s="20">
        <v>504.26652000000001</v>
      </c>
      <c r="S287" s="20">
        <v>9.7470528999999999</v>
      </c>
      <c r="T287" s="20">
        <v>30.027912000000001</v>
      </c>
      <c r="U287" s="20">
        <v>35.061087999999998</v>
      </c>
      <c r="V287" s="20">
        <v>4.0106792000000002</v>
      </c>
      <c r="X287" s="20">
        <f t="shared" si="9"/>
        <v>69.669439199571002</v>
      </c>
    </row>
    <row r="288" spans="2:24">
      <c r="B288" s="23">
        <v>0.60704861111298669</v>
      </c>
      <c r="C288" s="20">
        <v>3505.0846999999999</v>
      </c>
      <c r="D288" s="20">
        <v>7.5184901999999996</v>
      </c>
      <c r="E288" s="20">
        <v>1.3928792000000001</v>
      </c>
      <c r="F288" s="20">
        <v>0</v>
      </c>
      <c r="G288" s="20">
        <v>-0.44338736000000001</v>
      </c>
      <c r="H288" s="20">
        <v>21.556369</v>
      </c>
      <c r="I288" s="20">
        <v>0</v>
      </c>
      <c r="J288" s="20">
        <v>0</v>
      </c>
      <c r="K288" s="20">
        <v>0.20608085000000001</v>
      </c>
      <c r="L288" s="20">
        <v>1759.8982000000001</v>
      </c>
      <c r="M288" s="20">
        <v>43.979497000000002</v>
      </c>
      <c r="N288" s="20">
        <v>8.1303208999999992</v>
      </c>
      <c r="O288" s="20">
        <v>110.41256</v>
      </c>
      <c r="P288" s="20">
        <v>28.353432000000002</v>
      </c>
      <c r="Q288" s="20">
        <f t="shared" si="8"/>
        <v>190.87580990000001</v>
      </c>
      <c r="R288" s="20">
        <v>484.6628</v>
      </c>
      <c r="S288" s="20">
        <v>8.9113693999999999</v>
      </c>
      <c r="T288" s="20">
        <v>30.208893</v>
      </c>
      <c r="U288" s="20">
        <v>34.893827999999999</v>
      </c>
      <c r="V288" s="20">
        <v>3.7966324</v>
      </c>
      <c r="X288" s="20">
        <f t="shared" si="9"/>
        <v>69.448853451118993</v>
      </c>
    </row>
    <row r="289" spans="2:24">
      <c r="B289" s="23">
        <v>0.60754629629809642</v>
      </c>
      <c r="C289" s="20">
        <v>3412.8234000000002</v>
      </c>
      <c r="D289" s="20">
        <v>7.4333640000000001</v>
      </c>
      <c r="E289" s="20">
        <v>2.1026267000000001</v>
      </c>
      <c r="F289" s="20">
        <v>0</v>
      </c>
      <c r="G289" s="20">
        <v>-0.5909932</v>
      </c>
      <c r="H289" s="20">
        <v>21.611447999999999</v>
      </c>
      <c r="I289" s="20">
        <v>0</v>
      </c>
      <c r="J289" s="20">
        <v>0</v>
      </c>
      <c r="K289" s="20">
        <v>0.27149062000000002</v>
      </c>
      <c r="L289" s="20">
        <v>1677.2412999999999</v>
      </c>
      <c r="M289" s="20">
        <v>41.566845000000001</v>
      </c>
      <c r="N289" s="20">
        <v>7.5875383000000003</v>
      </c>
      <c r="O289" s="20">
        <v>106.24334</v>
      </c>
      <c r="P289" s="20">
        <v>27.602899000000001</v>
      </c>
      <c r="Q289" s="20">
        <f t="shared" si="8"/>
        <v>183.0006223</v>
      </c>
      <c r="R289" s="20">
        <v>464.92664000000002</v>
      </c>
      <c r="S289" s="20">
        <v>9.5359906999999993</v>
      </c>
      <c r="T289" s="20">
        <v>30.348084</v>
      </c>
      <c r="U289" s="20">
        <v>35.010573000000001</v>
      </c>
      <c r="V289" s="20">
        <v>3.7644009</v>
      </c>
      <c r="X289" s="20">
        <f t="shared" si="9"/>
        <v>69.654400824911988</v>
      </c>
    </row>
    <row r="290" spans="2:24">
      <c r="B290" s="23">
        <v>0.60804398148320615</v>
      </c>
      <c r="C290" s="20">
        <v>3437.6837999999998</v>
      </c>
      <c r="D290" s="20">
        <v>7.5338174000000002</v>
      </c>
      <c r="E290" s="20">
        <v>2.8190083000000001</v>
      </c>
      <c r="F290" s="20">
        <v>0</v>
      </c>
      <c r="G290" s="20">
        <v>-0.52401871</v>
      </c>
      <c r="H290" s="20">
        <v>21.891383000000001</v>
      </c>
      <c r="I290" s="20">
        <v>0</v>
      </c>
      <c r="J290" s="20">
        <v>0</v>
      </c>
      <c r="K290" s="20">
        <v>0.37829140999999999</v>
      </c>
      <c r="L290" s="20">
        <v>1664.0035</v>
      </c>
      <c r="M290" s="20">
        <v>42.648245000000003</v>
      </c>
      <c r="N290" s="20">
        <v>8.5206026999999995</v>
      </c>
      <c r="O290" s="20">
        <v>105.01690000000001</v>
      </c>
      <c r="P290" s="20">
        <v>27.892287</v>
      </c>
      <c r="Q290" s="20">
        <f t="shared" si="8"/>
        <v>184.07803470000002</v>
      </c>
      <c r="R290" s="20">
        <v>464.13481000000002</v>
      </c>
      <c r="S290" s="20">
        <v>10.352826</v>
      </c>
      <c r="T290" s="20">
        <v>30.400815000000001</v>
      </c>
      <c r="U290" s="20">
        <v>35.047466999999997</v>
      </c>
      <c r="V290" s="20">
        <v>3.8372856</v>
      </c>
      <c r="X290" s="20">
        <f t="shared" si="9"/>
        <v>69.818389264210012</v>
      </c>
    </row>
    <row r="291" spans="2:24">
      <c r="B291" s="23">
        <v>0.60854166666831588</v>
      </c>
      <c r="C291" s="20">
        <v>3417.9232999999999</v>
      </c>
      <c r="D291" s="20">
        <v>7.5485946000000004</v>
      </c>
      <c r="E291" s="20">
        <v>3.6453595000000001</v>
      </c>
      <c r="F291" s="20">
        <v>0</v>
      </c>
      <c r="G291" s="20">
        <v>-0.47802488999999998</v>
      </c>
      <c r="H291" s="20">
        <v>21.761289999999999</v>
      </c>
      <c r="I291" s="20">
        <v>0</v>
      </c>
      <c r="J291" s="20">
        <v>0</v>
      </c>
      <c r="K291" s="20">
        <v>0.32911517000000001</v>
      </c>
      <c r="L291" s="20">
        <v>1613.9807000000001</v>
      </c>
      <c r="M291" s="20">
        <v>34.459752000000002</v>
      </c>
      <c r="N291" s="20">
        <v>9.4473827000000004</v>
      </c>
      <c r="O291" s="20">
        <v>104.06373000000001</v>
      </c>
      <c r="P291" s="20">
        <v>28.669316999999999</v>
      </c>
      <c r="Q291" s="20">
        <f t="shared" si="8"/>
        <v>176.6401817</v>
      </c>
      <c r="R291" s="20">
        <v>462.19465000000002</v>
      </c>
      <c r="S291" s="20">
        <v>11.193954</v>
      </c>
      <c r="T291" s="20">
        <v>30.031445999999999</v>
      </c>
      <c r="U291" s="20">
        <v>34.72119</v>
      </c>
      <c r="V291" s="20">
        <v>3.9387341999999999</v>
      </c>
      <c r="X291" s="20">
        <f t="shared" si="9"/>
        <v>69.21662464700799</v>
      </c>
    </row>
    <row r="292" spans="2:24">
      <c r="B292" s="23">
        <v>0.60905092592292931</v>
      </c>
      <c r="C292" s="20">
        <v>3436.6048000000001</v>
      </c>
      <c r="D292" s="20">
        <v>7.2275952999999999</v>
      </c>
      <c r="E292" s="20">
        <v>4.6165471</v>
      </c>
      <c r="F292" s="20">
        <v>0</v>
      </c>
      <c r="G292" s="20">
        <v>-0.42530664000000001</v>
      </c>
      <c r="H292" s="20">
        <v>21.623857000000001</v>
      </c>
      <c r="I292" s="20">
        <v>0</v>
      </c>
      <c r="J292" s="20">
        <v>0</v>
      </c>
      <c r="K292" s="20">
        <v>0.29590757000000001</v>
      </c>
      <c r="L292" s="20">
        <v>1636.5637999999999</v>
      </c>
      <c r="M292" s="20">
        <v>33.191578999999997</v>
      </c>
      <c r="N292" s="20">
        <v>10.518319</v>
      </c>
      <c r="O292" s="20">
        <v>105.45497</v>
      </c>
      <c r="P292" s="20">
        <v>29.224322999999998</v>
      </c>
      <c r="Q292" s="20">
        <f t="shared" si="8"/>
        <v>178.38919100000001</v>
      </c>
      <c r="R292" s="20">
        <v>473.39983000000001</v>
      </c>
      <c r="S292" s="20">
        <v>11.844142</v>
      </c>
      <c r="T292" s="20">
        <v>29.941155999999999</v>
      </c>
      <c r="U292" s="20">
        <v>34.624648999999998</v>
      </c>
      <c r="V292" s="20">
        <v>3.7966324</v>
      </c>
      <c r="X292" s="20">
        <f t="shared" si="9"/>
        <v>68.892111453333001</v>
      </c>
    </row>
    <row r="293" spans="2:24">
      <c r="B293" s="23">
        <v>0.60954861110803904</v>
      </c>
      <c r="C293" s="20">
        <v>3380.7453</v>
      </c>
      <c r="D293" s="20">
        <v>7.1430375000000002</v>
      </c>
      <c r="E293" s="20">
        <v>4.6660107999999996</v>
      </c>
      <c r="F293" s="20">
        <v>0</v>
      </c>
      <c r="G293" s="20">
        <v>-0.46993857</v>
      </c>
      <c r="H293" s="20">
        <v>21.450761</v>
      </c>
      <c r="I293" s="20">
        <v>0</v>
      </c>
      <c r="J293" s="20">
        <v>0</v>
      </c>
      <c r="K293" s="20">
        <v>0.27506502999999999</v>
      </c>
      <c r="L293" s="20">
        <v>1615.2331999999999</v>
      </c>
      <c r="M293" s="20">
        <v>30.531967000000002</v>
      </c>
      <c r="N293" s="20">
        <v>9.7583143999999997</v>
      </c>
      <c r="O293" s="20">
        <v>103.17828</v>
      </c>
      <c r="P293" s="20">
        <v>28.765626000000001</v>
      </c>
      <c r="Q293" s="20">
        <f t="shared" si="8"/>
        <v>172.2341874</v>
      </c>
      <c r="R293" s="20">
        <v>464.97471999999999</v>
      </c>
      <c r="S293" s="20">
        <v>11.809048000000001</v>
      </c>
      <c r="T293" s="20">
        <v>29.924326000000001</v>
      </c>
      <c r="U293" s="20">
        <v>34.766849000000001</v>
      </c>
      <c r="V293" s="20">
        <v>3.8415428</v>
      </c>
      <c r="X293" s="20">
        <f t="shared" si="9"/>
        <v>69.054026467116003</v>
      </c>
    </row>
    <row r="294" spans="2:24">
      <c r="B294" s="23">
        <v>0.61004629629314877</v>
      </c>
      <c r="C294" s="20">
        <v>3158.5630999999998</v>
      </c>
      <c r="D294" s="20">
        <v>7.5672005000000002</v>
      </c>
      <c r="E294" s="20">
        <v>4.9831984</v>
      </c>
      <c r="F294" s="20">
        <v>0</v>
      </c>
      <c r="G294" s="20">
        <v>-0.58023462000000003</v>
      </c>
      <c r="H294" s="20">
        <v>21.156611999999999</v>
      </c>
      <c r="I294" s="20">
        <v>0</v>
      </c>
      <c r="J294" s="20">
        <v>0</v>
      </c>
      <c r="K294" s="20">
        <v>0.28596551999999997</v>
      </c>
      <c r="L294" s="20">
        <v>1487.9974</v>
      </c>
      <c r="M294" s="20">
        <v>29.435783000000001</v>
      </c>
      <c r="N294" s="20">
        <v>10.123961</v>
      </c>
      <c r="O294" s="20">
        <v>94.861331000000007</v>
      </c>
      <c r="P294" s="20">
        <v>26.611906000000001</v>
      </c>
      <c r="Q294" s="20">
        <f t="shared" si="8"/>
        <v>161.03298100000001</v>
      </c>
      <c r="R294" s="20">
        <v>428.73135000000002</v>
      </c>
      <c r="S294" s="20">
        <v>12.550399000000001</v>
      </c>
      <c r="T294" s="20">
        <v>29.875101999999998</v>
      </c>
      <c r="U294" s="20">
        <v>35.16892</v>
      </c>
      <c r="V294" s="20">
        <v>4.5636893000000001</v>
      </c>
      <c r="X294" s="20">
        <f t="shared" si="9"/>
        <v>70.093066962180004</v>
      </c>
    </row>
    <row r="295" spans="2:24">
      <c r="B295" s="23">
        <v>0.6105787037013215</v>
      </c>
      <c r="C295" s="20">
        <v>2844.7638000000002</v>
      </c>
      <c r="D295" s="20">
        <v>8.0564347999999999</v>
      </c>
      <c r="E295" s="20">
        <v>5.6633569000000001</v>
      </c>
      <c r="F295" s="20">
        <v>0</v>
      </c>
      <c r="G295" s="20">
        <v>-0.56771265000000004</v>
      </c>
      <c r="H295" s="20">
        <v>20.205452000000001</v>
      </c>
      <c r="I295" s="20">
        <v>0</v>
      </c>
      <c r="J295" s="20">
        <v>0</v>
      </c>
      <c r="K295" s="20">
        <v>0.34069834999999998</v>
      </c>
      <c r="L295" s="20">
        <v>1294.0117</v>
      </c>
      <c r="M295" s="20">
        <v>23.717842999999998</v>
      </c>
      <c r="N295" s="20">
        <v>9.4691027000000005</v>
      </c>
      <c r="O295" s="20">
        <v>83.082913000000005</v>
      </c>
      <c r="P295" s="20">
        <v>24.241510000000002</v>
      </c>
      <c r="Q295" s="20">
        <f t="shared" si="8"/>
        <v>140.51136869999999</v>
      </c>
      <c r="R295" s="20">
        <v>373.07870000000003</v>
      </c>
      <c r="S295" s="20">
        <v>13.719792</v>
      </c>
      <c r="T295" s="20">
        <v>29.551459999999999</v>
      </c>
      <c r="U295" s="20">
        <v>35.284581000000003</v>
      </c>
      <c r="V295" s="20">
        <v>4.8222244999999999</v>
      </c>
      <c r="X295" s="20">
        <f t="shared" si="9"/>
        <v>70.090935989009992</v>
      </c>
    </row>
    <row r="296" spans="2:24">
      <c r="B296" s="23">
        <v>0.61111111110949423</v>
      </c>
      <c r="C296" s="20">
        <v>2512.8640999999998</v>
      </c>
      <c r="D296" s="20">
        <v>8.6615663000000005</v>
      </c>
      <c r="E296" s="20">
        <v>6.5051199000000004</v>
      </c>
      <c r="F296" s="20">
        <v>0</v>
      </c>
      <c r="G296" s="20">
        <v>-0.64338342000000004</v>
      </c>
      <c r="H296" s="20">
        <v>18.991776000000002</v>
      </c>
      <c r="I296" s="20">
        <v>0</v>
      </c>
      <c r="J296" s="20">
        <v>0</v>
      </c>
      <c r="K296" s="20">
        <v>0.26756772000000001</v>
      </c>
      <c r="L296" s="20">
        <v>1105.2757999999999</v>
      </c>
      <c r="M296" s="20">
        <v>15.916645000000001</v>
      </c>
      <c r="N296" s="20">
        <v>9.1118009000000004</v>
      </c>
      <c r="O296" s="20">
        <v>71.356707</v>
      </c>
      <c r="P296" s="20">
        <v>21.776263</v>
      </c>
      <c r="Q296" s="20">
        <f t="shared" si="8"/>
        <v>118.16141590000001</v>
      </c>
      <c r="R296" s="20">
        <v>321.07986</v>
      </c>
      <c r="S296" s="20">
        <v>15.166686</v>
      </c>
      <c r="T296" s="20">
        <v>29.351429</v>
      </c>
      <c r="U296" s="20">
        <v>35.306832999999997</v>
      </c>
      <c r="V296" s="20">
        <v>5.0140295999999998</v>
      </c>
      <c r="X296" s="20">
        <f t="shared" si="9"/>
        <v>70.050816664839999</v>
      </c>
    </row>
    <row r="297" spans="2:24">
      <c r="B297" s="23">
        <v>0.61160879629460396</v>
      </c>
      <c r="C297" s="20">
        <v>2376.2303000000002</v>
      </c>
      <c r="D297" s="20">
        <v>9.2558030999999996</v>
      </c>
      <c r="E297" s="20">
        <v>7.1843900999999999</v>
      </c>
      <c r="F297" s="20">
        <v>0</v>
      </c>
      <c r="G297" s="20">
        <v>-0.61428872999999995</v>
      </c>
      <c r="H297" s="20">
        <v>18.006865999999999</v>
      </c>
      <c r="I297" s="20">
        <v>0</v>
      </c>
      <c r="J297" s="20">
        <v>0</v>
      </c>
      <c r="K297" s="20">
        <v>0.47621186999999998</v>
      </c>
      <c r="L297" s="20">
        <v>1056.8219999999999</v>
      </c>
      <c r="M297" s="20">
        <v>16.113219999999998</v>
      </c>
      <c r="N297" s="20">
        <v>8.1695989000000004</v>
      </c>
      <c r="O297" s="20">
        <v>67.167840999999996</v>
      </c>
      <c r="P297" s="20">
        <v>20.748913000000002</v>
      </c>
      <c r="Q297" s="20">
        <f t="shared" si="8"/>
        <v>112.19957289999999</v>
      </c>
      <c r="R297" s="20">
        <v>303.38324999999998</v>
      </c>
      <c r="S297" s="20">
        <v>16.440193000000001</v>
      </c>
      <c r="T297" s="20">
        <v>29.316723</v>
      </c>
      <c r="U297" s="20">
        <v>35.175103999999997</v>
      </c>
      <c r="V297" s="20">
        <v>5.1661454999999998</v>
      </c>
      <c r="X297" s="20">
        <f t="shared" si="9"/>
        <v>70.017572604823997</v>
      </c>
    </row>
    <row r="298" spans="2:24">
      <c r="B298" s="23">
        <v>0.61210648147971369</v>
      </c>
      <c r="C298" s="20">
        <v>2318.4703</v>
      </c>
      <c r="D298" s="20">
        <v>9.4950525999999993</v>
      </c>
      <c r="E298" s="20">
        <v>7.3999755</v>
      </c>
      <c r="F298" s="20">
        <v>0</v>
      </c>
      <c r="G298" s="20">
        <v>-0.67518193000000004</v>
      </c>
      <c r="H298" s="20">
        <v>17.75225</v>
      </c>
      <c r="I298" s="20">
        <v>0</v>
      </c>
      <c r="J298" s="20">
        <v>0</v>
      </c>
      <c r="K298" s="20">
        <v>0.37319439999999998</v>
      </c>
      <c r="L298" s="20">
        <v>1032.9755</v>
      </c>
      <c r="M298" s="20">
        <v>15.410475</v>
      </c>
      <c r="N298" s="20">
        <v>8.3545347000000003</v>
      </c>
      <c r="O298" s="20">
        <v>65.836242999999996</v>
      </c>
      <c r="P298" s="20">
        <v>19.878905</v>
      </c>
      <c r="Q298" s="20">
        <f t="shared" si="8"/>
        <v>109.48015770000001</v>
      </c>
      <c r="R298" s="20">
        <v>295.64303999999998</v>
      </c>
      <c r="S298" s="20">
        <v>16.895028</v>
      </c>
      <c r="T298" s="20">
        <v>29.192415</v>
      </c>
      <c r="U298" s="20">
        <v>35.246530999999997</v>
      </c>
      <c r="V298" s="20">
        <v>4.9752191999999997</v>
      </c>
      <c r="X298" s="20">
        <f t="shared" si="9"/>
        <v>69.765381827626996</v>
      </c>
    </row>
    <row r="299" spans="2:24">
      <c r="B299" s="23">
        <v>0.61260416666482342</v>
      </c>
      <c r="C299" s="20">
        <v>2405.0765000000001</v>
      </c>
      <c r="D299" s="20">
        <v>8.9946522000000009</v>
      </c>
      <c r="E299" s="20">
        <v>7.4363723999999998</v>
      </c>
      <c r="F299" s="20">
        <v>0</v>
      </c>
      <c r="G299" s="20">
        <v>-0.61641957000000003</v>
      </c>
      <c r="H299" s="20">
        <v>18.228047</v>
      </c>
      <c r="I299" s="20">
        <v>0</v>
      </c>
      <c r="J299" s="20">
        <v>0</v>
      </c>
      <c r="K299" s="20">
        <v>0.42054510000000001</v>
      </c>
      <c r="L299" s="20">
        <v>1111.8706999999999</v>
      </c>
      <c r="M299" s="20">
        <v>24.034499</v>
      </c>
      <c r="N299" s="20">
        <v>8.5342026000000004</v>
      </c>
      <c r="O299" s="20">
        <v>70.093891999999997</v>
      </c>
      <c r="P299" s="20">
        <v>20.685298</v>
      </c>
      <c r="Q299" s="20">
        <f t="shared" si="8"/>
        <v>123.3478916</v>
      </c>
      <c r="R299" s="20">
        <v>317.39654000000002</v>
      </c>
      <c r="S299" s="20">
        <v>16.431025000000002</v>
      </c>
      <c r="T299" s="20">
        <v>29.317748000000002</v>
      </c>
      <c r="U299" s="20">
        <v>35.318880999999998</v>
      </c>
      <c r="V299" s="20">
        <v>4.8476219</v>
      </c>
      <c r="X299" s="20">
        <f t="shared" si="9"/>
        <v>69.853369831373001</v>
      </c>
    </row>
    <row r="300" spans="2:24">
      <c r="B300" s="23">
        <v>0.61311342592671281</v>
      </c>
      <c r="C300" s="20">
        <v>2655.4582999999998</v>
      </c>
      <c r="D300" s="20">
        <v>8.4818423000000003</v>
      </c>
      <c r="E300" s="20">
        <v>7.5645538999999999</v>
      </c>
      <c r="F300" s="20">
        <v>0</v>
      </c>
      <c r="G300" s="20">
        <v>-0.46794539000000002</v>
      </c>
      <c r="H300" s="20">
        <v>19.313517999999998</v>
      </c>
      <c r="I300" s="20">
        <v>0</v>
      </c>
      <c r="J300" s="20">
        <v>0</v>
      </c>
      <c r="K300" s="20">
        <v>0.23828595</v>
      </c>
      <c r="L300" s="20">
        <v>1220.4494</v>
      </c>
      <c r="M300" s="20">
        <v>22.855419999999999</v>
      </c>
      <c r="N300" s="20">
        <v>9.6282230999999996</v>
      </c>
      <c r="O300" s="20">
        <v>77.523830000000004</v>
      </c>
      <c r="P300" s="20">
        <v>22.779053999999999</v>
      </c>
      <c r="Q300" s="20">
        <f t="shared" si="8"/>
        <v>132.7865271</v>
      </c>
      <c r="R300" s="20">
        <v>353.26591000000002</v>
      </c>
      <c r="S300" s="20">
        <v>16.046396000000001</v>
      </c>
      <c r="T300" s="20">
        <v>29.715744000000001</v>
      </c>
      <c r="U300" s="20">
        <v>35.652301999999999</v>
      </c>
      <c r="V300" s="20">
        <v>4.4846681999999998</v>
      </c>
      <c r="X300" s="20">
        <f t="shared" si="9"/>
        <v>70.258701287785996</v>
      </c>
    </row>
    <row r="301" spans="2:24">
      <c r="B301" s="23">
        <v>0.61361111111182254</v>
      </c>
      <c r="C301" s="20">
        <v>2908.2646</v>
      </c>
      <c r="D301" s="20">
        <v>8.1930422000000007</v>
      </c>
      <c r="E301" s="20">
        <v>7.4151636999999999</v>
      </c>
      <c r="F301" s="20">
        <v>0</v>
      </c>
      <c r="G301" s="20">
        <v>-0.49427749999999998</v>
      </c>
      <c r="H301" s="20">
        <v>20.302989</v>
      </c>
      <c r="I301" s="20">
        <v>0</v>
      </c>
      <c r="J301" s="20">
        <v>0</v>
      </c>
      <c r="K301" s="20">
        <v>0.27296321000000001</v>
      </c>
      <c r="L301" s="20">
        <v>1360.6231</v>
      </c>
      <c r="M301" s="20">
        <v>27.315819000000001</v>
      </c>
      <c r="N301" s="20">
        <v>9.3198003000000007</v>
      </c>
      <c r="O301" s="20">
        <v>83.952290000000005</v>
      </c>
      <c r="P301" s="20">
        <v>25.070063999999999</v>
      </c>
      <c r="Q301" s="20">
        <f t="shared" si="8"/>
        <v>145.65797330000001</v>
      </c>
      <c r="R301" s="20">
        <v>391.06661000000003</v>
      </c>
      <c r="S301" s="20">
        <v>15.608205999999999</v>
      </c>
      <c r="T301" s="20">
        <v>30.197143000000001</v>
      </c>
      <c r="U301" s="20">
        <v>35.648052</v>
      </c>
      <c r="V301" s="20">
        <v>4.3655238000000001</v>
      </c>
      <c r="X301" s="20">
        <f t="shared" si="9"/>
        <v>70.657303175991004</v>
      </c>
    </row>
    <row r="302" spans="2:24">
      <c r="B302" s="23">
        <v>0.61410879629693227</v>
      </c>
      <c r="C302" s="20">
        <v>3100.9465</v>
      </c>
      <c r="D302" s="20">
        <v>8.0974132999999995</v>
      </c>
      <c r="E302" s="20">
        <v>7.0856386000000002</v>
      </c>
      <c r="F302" s="20">
        <v>0</v>
      </c>
      <c r="G302" s="20">
        <v>-0.53244511999999999</v>
      </c>
      <c r="H302" s="20">
        <v>20.902591999999999</v>
      </c>
      <c r="I302" s="20">
        <v>0</v>
      </c>
      <c r="J302" s="20">
        <v>0</v>
      </c>
      <c r="K302" s="20">
        <v>0.30192722</v>
      </c>
      <c r="L302" s="20">
        <v>1446.2592</v>
      </c>
      <c r="M302" s="20">
        <v>27.645254000000001</v>
      </c>
      <c r="N302" s="20">
        <v>9.2710104999999992</v>
      </c>
      <c r="O302" s="20">
        <v>88.421515999999997</v>
      </c>
      <c r="P302" s="20">
        <v>26.883779000000001</v>
      </c>
      <c r="Q302" s="20">
        <f t="shared" si="8"/>
        <v>152.22155949999998</v>
      </c>
      <c r="R302" s="20">
        <v>416.49205999999998</v>
      </c>
      <c r="S302" s="20">
        <v>15.183052</v>
      </c>
      <c r="T302" s="20">
        <v>30.541581000000001</v>
      </c>
      <c r="U302" s="20">
        <v>35.400156000000003</v>
      </c>
      <c r="V302" s="20">
        <v>4.3242997000000001</v>
      </c>
      <c r="X302" s="20">
        <f t="shared" si="9"/>
        <v>70.741083243749998</v>
      </c>
    </row>
    <row r="303" spans="2:24">
      <c r="B303" s="23">
        <v>0.614606481482042</v>
      </c>
      <c r="C303" s="20">
        <v>3199.7260999999999</v>
      </c>
      <c r="D303" s="20">
        <v>7.8934895000000003</v>
      </c>
      <c r="E303" s="20">
        <v>6.8176977000000001</v>
      </c>
      <c r="F303" s="20">
        <v>0</v>
      </c>
      <c r="G303" s="20">
        <v>-0.58242472999999995</v>
      </c>
      <c r="H303" s="20">
        <v>21.108985000000001</v>
      </c>
      <c r="I303" s="20">
        <v>0</v>
      </c>
      <c r="J303" s="20">
        <v>0</v>
      </c>
      <c r="K303" s="20">
        <v>0.28397185000000003</v>
      </c>
      <c r="L303" s="20">
        <v>1541.2735</v>
      </c>
      <c r="M303" s="20">
        <v>33.034585999999997</v>
      </c>
      <c r="N303" s="20">
        <v>8.7372513999999999</v>
      </c>
      <c r="O303" s="20">
        <v>92.805243000000004</v>
      </c>
      <c r="P303" s="20">
        <v>28.740586</v>
      </c>
      <c r="Q303" s="20">
        <f t="shared" si="8"/>
        <v>163.31766640000001</v>
      </c>
      <c r="R303" s="20">
        <v>437.27825999999999</v>
      </c>
      <c r="S303" s="20">
        <v>14.711187000000001</v>
      </c>
      <c r="T303" s="20">
        <v>30.711283000000002</v>
      </c>
      <c r="U303" s="20">
        <v>35.001493000000004</v>
      </c>
      <c r="V303" s="20">
        <v>4.3099546999999996</v>
      </c>
      <c r="X303" s="20">
        <f t="shared" si="9"/>
        <v>70.518185717272004</v>
      </c>
    </row>
    <row r="304" spans="2:24">
      <c r="B304" s="23">
        <v>0.61510416666715173</v>
      </c>
      <c r="C304" s="20">
        <v>3212.4367000000002</v>
      </c>
      <c r="D304" s="20">
        <v>8.0512726000000008</v>
      </c>
      <c r="E304" s="20">
        <v>6.4304408000000004</v>
      </c>
      <c r="F304" s="20">
        <v>0</v>
      </c>
      <c r="G304" s="20">
        <v>-0.57755765000000003</v>
      </c>
      <c r="H304" s="20">
        <v>21.333036</v>
      </c>
      <c r="I304" s="20">
        <v>0</v>
      </c>
      <c r="J304" s="20">
        <v>0</v>
      </c>
      <c r="K304" s="20">
        <v>0.32019701</v>
      </c>
      <c r="L304" s="20">
        <v>1609.3390999999999</v>
      </c>
      <c r="M304" s="20">
        <v>38.115949999999998</v>
      </c>
      <c r="N304" s="20">
        <v>8.8374442000000002</v>
      </c>
      <c r="O304" s="20">
        <v>96.039383999999998</v>
      </c>
      <c r="P304" s="20">
        <v>30.43308</v>
      </c>
      <c r="Q304" s="20">
        <f t="shared" si="8"/>
        <v>173.42585819999999</v>
      </c>
      <c r="R304" s="20">
        <v>449.90767</v>
      </c>
      <c r="S304" s="20">
        <v>14.481712999999999</v>
      </c>
      <c r="T304" s="20">
        <v>31.017123000000002</v>
      </c>
      <c r="U304" s="20">
        <v>34.663753</v>
      </c>
      <c r="V304" s="20">
        <v>4.3825064999999999</v>
      </c>
      <c r="X304" s="20">
        <f t="shared" si="9"/>
        <v>70.567906575996005</v>
      </c>
    </row>
    <row r="305" spans="2:24">
      <c r="B305" s="23">
        <v>0.61561342592904111</v>
      </c>
      <c r="C305" s="20">
        <v>3182.2174</v>
      </c>
      <c r="D305" s="20">
        <v>8.3386987000000001</v>
      </c>
      <c r="E305" s="20">
        <v>6.4647657000000001</v>
      </c>
      <c r="F305" s="20">
        <v>0</v>
      </c>
      <c r="G305" s="20">
        <v>-0.56947601000000003</v>
      </c>
      <c r="H305" s="20">
        <v>21.726837</v>
      </c>
      <c r="I305" s="20">
        <v>0</v>
      </c>
      <c r="J305" s="20">
        <v>0</v>
      </c>
      <c r="K305" s="20">
        <v>0.26152091</v>
      </c>
      <c r="L305" s="20">
        <v>1620.2788</v>
      </c>
      <c r="M305" s="20">
        <v>39.160406999999999</v>
      </c>
      <c r="N305" s="20">
        <v>10.286905000000001</v>
      </c>
      <c r="O305" s="20">
        <v>97.543385999999998</v>
      </c>
      <c r="P305" s="20">
        <v>31.882293000000001</v>
      </c>
      <c r="Q305" s="20">
        <f t="shared" si="8"/>
        <v>178.87299100000001</v>
      </c>
      <c r="R305" s="20">
        <v>455.14746000000002</v>
      </c>
      <c r="S305" s="20">
        <v>14.803464</v>
      </c>
      <c r="T305" s="20">
        <v>31.156707999999998</v>
      </c>
      <c r="U305" s="20">
        <v>34.778094000000003</v>
      </c>
      <c r="V305" s="20">
        <v>4.2784034000000002</v>
      </c>
      <c r="X305" s="20">
        <f t="shared" si="9"/>
        <v>70.71644490013</v>
      </c>
    </row>
    <row r="306" spans="2:24">
      <c r="B306" s="23">
        <v>0.61611111111415084</v>
      </c>
      <c r="C306" s="20">
        <v>3035.94</v>
      </c>
      <c r="D306" s="20">
        <v>8.2371643999999993</v>
      </c>
      <c r="E306" s="20">
        <v>6.2720675999999997</v>
      </c>
      <c r="F306" s="20">
        <v>0</v>
      </c>
      <c r="G306" s="20">
        <v>-0.55890172999999999</v>
      </c>
      <c r="H306" s="20">
        <v>21.810749000000001</v>
      </c>
      <c r="I306" s="20">
        <v>0</v>
      </c>
      <c r="J306" s="20">
        <v>0</v>
      </c>
      <c r="K306" s="20">
        <v>0.22796733999999999</v>
      </c>
      <c r="L306" s="20">
        <v>1546.644</v>
      </c>
      <c r="M306" s="20">
        <v>37.894888999999999</v>
      </c>
      <c r="N306" s="20">
        <v>9.8212208000000008</v>
      </c>
      <c r="O306" s="20">
        <v>92.669092000000006</v>
      </c>
      <c r="P306" s="20">
        <v>30.858886999999999</v>
      </c>
      <c r="Q306" s="20">
        <f t="shared" si="8"/>
        <v>171.24408880000001</v>
      </c>
      <c r="R306" s="20">
        <v>433.92844000000002</v>
      </c>
      <c r="S306" s="20">
        <v>14.509232000000001</v>
      </c>
      <c r="T306" s="20">
        <v>31.137176</v>
      </c>
      <c r="U306" s="20">
        <v>34.830305000000003</v>
      </c>
      <c r="V306" s="20">
        <v>4.3607019999999999</v>
      </c>
      <c r="X306" s="20">
        <f t="shared" si="9"/>
        <v>70.80861563674101</v>
      </c>
    </row>
    <row r="307" spans="2:24">
      <c r="B307" s="23">
        <v>0.61660879629926058</v>
      </c>
      <c r="C307" s="20">
        <v>2946.5612000000001</v>
      </c>
      <c r="D307" s="20">
        <v>7.7366158</v>
      </c>
      <c r="E307" s="20">
        <v>6.1865522999999998</v>
      </c>
      <c r="F307" s="20">
        <v>0</v>
      </c>
      <c r="G307" s="20">
        <v>-0.54269820999999996</v>
      </c>
      <c r="H307" s="20">
        <v>21.005319</v>
      </c>
      <c r="I307" s="20">
        <v>0</v>
      </c>
      <c r="J307" s="20">
        <v>0</v>
      </c>
      <c r="K307" s="20">
        <v>0.23951323999999999</v>
      </c>
      <c r="L307" s="20">
        <v>1417.6341</v>
      </c>
      <c r="M307" s="20">
        <v>31.418572000000001</v>
      </c>
      <c r="N307" s="20">
        <v>9.8306891000000007</v>
      </c>
      <c r="O307" s="20">
        <v>85.406532999999996</v>
      </c>
      <c r="P307" s="20">
        <v>29.203436</v>
      </c>
      <c r="Q307" s="20">
        <f t="shared" si="8"/>
        <v>155.85923009999999</v>
      </c>
      <c r="R307" s="20">
        <v>403.67252000000002</v>
      </c>
      <c r="S307" s="20">
        <v>13.923168</v>
      </c>
      <c r="T307" s="20">
        <v>30.975411999999999</v>
      </c>
      <c r="U307" s="20">
        <v>34.968778</v>
      </c>
      <c r="V307" s="20">
        <v>4.3873686000000003</v>
      </c>
      <c r="X307" s="20">
        <f t="shared" si="9"/>
        <v>70.78841890002299</v>
      </c>
    </row>
    <row r="308" spans="2:24">
      <c r="B308" s="23">
        <v>0.61710648148437031</v>
      </c>
      <c r="C308" s="20">
        <v>2951.1239999999998</v>
      </c>
      <c r="D308" s="20">
        <v>7.6163653</v>
      </c>
      <c r="E308" s="20">
        <v>5.9628240999999997</v>
      </c>
      <c r="F308" s="20">
        <v>0</v>
      </c>
      <c r="G308" s="20">
        <v>-0.48212692000000001</v>
      </c>
      <c r="H308" s="20">
        <v>20.286255000000001</v>
      </c>
      <c r="I308" s="20">
        <v>0</v>
      </c>
      <c r="J308" s="20">
        <v>0</v>
      </c>
      <c r="K308" s="20">
        <v>0.20042621999999999</v>
      </c>
      <c r="L308" s="20">
        <v>1415.2792999999999</v>
      </c>
      <c r="M308" s="20">
        <v>33.352525999999997</v>
      </c>
      <c r="N308" s="20">
        <v>8.7055202999999999</v>
      </c>
      <c r="O308" s="20">
        <v>83.188648999999998</v>
      </c>
      <c r="P308" s="20">
        <v>28.447234999999999</v>
      </c>
      <c r="Q308" s="20">
        <f t="shared" si="8"/>
        <v>153.69393030000001</v>
      </c>
      <c r="R308" s="20">
        <v>396.57208000000003</v>
      </c>
      <c r="S308" s="20">
        <v>13.579189</v>
      </c>
      <c r="T308" s="20">
        <v>30.958718000000001</v>
      </c>
      <c r="U308" s="20">
        <v>34.870100999999998</v>
      </c>
      <c r="V308" s="20">
        <v>4.5324985</v>
      </c>
      <c r="X308" s="20">
        <f t="shared" si="9"/>
        <v>70.818043516299994</v>
      </c>
    </row>
    <row r="309" spans="2:24">
      <c r="B309" s="23">
        <v>0.61760416666948004</v>
      </c>
      <c r="C309" s="20">
        <v>2889.1502</v>
      </c>
      <c r="D309" s="20">
        <v>7.7858076000000001</v>
      </c>
      <c r="E309" s="20">
        <v>5.4391056000000004</v>
      </c>
      <c r="F309" s="20">
        <v>0</v>
      </c>
      <c r="G309" s="20">
        <v>-0.65578354999999999</v>
      </c>
      <c r="H309" s="20">
        <v>20.084804999999999</v>
      </c>
      <c r="I309" s="20">
        <v>0</v>
      </c>
      <c r="J309" s="20">
        <v>0</v>
      </c>
      <c r="K309" s="20">
        <v>0.19207094</v>
      </c>
      <c r="L309" s="20">
        <v>1373.1948</v>
      </c>
      <c r="M309" s="20">
        <v>33.706018</v>
      </c>
      <c r="N309" s="20">
        <v>8.7381606999999999</v>
      </c>
      <c r="O309" s="20">
        <v>80.831519999999998</v>
      </c>
      <c r="P309" s="20">
        <v>27.987348000000001</v>
      </c>
      <c r="Q309" s="20">
        <f t="shared" si="8"/>
        <v>151.26304669999999</v>
      </c>
      <c r="R309" s="20">
        <v>384.47136999999998</v>
      </c>
      <c r="S309" s="20">
        <v>13.224913000000001</v>
      </c>
      <c r="T309" s="20">
        <v>30.924022999999998</v>
      </c>
      <c r="U309" s="20">
        <v>34.927408</v>
      </c>
      <c r="V309" s="20">
        <v>4.4019551000000003</v>
      </c>
      <c r="X309" s="20">
        <f t="shared" si="9"/>
        <v>70.699353996528984</v>
      </c>
    </row>
    <row r="310" spans="2:24">
      <c r="B310" s="23">
        <v>0.61811342592409346</v>
      </c>
      <c r="C310" s="20">
        <v>2843.4445999999998</v>
      </c>
      <c r="D310" s="20">
        <v>8.0412192000000005</v>
      </c>
      <c r="E310" s="20">
        <v>5.4131008999999999</v>
      </c>
      <c r="F310" s="20">
        <v>0</v>
      </c>
      <c r="G310" s="20">
        <v>-0.54626806999999999</v>
      </c>
      <c r="H310" s="20">
        <v>20.327981000000001</v>
      </c>
      <c r="I310" s="20">
        <v>0</v>
      </c>
      <c r="J310" s="20">
        <v>0</v>
      </c>
      <c r="K310" s="20">
        <v>0.17453237999999999</v>
      </c>
      <c r="L310" s="20">
        <v>1396.0319</v>
      </c>
      <c r="M310" s="20">
        <v>33.269952000000004</v>
      </c>
      <c r="N310" s="20">
        <v>8.8576549</v>
      </c>
      <c r="O310" s="20">
        <v>82.417935999999997</v>
      </c>
      <c r="P310" s="20">
        <v>28.341380999999998</v>
      </c>
      <c r="Q310" s="20">
        <f t="shared" si="8"/>
        <v>152.8869239</v>
      </c>
      <c r="R310" s="20">
        <v>391.94009999999997</v>
      </c>
      <c r="S310" s="20">
        <v>13.454319999999999</v>
      </c>
      <c r="T310" s="20">
        <v>30.873159000000001</v>
      </c>
      <c r="U310" s="20">
        <v>34.632548</v>
      </c>
      <c r="V310" s="20">
        <v>4.4550128000000004</v>
      </c>
      <c r="X310" s="20">
        <f t="shared" si="9"/>
        <v>70.404642630931008</v>
      </c>
    </row>
    <row r="311" spans="2:24">
      <c r="B311" s="23">
        <v>0.61861111110920319</v>
      </c>
      <c r="C311" s="20">
        <v>2757.2936</v>
      </c>
      <c r="D311" s="20">
        <v>8.0765188999999999</v>
      </c>
      <c r="E311" s="20">
        <v>5.4059993999999998</v>
      </c>
      <c r="F311" s="20">
        <v>0</v>
      </c>
      <c r="G311" s="20">
        <v>-0.51645965000000005</v>
      </c>
      <c r="H311" s="20">
        <v>20.526956999999999</v>
      </c>
      <c r="I311" s="20">
        <v>0</v>
      </c>
      <c r="J311" s="20">
        <v>0</v>
      </c>
      <c r="K311" s="20">
        <v>0.25471568</v>
      </c>
      <c r="L311" s="20">
        <v>1363.3520000000001</v>
      </c>
      <c r="M311" s="20">
        <v>33.099297999999997</v>
      </c>
      <c r="N311" s="20">
        <v>8.1393596000000006</v>
      </c>
      <c r="O311" s="20">
        <v>80.528599</v>
      </c>
      <c r="P311" s="20">
        <v>27.801387999999999</v>
      </c>
      <c r="Q311" s="20">
        <f t="shared" si="8"/>
        <v>149.5686446</v>
      </c>
      <c r="R311" s="20">
        <v>381.88668999999999</v>
      </c>
      <c r="S311" s="20">
        <v>13.482518000000001</v>
      </c>
      <c r="T311" s="20">
        <v>30.773237000000002</v>
      </c>
      <c r="U311" s="20">
        <v>34.597436000000002</v>
      </c>
      <c r="V311" s="20">
        <v>4.6566592</v>
      </c>
      <c r="X311" s="20">
        <f t="shared" si="9"/>
        <v>70.459076649393012</v>
      </c>
    </row>
    <row r="312" spans="2:24">
      <c r="B312" s="23">
        <v>0.61910879629431292</v>
      </c>
      <c r="C312" s="20">
        <v>2756.4692</v>
      </c>
      <c r="D312" s="20">
        <v>7.7807149000000004</v>
      </c>
      <c r="E312" s="20">
        <v>5.6397553</v>
      </c>
      <c r="F312" s="20">
        <v>0</v>
      </c>
      <c r="G312" s="20">
        <v>-0.58545347000000003</v>
      </c>
      <c r="H312" s="20">
        <v>20.332522000000001</v>
      </c>
      <c r="I312" s="20">
        <v>0</v>
      </c>
      <c r="J312" s="20">
        <v>0</v>
      </c>
      <c r="K312" s="20">
        <v>0.38241257000000001</v>
      </c>
      <c r="L312" s="20">
        <v>1357.3894</v>
      </c>
      <c r="M312" s="20">
        <v>29.248154</v>
      </c>
      <c r="N312" s="20">
        <v>8.9737828999999998</v>
      </c>
      <c r="O312" s="20">
        <v>81.728014000000002</v>
      </c>
      <c r="P312" s="20">
        <v>27.789518000000001</v>
      </c>
      <c r="Q312" s="20">
        <f t="shared" si="8"/>
        <v>147.73946890000002</v>
      </c>
      <c r="R312" s="20">
        <v>385.18439999999998</v>
      </c>
      <c r="S312" s="20">
        <v>13.42047</v>
      </c>
      <c r="T312" s="20">
        <v>30.782062</v>
      </c>
      <c r="U312" s="20">
        <v>34.522849999999998</v>
      </c>
      <c r="V312" s="20">
        <v>4.3922309000000004</v>
      </c>
      <c r="X312" s="20">
        <f t="shared" si="9"/>
        <v>70.127999749020006</v>
      </c>
    </row>
    <row r="313" spans="2:24">
      <c r="B313" s="23">
        <v>0.61960648147942265</v>
      </c>
      <c r="C313" s="20">
        <v>2785.0513999999998</v>
      </c>
      <c r="D313" s="20">
        <v>7.5499877</v>
      </c>
      <c r="E313" s="20">
        <v>5.8332402999999999</v>
      </c>
      <c r="F313" s="20">
        <v>0</v>
      </c>
      <c r="G313" s="20">
        <v>-0.55871143999999995</v>
      </c>
      <c r="H313" s="20">
        <v>20.566792</v>
      </c>
      <c r="I313" s="20">
        <v>0</v>
      </c>
      <c r="J313" s="20">
        <v>0</v>
      </c>
      <c r="K313" s="20">
        <v>0.32228470999999997</v>
      </c>
      <c r="L313" s="20">
        <v>1357.8843999999999</v>
      </c>
      <c r="M313" s="20">
        <v>19.933451999999999</v>
      </c>
      <c r="N313" s="20">
        <v>9.3780155000000001</v>
      </c>
      <c r="O313" s="20">
        <v>82.961039</v>
      </c>
      <c r="P313" s="20">
        <v>28.068166000000002</v>
      </c>
      <c r="Q313" s="20">
        <f t="shared" si="8"/>
        <v>140.34067249999998</v>
      </c>
      <c r="R313" s="20">
        <v>389.04750999999999</v>
      </c>
      <c r="S313" s="20">
        <v>13.383228000000001</v>
      </c>
      <c r="T313" s="20">
        <v>30.881765999999999</v>
      </c>
      <c r="U313" s="20">
        <v>34.802562999999999</v>
      </c>
      <c r="V313" s="20">
        <v>4.5375217000000001</v>
      </c>
      <c r="X313" s="20">
        <f t="shared" si="9"/>
        <v>70.654888029376991</v>
      </c>
    </row>
    <row r="314" spans="2:24">
      <c r="B314" s="23">
        <v>0.62010416666453239</v>
      </c>
      <c r="C314" s="20">
        <v>2816.7431000000001</v>
      </c>
      <c r="D314" s="20">
        <v>7.5920538000000004</v>
      </c>
      <c r="E314" s="20">
        <v>5.9428707000000003</v>
      </c>
      <c r="F314" s="20">
        <v>0</v>
      </c>
      <c r="G314" s="20">
        <v>-0.55941021999999996</v>
      </c>
      <c r="H314" s="20">
        <v>20.785212999999999</v>
      </c>
      <c r="I314" s="20">
        <v>0</v>
      </c>
      <c r="J314" s="20">
        <v>0</v>
      </c>
      <c r="K314" s="20">
        <v>0.25935735999999998</v>
      </c>
      <c r="L314" s="20">
        <v>1362.7619999999999</v>
      </c>
      <c r="M314" s="20">
        <v>17.666291000000001</v>
      </c>
      <c r="N314" s="20">
        <v>9.2752394999999996</v>
      </c>
      <c r="O314" s="20">
        <v>83.844499999999996</v>
      </c>
      <c r="P314" s="20">
        <v>28.604989</v>
      </c>
      <c r="Q314" s="20">
        <f t="shared" si="8"/>
        <v>139.3910195</v>
      </c>
      <c r="R314" s="20">
        <v>394.05221</v>
      </c>
      <c r="S314" s="20">
        <v>13.534924999999999</v>
      </c>
      <c r="T314" s="20">
        <v>30.922916000000001</v>
      </c>
      <c r="U314" s="20">
        <v>34.980621999999997</v>
      </c>
      <c r="V314" s="20">
        <v>4.5475675000000004</v>
      </c>
      <c r="X314" s="20">
        <f t="shared" si="9"/>
        <v>70.88775061291399</v>
      </c>
    </row>
    <row r="315" spans="2:24">
      <c r="B315" s="23">
        <v>0.62061342592642177</v>
      </c>
      <c r="C315" s="20">
        <v>2873.6891999999998</v>
      </c>
      <c r="D315" s="20">
        <v>7.7889312999999998</v>
      </c>
      <c r="E315" s="20">
        <v>6.1861933000000002</v>
      </c>
      <c r="F315" s="20">
        <v>0</v>
      </c>
      <c r="G315" s="20">
        <v>-0.65730122000000002</v>
      </c>
      <c r="H315" s="20">
        <v>20.901403999999999</v>
      </c>
      <c r="I315" s="20">
        <v>0</v>
      </c>
      <c r="J315" s="20">
        <v>0</v>
      </c>
      <c r="K315" s="20">
        <v>0.16232007000000001</v>
      </c>
      <c r="L315" s="20">
        <v>1391.6494</v>
      </c>
      <c r="M315" s="20">
        <v>18.435039</v>
      </c>
      <c r="N315" s="20">
        <v>9.1475974999999998</v>
      </c>
      <c r="O315" s="20">
        <v>84.433721000000006</v>
      </c>
      <c r="P315" s="20">
        <v>29.697018</v>
      </c>
      <c r="Q315" s="20">
        <f t="shared" si="8"/>
        <v>141.71337549999998</v>
      </c>
      <c r="R315" s="20">
        <v>402.36331999999999</v>
      </c>
      <c r="S315" s="20">
        <v>13.975125</v>
      </c>
      <c r="T315" s="20">
        <v>31.043310999999999</v>
      </c>
      <c r="U315" s="20">
        <v>35.219925000000003</v>
      </c>
      <c r="V315" s="20">
        <v>4.5890047000000003</v>
      </c>
      <c r="X315" s="20">
        <f t="shared" si="9"/>
        <v>71.297781564795017</v>
      </c>
    </row>
    <row r="316" spans="2:24">
      <c r="B316" s="23">
        <v>0.6211111111115315</v>
      </c>
      <c r="C316" s="20">
        <v>2838.6244000000002</v>
      </c>
      <c r="D316" s="20">
        <v>7.5808833</v>
      </c>
      <c r="E316" s="20">
        <v>6.5073958999999997</v>
      </c>
      <c r="F316" s="20">
        <v>0</v>
      </c>
      <c r="G316" s="20">
        <v>-0.55145677000000004</v>
      </c>
      <c r="H316" s="20">
        <v>20.643177000000001</v>
      </c>
      <c r="I316" s="20">
        <v>0</v>
      </c>
      <c r="J316" s="20">
        <v>0</v>
      </c>
      <c r="K316" s="20">
        <v>0.20063529999999999</v>
      </c>
      <c r="L316" s="20">
        <v>1351.3973000000001</v>
      </c>
      <c r="M316" s="20">
        <v>26.409638000000001</v>
      </c>
      <c r="N316" s="20">
        <v>9.0649414999999998</v>
      </c>
      <c r="O316" s="20">
        <v>82.055279999999996</v>
      </c>
      <c r="P316" s="20">
        <v>29.396761999999999</v>
      </c>
      <c r="Q316" s="20">
        <f t="shared" si="8"/>
        <v>146.92662150000001</v>
      </c>
      <c r="R316" s="20">
        <v>390.35289</v>
      </c>
      <c r="S316" s="20">
        <v>14.088279</v>
      </c>
      <c r="T316" s="20">
        <v>30.877296000000001</v>
      </c>
      <c r="U316" s="20">
        <v>35.123528999999998</v>
      </c>
      <c r="V316" s="20">
        <v>4.6412287000000001</v>
      </c>
      <c r="X316" s="20">
        <f t="shared" si="9"/>
        <v>71.080595423522993</v>
      </c>
    </row>
    <row r="317" spans="2:24">
      <c r="B317" s="23">
        <v>0.62160879629664123</v>
      </c>
      <c r="C317" s="20">
        <v>2773.5027</v>
      </c>
      <c r="D317" s="20">
        <v>7.2549530000000004</v>
      </c>
      <c r="E317" s="20">
        <v>6.7773911</v>
      </c>
      <c r="F317" s="20">
        <v>0</v>
      </c>
      <c r="G317" s="20">
        <v>-0.55514832000000003</v>
      </c>
      <c r="H317" s="20">
        <v>19.857236</v>
      </c>
      <c r="I317" s="20">
        <v>0</v>
      </c>
      <c r="J317" s="20">
        <v>0</v>
      </c>
      <c r="K317" s="20">
        <v>0.18813870999999999</v>
      </c>
      <c r="L317" s="20">
        <v>1299.7313999999999</v>
      </c>
      <c r="M317" s="20">
        <v>26.387892999999998</v>
      </c>
      <c r="N317" s="20">
        <v>9.3910458000000006</v>
      </c>
      <c r="O317" s="20">
        <v>79.771349000000001</v>
      </c>
      <c r="P317" s="20">
        <v>28.443211999999999</v>
      </c>
      <c r="Q317" s="20">
        <f t="shared" si="8"/>
        <v>143.9934998</v>
      </c>
      <c r="R317" s="20">
        <v>375.96307000000002</v>
      </c>
      <c r="S317" s="20">
        <v>14.032344</v>
      </c>
      <c r="T317" s="20">
        <v>30.676743999999999</v>
      </c>
      <c r="U317" s="20">
        <v>34.872957</v>
      </c>
      <c r="V317" s="20">
        <v>4.4500700000000002</v>
      </c>
      <c r="X317" s="20">
        <f t="shared" si="9"/>
        <v>70.426249251428999</v>
      </c>
    </row>
    <row r="318" spans="2:24">
      <c r="B318" s="23">
        <v>0.62210648148175096</v>
      </c>
      <c r="C318" s="20">
        <v>2677.0805</v>
      </c>
      <c r="D318" s="20">
        <v>7.4209420000000001</v>
      </c>
      <c r="E318" s="20">
        <v>6.6234438999999998</v>
      </c>
      <c r="F318" s="20">
        <v>0</v>
      </c>
      <c r="G318" s="20">
        <v>-0.53800389999999998</v>
      </c>
      <c r="H318" s="20">
        <v>19.21998</v>
      </c>
      <c r="I318" s="20">
        <v>0</v>
      </c>
      <c r="J318" s="20">
        <v>0</v>
      </c>
      <c r="K318" s="20">
        <v>0.19292530999999999</v>
      </c>
      <c r="L318" s="20">
        <v>1252.2965999999999</v>
      </c>
      <c r="M318" s="20">
        <v>28.176072999999999</v>
      </c>
      <c r="N318" s="20">
        <v>9.0716514000000004</v>
      </c>
      <c r="O318" s="20">
        <v>76.842617000000004</v>
      </c>
      <c r="P318" s="20">
        <v>27.402211999999999</v>
      </c>
      <c r="Q318" s="20">
        <f t="shared" si="8"/>
        <v>141.49255339999999</v>
      </c>
      <c r="R318" s="20">
        <v>358.38137999999998</v>
      </c>
      <c r="S318" s="20">
        <v>14.044385999999999</v>
      </c>
      <c r="T318" s="20">
        <v>30.563320000000001</v>
      </c>
      <c r="U318" s="20">
        <v>34.352175000000003</v>
      </c>
      <c r="V318" s="20">
        <v>4.4797254000000004</v>
      </c>
      <c r="X318" s="20">
        <f t="shared" si="9"/>
        <v>69.807003732671021</v>
      </c>
    </row>
    <row r="319" spans="2:24">
      <c r="B319" s="23">
        <v>0.62260416666686069</v>
      </c>
      <c r="C319" s="20">
        <v>2645.0046000000002</v>
      </c>
      <c r="D319" s="20">
        <v>8.1978334999999998</v>
      </c>
      <c r="E319" s="20">
        <v>6.0793664999999999</v>
      </c>
      <c r="F319" s="20">
        <v>0</v>
      </c>
      <c r="G319" s="20">
        <v>-0.61746725999999996</v>
      </c>
      <c r="H319" s="20">
        <v>18.988835000000002</v>
      </c>
      <c r="I319" s="20">
        <v>0</v>
      </c>
      <c r="J319" s="20">
        <v>0</v>
      </c>
      <c r="K319" s="20">
        <v>0.14296780000000001</v>
      </c>
      <c r="L319" s="20">
        <v>1260.0462</v>
      </c>
      <c r="M319" s="20">
        <v>29.857261999999999</v>
      </c>
      <c r="N319" s="20">
        <v>8.3501598999999995</v>
      </c>
      <c r="O319" s="20">
        <v>76.447911000000005</v>
      </c>
      <c r="P319" s="20">
        <v>27.216712000000001</v>
      </c>
      <c r="Q319" s="20">
        <f t="shared" si="8"/>
        <v>141.87204489999999</v>
      </c>
      <c r="R319" s="20">
        <v>358.42133999999999</v>
      </c>
      <c r="S319" s="20">
        <v>14.277200000000001</v>
      </c>
      <c r="T319" s="20">
        <v>30.556415999999999</v>
      </c>
      <c r="U319" s="20">
        <v>34.293768</v>
      </c>
      <c r="V319" s="20">
        <v>4.5475675000000004</v>
      </c>
      <c r="X319" s="20">
        <f t="shared" si="9"/>
        <v>69.807150658043994</v>
      </c>
    </row>
    <row r="320" spans="2:24">
      <c r="B320" s="23">
        <v>0.62311342592875008</v>
      </c>
      <c r="C320" s="20">
        <v>2575.9629</v>
      </c>
      <c r="D320" s="20">
        <v>9.1857352999999993</v>
      </c>
      <c r="E320" s="20">
        <v>6.0543512000000002</v>
      </c>
      <c r="F320" s="20">
        <v>0</v>
      </c>
      <c r="G320" s="20">
        <v>-0.55512861999999996</v>
      </c>
      <c r="H320" s="20">
        <v>18.985806</v>
      </c>
      <c r="I320" s="20">
        <v>0</v>
      </c>
      <c r="J320" s="20">
        <v>0</v>
      </c>
      <c r="K320" s="20">
        <v>0.27129101999999999</v>
      </c>
      <c r="L320" s="20">
        <v>1236.8016</v>
      </c>
      <c r="M320" s="20">
        <v>27.439747000000001</v>
      </c>
      <c r="N320" s="20">
        <v>8.7237711000000004</v>
      </c>
      <c r="O320" s="20">
        <v>74.692919000000003</v>
      </c>
      <c r="P320" s="20">
        <v>26.803045999999998</v>
      </c>
      <c r="Q320" s="20">
        <f t="shared" si="8"/>
        <v>137.65948310000002</v>
      </c>
      <c r="R320" s="20">
        <v>352.50110000000001</v>
      </c>
      <c r="S320" s="20">
        <v>15.240086</v>
      </c>
      <c r="T320" s="20">
        <v>30.612708999999999</v>
      </c>
      <c r="U320" s="20">
        <v>34.459209000000001</v>
      </c>
      <c r="V320" s="20">
        <v>4.9778282999999997</v>
      </c>
      <c r="X320" s="20">
        <f t="shared" si="9"/>
        <v>70.449706912399989</v>
      </c>
    </row>
    <row r="321" spans="2:24">
      <c r="B321" s="23">
        <v>0.62361111111385981</v>
      </c>
      <c r="C321" s="20">
        <v>2513.5443</v>
      </c>
      <c r="D321" s="20">
        <v>9.9028237000000008</v>
      </c>
      <c r="E321" s="20">
        <v>6.5817264</v>
      </c>
      <c r="F321" s="20">
        <v>0</v>
      </c>
      <c r="G321" s="20">
        <v>-0.63858086999999997</v>
      </c>
      <c r="H321" s="20">
        <v>18.736723999999999</v>
      </c>
      <c r="I321" s="20">
        <v>0</v>
      </c>
      <c r="J321" s="20">
        <v>0</v>
      </c>
      <c r="K321" s="20">
        <v>0.21955674999999999</v>
      </c>
      <c r="L321" s="20">
        <v>1195.4491</v>
      </c>
      <c r="M321" s="20">
        <v>26.107700000000001</v>
      </c>
      <c r="N321" s="20">
        <v>8.4422754999999992</v>
      </c>
      <c r="O321" s="20">
        <v>71.646360000000001</v>
      </c>
      <c r="P321" s="20">
        <v>25.736499999999999</v>
      </c>
      <c r="Q321" s="20">
        <f t="shared" si="8"/>
        <v>131.93283550000001</v>
      </c>
      <c r="R321" s="20">
        <v>340.89859999999999</v>
      </c>
      <c r="S321" s="20">
        <v>16.484549999999999</v>
      </c>
      <c r="T321" s="20">
        <v>30.358377000000001</v>
      </c>
      <c r="U321" s="20">
        <v>34.612102999999998</v>
      </c>
      <c r="V321" s="20">
        <v>4.5475675000000004</v>
      </c>
      <c r="X321" s="20">
        <f t="shared" si="9"/>
        <v>69.907268803547993</v>
      </c>
    </row>
    <row r="322" spans="2:24">
      <c r="B322" s="23">
        <v>0.62414351852203254</v>
      </c>
      <c r="C322" s="20">
        <v>2472.2636000000002</v>
      </c>
      <c r="D322" s="20">
        <v>10.246665</v>
      </c>
      <c r="E322" s="20">
        <v>6.8512832000000001</v>
      </c>
      <c r="F322" s="20">
        <v>0</v>
      </c>
      <c r="G322" s="20">
        <v>-0.56979011000000002</v>
      </c>
      <c r="H322" s="20">
        <v>18.450869000000001</v>
      </c>
      <c r="I322" s="20">
        <v>0</v>
      </c>
      <c r="J322" s="20">
        <v>0</v>
      </c>
      <c r="K322" s="20">
        <v>0.28485978000000001</v>
      </c>
      <c r="L322" s="20">
        <v>1168.8018</v>
      </c>
      <c r="M322" s="20">
        <v>25.467461</v>
      </c>
      <c r="N322" s="20">
        <v>9.1114128999999995</v>
      </c>
      <c r="O322" s="20">
        <v>69.924800000000005</v>
      </c>
      <c r="P322" s="20">
        <v>25.032257999999999</v>
      </c>
      <c r="Q322" s="20">
        <f t="shared" si="8"/>
        <v>129.53593189999998</v>
      </c>
      <c r="R322" s="20">
        <v>331.79707999999999</v>
      </c>
      <c r="S322" s="20">
        <v>17.097949</v>
      </c>
      <c r="T322" s="20">
        <v>30.258004</v>
      </c>
      <c r="U322" s="20">
        <v>34.446863999999998</v>
      </c>
      <c r="V322" s="20">
        <v>4.5998929000000004</v>
      </c>
      <c r="X322" s="20">
        <f t="shared" si="9"/>
        <v>69.687057216777006</v>
      </c>
    </row>
    <row r="323" spans="2:24">
      <c r="B323" s="23">
        <v>0.62464120370714227</v>
      </c>
      <c r="C323" s="20">
        <v>2463.9757</v>
      </c>
      <c r="D323" s="20">
        <v>9.9803633999999999</v>
      </c>
      <c r="E323" s="20">
        <v>6.8395665000000001</v>
      </c>
      <c r="F323" s="20">
        <v>0</v>
      </c>
      <c r="G323" s="20">
        <v>-0.57157298000000001</v>
      </c>
      <c r="H323" s="20">
        <v>18.672259</v>
      </c>
      <c r="I323" s="20">
        <v>0</v>
      </c>
      <c r="J323" s="20">
        <v>0</v>
      </c>
      <c r="K323" s="20">
        <v>0.19715872000000001</v>
      </c>
      <c r="L323" s="20">
        <v>1133.3988999999999</v>
      </c>
      <c r="M323" s="20">
        <v>25.707048</v>
      </c>
      <c r="N323" s="20">
        <v>9.0966199999999997</v>
      </c>
      <c r="O323" s="20">
        <v>68.126659000000004</v>
      </c>
      <c r="P323" s="20">
        <v>24.798672</v>
      </c>
      <c r="Q323" s="20">
        <f t="shared" si="8"/>
        <v>127.728999</v>
      </c>
      <c r="R323" s="20">
        <v>322.91217999999998</v>
      </c>
      <c r="S323" s="20">
        <v>16.819929999999999</v>
      </c>
      <c r="T323" s="20">
        <v>30.066534000000001</v>
      </c>
      <c r="U323" s="20">
        <v>34.158712000000001</v>
      </c>
      <c r="V323" s="20">
        <v>4.6412287000000001</v>
      </c>
      <c r="X323" s="20">
        <f t="shared" si="9"/>
        <v>69.244178830363992</v>
      </c>
    </row>
    <row r="324" spans="2:24">
      <c r="B324" s="23">
        <v>0.62517361110803904</v>
      </c>
      <c r="C324" s="20">
        <v>2413.1078000000002</v>
      </c>
      <c r="D324" s="20">
        <v>9.3003312000000005</v>
      </c>
      <c r="E324" s="20">
        <v>6.7869241000000002</v>
      </c>
      <c r="F324" s="20">
        <v>0</v>
      </c>
      <c r="G324" s="20">
        <v>-0.61330879000000005</v>
      </c>
      <c r="H324" s="20">
        <v>18.793209000000001</v>
      </c>
      <c r="I324" s="20">
        <v>0</v>
      </c>
      <c r="J324" s="20">
        <v>0</v>
      </c>
      <c r="K324" s="20">
        <v>0.25488249000000002</v>
      </c>
      <c r="L324" s="20">
        <v>1086.7896000000001</v>
      </c>
      <c r="M324" s="20">
        <v>23.686834000000001</v>
      </c>
      <c r="N324" s="20">
        <v>9.2746256000000002</v>
      </c>
      <c r="O324" s="20">
        <v>66.104354000000001</v>
      </c>
      <c r="P324" s="20">
        <v>24.283701000000001</v>
      </c>
      <c r="Q324" s="20">
        <f t="shared" si="8"/>
        <v>123.34951459999999</v>
      </c>
      <c r="R324" s="20">
        <v>311.67657000000003</v>
      </c>
      <c r="S324" s="20">
        <v>16.087254999999999</v>
      </c>
      <c r="T324" s="20">
        <v>29.876984</v>
      </c>
      <c r="U324" s="20">
        <v>34.326141999999997</v>
      </c>
      <c r="V324" s="20">
        <v>4.6826340000000002</v>
      </c>
      <c r="X324" s="20">
        <f t="shared" si="9"/>
        <v>69.253145620760009</v>
      </c>
    </row>
    <row r="325" spans="2:24">
      <c r="B325" s="23">
        <v>0.62567129629314877</v>
      </c>
      <c r="C325" s="20">
        <v>2375.3258999999998</v>
      </c>
      <c r="D325" s="20">
        <v>8.9583095999999998</v>
      </c>
      <c r="E325" s="20">
        <v>7.1152164000000004</v>
      </c>
      <c r="F325" s="20">
        <v>0</v>
      </c>
      <c r="G325" s="20">
        <v>-0.56071260999999994</v>
      </c>
      <c r="H325" s="20">
        <v>18.836103000000001</v>
      </c>
      <c r="I325" s="20">
        <v>0</v>
      </c>
      <c r="J325" s="20">
        <v>0</v>
      </c>
      <c r="K325" s="20">
        <v>0.25478262000000002</v>
      </c>
      <c r="L325" s="20">
        <v>1067.375</v>
      </c>
      <c r="M325" s="20">
        <v>24.232104</v>
      </c>
      <c r="N325" s="20">
        <v>8.8413299999999992</v>
      </c>
      <c r="O325" s="20">
        <v>65.063297000000006</v>
      </c>
      <c r="P325" s="20">
        <v>24.206371000000001</v>
      </c>
      <c r="Q325" s="20">
        <f t="shared" si="8"/>
        <v>122.343102</v>
      </c>
      <c r="R325" s="20">
        <v>305.40523000000002</v>
      </c>
      <c r="S325" s="20">
        <v>16.073526000000001</v>
      </c>
      <c r="T325" s="20">
        <v>29.704115999999999</v>
      </c>
      <c r="U325" s="20">
        <v>34.489550999999999</v>
      </c>
      <c r="V325" s="20">
        <v>4.6774502</v>
      </c>
      <c r="X325" s="20">
        <f t="shared" si="9"/>
        <v>69.232689322701006</v>
      </c>
    </row>
    <row r="326" spans="2:24">
      <c r="B326" s="23">
        <v>0.6261689814782585</v>
      </c>
      <c r="C326" s="20">
        <v>2349.4121</v>
      </c>
      <c r="D326" s="20">
        <v>8.8549593000000009</v>
      </c>
      <c r="E326" s="20">
        <v>7.2166924000000003</v>
      </c>
      <c r="F326" s="20">
        <v>0</v>
      </c>
      <c r="G326" s="20">
        <v>-0.62416006999999996</v>
      </c>
      <c r="H326" s="20">
        <v>18.605378999999999</v>
      </c>
      <c r="I326" s="20">
        <v>0</v>
      </c>
      <c r="J326" s="20">
        <v>0</v>
      </c>
      <c r="K326" s="20">
        <v>0.30564011000000002</v>
      </c>
      <c r="L326" s="20">
        <v>1086.3486</v>
      </c>
      <c r="M326" s="20">
        <v>26.586452999999999</v>
      </c>
      <c r="N326" s="20">
        <v>8.6080012999999997</v>
      </c>
      <c r="O326" s="20">
        <v>64.836150000000004</v>
      </c>
      <c r="P326" s="20">
        <v>24.310064000000001</v>
      </c>
      <c r="Q326" s="20">
        <f t="shared" si="8"/>
        <v>124.34066829999999</v>
      </c>
      <c r="R326" s="20">
        <v>305.82672000000002</v>
      </c>
      <c r="S326" s="20">
        <v>16.071652</v>
      </c>
      <c r="T326" s="20">
        <v>29.686585999999998</v>
      </c>
      <c r="U326" s="20">
        <v>34.485643000000003</v>
      </c>
      <c r="V326" s="20">
        <v>4.6463723999999997</v>
      </c>
      <c r="X326" s="20">
        <f t="shared" si="9"/>
        <v>69.179654553104001</v>
      </c>
    </row>
    <row r="327" spans="2:24">
      <c r="B327" s="23">
        <v>0.62667824074014788</v>
      </c>
      <c r="C327" s="20">
        <v>2369.6779000000001</v>
      </c>
      <c r="D327" s="20">
        <v>9.0531568</v>
      </c>
      <c r="E327" s="20">
        <v>6.8467446000000001</v>
      </c>
      <c r="F327" s="20">
        <v>0</v>
      </c>
      <c r="G327" s="20">
        <v>-0.51173776999999998</v>
      </c>
      <c r="H327" s="20">
        <v>18.546661</v>
      </c>
      <c r="I327" s="20">
        <v>0</v>
      </c>
      <c r="J327" s="20">
        <v>0</v>
      </c>
      <c r="K327" s="20">
        <v>0.29258169000000001</v>
      </c>
      <c r="L327" s="20">
        <v>1131.3458000000001</v>
      </c>
      <c r="M327" s="20">
        <v>28.389455000000002</v>
      </c>
      <c r="N327" s="20">
        <v>8.1567405999999991</v>
      </c>
      <c r="O327" s="20">
        <v>66.818690000000004</v>
      </c>
      <c r="P327" s="20">
        <v>25.192761999999998</v>
      </c>
      <c r="Q327" s="20">
        <f t="shared" si="8"/>
        <v>128.5576476</v>
      </c>
      <c r="R327" s="20">
        <v>318.34068000000002</v>
      </c>
      <c r="S327" s="20">
        <v>15.899901</v>
      </c>
      <c r="T327" s="20">
        <v>29.731424000000001</v>
      </c>
      <c r="U327" s="20">
        <v>34.191175000000001</v>
      </c>
      <c r="V327" s="20">
        <v>4.5687524000000002</v>
      </c>
      <c r="X327" s="20">
        <f t="shared" si="9"/>
        <v>68.859322265491997</v>
      </c>
    </row>
    <row r="328" spans="2:24">
      <c r="B328" s="23">
        <v>0.62717592592525762</v>
      </c>
      <c r="C328" s="20">
        <v>2367.2357000000002</v>
      </c>
      <c r="D328" s="20">
        <v>9.4078925000000009</v>
      </c>
      <c r="E328" s="20">
        <v>6.4004751999999998</v>
      </c>
      <c r="F328" s="20">
        <v>0</v>
      </c>
      <c r="G328" s="20">
        <v>-0.64057761999999996</v>
      </c>
      <c r="H328" s="20">
        <v>18.645810999999998</v>
      </c>
      <c r="I328" s="20">
        <v>0</v>
      </c>
      <c r="J328" s="20">
        <v>0</v>
      </c>
      <c r="K328" s="20">
        <v>0.26388490999999997</v>
      </c>
      <c r="L328" s="20">
        <v>1123.8076000000001</v>
      </c>
      <c r="M328" s="20">
        <v>26.779768000000001</v>
      </c>
      <c r="N328" s="20">
        <v>8.2817600999999996</v>
      </c>
      <c r="O328" s="20">
        <v>66.309675999999996</v>
      </c>
      <c r="P328" s="20">
        <v>25.186057999999999</v>
      </c>
      <c r="Q328" s="20">
        <f t="shared" ref="Q328:Q391" si="10">M328+N328+O328+P328</f>
        <v>126.5572621</v>
      </c>
      <c r="R328" s="20">
        <v>318.47498000000002</v>
      </c>
      <c r="S328" s="20">
        <v>15.808368</v>
      </c>
      <c r="T328" s="20">
        <v>29.870099</v>
      </c>
      <c r="U328" s="20">
        <v>33.948718999999997</v>
      </c>
      <c r="V328" s="20">
        <v>4.5738158000000002</v>
      </c>
      <c r="X328" s="20">
        <f t="shared" ref="X328:X391" si="11">(SUM(C328:S328)-Q328-R328)/10000+SUM(T328:V328)</f>
        <v>68.759382441608992</v>
      </c>
    </row>
    <row r="329" spans="2:24">
      <c r="B329" s="23">
        <v>0.62767361111036735</v>
      </c>
      <c r="C329" s="20">
        <v>2385.3607000000002</v>
      </c>
      <c r="D329" s="20">
        <v>9.6673025999999993</v>
      </c>
      <c r="E329" s="20">
        <v>6.2382670999999998</v>
      </c>
      <c r="F329" s="20">
        <v>0</v>
      </c>
      <c r="G329" s="20">
        <v>-0.58817867999999995</v>
      </c>
      <c r="H329" s="20">
        <v>18.586682</v>
      </c>
      <c r="I329" s="20">
        <v>0</v>
      </c>
      <c r="J329" s="20">
        <v>0</v>
      </c>
      <c r="K329" s="20">
        <v>0.17792390999999999</v>
      </c>
      <c r="L329" s="20">
        <v>1118.4291000000001</v>
      </c>
      <c r="M329" s="20">
        <v>25.724374000000001</v>
      </c>
      <c r="N329" s="20">
        <v>8.0723202000000001</v>
      </c>
      <c r="O329" s="20">
        <v>66.562392000000003</v>
      </c>
      <c r="P329" s="20">
        <v>25.401496999999999</v>
      </c>
      <c r="Q329" s="20">
        <f t="shared" si="10"/>
        <v>125.76058320000001</v>
      </c>
      <c r="R329" s="20">
        <v>317.98917999999998</v>
      </c>
      <c r="S329" s="20">
        <v>15.905570000000001</v>
      </c>
      <c r="T329" s="20">
        <v>29.840437999999999</v>
      </c>
      <c r="U329" s="20">
        <v>33.933346</v>
      </c>
      <c r="V329" s="20">
        <v>4.5788788</v>
      </c>
      <c r="X329" s="20">
        <f t="shared" si="11"/>
        <v>68.720616595012999</v>
      </c>
    </row>
    <row r="330" spans="2:24">
      <c r="B330" s="23">
        <v>0.62817129629547708</v>
      </c>
      <c r="C330" s="20">
        <v>2372.9908999999998</v>
      </c>
      <c r="D330" s="20">
        <v>9.6067280999999998</v>
      </c>
      <c r="E330" s="20">
        <v>6.4071958999999996</v>
      </c>
      <c r="F330" s="20">
        <v>0</v>
      </c>
      <c r="G330" s="20">
        <v>-0.56088521000000002</v>
      </c>
      <c r="H330" s="20">
        <v>18.664118999999999</v>
      </c>
      <c r="I330" s="20">
        <v>0</v>
      </c>
      <c r="J330" s="20">
        <v>0</v>
      </c>
      <c r="K330" s="20">
        <v>0.17761236999999999</v>
      </c>
      <c r="L330" s="20">
        <v>1081.4612999999999</v>
      </c>
      <c r="M330" s="20">
        <v>17.01389</v>
      </c>
      <c r="N330" s="20">
        <v>7.9672811000000001</v>
      </c>
      <c r="O330" s="20">
        <v>65.30677</v>
      </c>
      <c r="P330" s="20">
        <v>25.424026000000001</v>
      </c>
      <c r="Q330" s="20">
        <f t="shared" si="10"/>
        <v>115.7119671</v>
      </c>
      <c r="R330" s="20">
        <v>308.76715000000002</v>
      </c>
      <c r="S330" s="20">
        <v>16.013923999999999</v>
      </c>
      <c r="T330" s="20">
        <v>29.743039</v>
      </c>
      <c r="U330" s="20">
        <v>33.812308000000002</v>
      </c>
      <c r="V330" s="20">
        <v>4.5998929000000004</v>
      </c>
      <c r="X330" s="20">
        <f t="shared" si="11"/>
        <v>68.517287186125998</v>
      </c>
    </row>
    <row r="331" spans="2:24">
      <c r="B331" s="23">
        <v>0.62866898148058681</v>
      </c>
      <c r="C331" s="20">
        <v>2328.8056000000001</v>
      </c>
      <c r="D331" s="20">
        <v>9.3122311</v>
      </c>
      <c r="E331" s="20">
        <v>6.7405892999999999</v>
      </c>
      <c r="F331" s="20">
        <v>0</v>
      </c>
      <c r="G331" s="20">
        <v>-0.65700579999999997</v>
      </c>
      <c r="H331" s="20">
        <v>18.573034</v>
      </c>
      <c r="I331" s="20">
        <v>0</v>
      </c>
      <c r="J331" s="20">
        <v>0</v>
      </c>
      <c r="K331" s="20">
        <v>0.17805804</v>
      </c>
      <c r="L331" s="20">
        <v>1032.0263</v>
      </c>
      <c r="M331" s="20">
        <v>8.7195079</v>
      </c>
      <c r="N331" s="20">
        <v>7.7352939999999997</v>
      </c>
      <c r="O331" s="20">
        <v>63.353653999999999</v>
      </c>
      <c r="P331" s="20">
        <v>25.248836000000001</v>
      </c>
      <c r="Q331" s="20">
        <f t="shared" si="10"/>
        <v>105.0572919</v>
      </c>
      <c r="R331" s="20">
        <v>296.65143</v>
      </c>
      <c r="S331" s="20">
        <v>16.052820000000001</v>
      </c>
      <c r="T331" s="20">
        <v>29.560987000000001</v>
      </c>
      <c r="U331" s="20">
        <v>34.001801</v>
      </c>
      <c r="V331" s="20">
        <v>4.5788788</v>
      </c>
      <c r="X331" s="20">
        <f t="shared" si="11"/>
        <v>68.493275691853995</v>
      </c>
    </row>
    <row r="332" spans="2:24">
      <c r="B332" s="23">
        <v>0.62916666666569654</v>
      </c>
      <c r="C332" s="20">
        <v>2211.5012000000002</v>
      </c>
      <c r="D332" s="20">
        <v>9.0618634</v>
      </c>
      <c r="E332" s="20">
        <v>7.1574818999999996</v>
      </c>
      <c r="F332" s="20">
        <v>0</v>
      </c>
      <c r="G332" s="20">
        <v>-0.61051948</v>
      </c>
      <c r="H332" s="20">
        <v>18.206084000000001</v>
      </c>
      <c r="I332" s="20">
        <v>0</v>
      </c>
      <c r="J332" s="20">
        <v>0</v>
      </c>
      <c r="K332" s="20">
        <v>0.25358866000000002</v>
      </c>
      <c r="L332" s="20">
        <v>967.56403</v>
      </c>
      <c r="M332" s="20">
        <v>0.35472366</v>
      </c>
      <c r="N332" s="20">
        <v>8.0233465000000006</v>
      </c>
      <c r="O332" s="20">
        <v>60.026311999999997</v>
      </c>
      <c r="P332" s="20">
        <v>24.460443999999999</v>
      </c>
      <c r="Q332" s="20">
        <f t="shared" si="10"/>
        <v>92.864826159999993</v>
      </c>
      <c r="R332" s="20">
        <v>280.68648000000002</v>
      </c>
      <c r="S332" s="20">
        <v>16.219345000000001</v>
      </c>
      <c r="T332" s="20">
        <v>29.347135999999999</v>
      </c>
      <c r="U332" s="20">
        <v>33.980583000000003</v>
      </c>
      <c r="V332" s="20">
        <v>4.6670828000000002</v>
      </c>
      <c r="X332" s="20">
        <f t="shared" si="11"/>
        <v>68.327023589964</v>
      </c>
    </row>
    <row r="333" spans="2:24">
      <c r="B333" s="23">
        <v>0.62966435185080627</v>
      </c>
      <c r="C333" s="20">
        <v>2160.08</v>
      </c>
      <c r="D333" s="20">
        <v>9.3051639999999995</v>
      </c>
      <c r="E333" s="20">
        <v>7.5686289999999996</v>
      </c>
      <c r="F333" s="20">
        <v>0</v>
      </c>
      <c r="G333" s="20">
        <v>-0.61103421999999996</v>
      </c>
      <c r="H333" s="20">
        <v>17.838346000000001</v>
      </c>
      <c r="I333" s="20">
        <v>0</v>
      </c>
      <c r="J333" s="20">
        <v>0</v>
      </c>
      <c r="K333" s="20">
        <v>0.31325561000000002</v>
      </c>
      <c r="L333" s="20">
        <v>965.24346000000003</v>
      </c>
      <c r="M333" s="20">
        <v>0.28227920000000001</v>
      </c>
      <c r="N333" s="20">
        <v>8.7592418999999992</v>
      </c>
      <c r="O333" s="20">
        <v>58.881481000000001</v>
      </c>
      <c r="P333" s="20">
        <v>24.062868999999999</v>
      </c>
      <c r="Q333" s="20">
        <f t="shared" si="10"/>
        <v>91.985871099999997</v>
      </c>
      <c r="R333" s="20">
        <v>279.75974000000002</v>
      </c>
      <c r="S333" s="20">
        <v>16.873792999999999</v>
      </c>
      <c r="T333" s="20">
        <v>29.508330999999998</v>
      </c>
      <c r="U333" s="20">
        <v>34.131022999999999</v>
      </c>
      <c r="V333" s="20">
        <v>4.6254090999999997</v>
      </c>
      <c r="X333" s="20">
        <f t="shared" si="11"/>
        <v>68.591622848448992</v>
      </c>
    </row>
    <row r="334" spans="2:24">
      <c r="B334" s="23">
        <v>0.63017361111269565</v>
      </c>
      <c r="C334" s="20">
        <v>2098.7997999999998</v>
      </c>
      <c r="D334" s="20">
        <v>10.177507</v>
      </c>
      <c r="E334" s="20">
        <v>7.7267222999999996</v>
      </c>
      <c r="F334" s="20">
        <v>0</v>
      </c>
      <c r="G334" s="20">
        <v>-0.65086520000000003</v>
      </c>
      <c r="H334" s="20">
        <v>17.550090000000001</v>
      </c>
      <c r="I334" s="20">
        <v>0</v>
      </c>
      <c r="J334" s="20">
        <v>0</v>
      </c>
      <c r="K334" s="20">
        <v>0.42057586000000002</v>
      </c>
      <c r="L334" s="20">
        <v>939.62937999999997</v>
      </c>
      <c r="M334" s="20">
        <v>0.24144948999999999</v>
      </c>
      <c r="N334" s="20">
        <v>8.6863630000000001</v>
      </c>
      <c r="O334" s="20">
        <v>56.887179000000003</v>
      </c>
      <c r="P334" s="20">
        <v>23.161169000000001</v>
      </c>
      <c r="Q334" s="20">
        <f t="shared" si="10"/>
        <v>88.976160490000012</v>
      </c>
      <c r="R334" s="20">
        <v>272.09145999999998</v>
      </c>
      <c r="S334" s="20">
        <v>17.904229000000001</v>
      </c>
      <c r="T334" s="20">
        <v>29.382535000000001</v>
      </c>
      <c r="U334" s="20">
        <v>33.816744999999997</v>
      </c>
      <c r="V334" s="20">
        <v>4.7084377999999996</v>
      </c>
      <c r="X334" s="20">
        <f t="shared" si="11"/>
        <v>68.225771159944998</v>
      </c>
    </row>
    <row r="335" spans="2:24">
      <c r="B335" s="23">
        <v>0.63067129629780538</v>
      </c>
      <c r="C335" s="20">
        <v>2108.5216</v>
      </c>
      <c r="D335" s="20">
        <v>11.193676999999999</v>
      </c>
      <c r="E335" s="20">
        <v>7.5590823</v>
      </c>
      <c r="F335" s="20">
        <v>0</v>
      </c>
      <c r="G335" s="20">
        <v>-0.67574577999999996</v>
      </c>
      <c r="H335" s="20">
        <v>17.635501000000001</v>
      </c>
      <c r="I335" s="20">
        <v>0</v>
      </c>
      <c r="J335" s="20">
        <v>0</v>
      </c>
      <c r="K335" s="20">
        <v>0.33178180000000002</v>
      </c>
      <c r="L335" s="20">
        <v>954.22406000000001</v>
      </c>
      <c r="M335" s="20">
        <v>6.9539425000000001</v>
      </c>
      <c r="N335" s="20">
        <v>8.7916404999999997</v>
      </c>
      <c r="O335" s="20">
        <v>57.845016000000001</v>
      </c>
      <c r="P335" s="20">
        <v>22.898395000000001</v>
      </c>
      <c r="Q335" s="20">
        <f t="shared" si="10"/>
        <v>96.488993999999991</v>
      </c>
      <c r="R335" s="20">
        <v>276.00153</v>
      </c>
      <c r="S335" s="20">
        <v>18.752759000000001</v>
      </c>
      <c r="T335" s="20">
        <v>29.536621</v>
      </c>
      <c r="U335" s="20">
        <v>33.736496000000002</v>
      </c>
      <c r="V335" s="20">
        <v>4.7498605999999999</v>
      </c>
      <c r="X335" s="20">
        <f t="shared" si="11"/>
        <v>68.344380770932005</v>
      </c>
    </row>
    <row r="336" spans="2:24">
      <c r="B336" s="23">
        <v>0.63116898148291511</v>
      </c>
      <c r="C336" s="20">
        <v>2041.5105000000001</v>
      </c>
      <c r="D336" s="20">
        <v>11.041842000000001</v>
      </c>
      <c r="E336" s="20">
        <v>7.6390402000000002</v>
      </c>
      <c r="F336" s="20">
        <v>0</v>
      </c>
      <c r="G336" s="20">
        <v>-0.61752335999999997</v>
      </c>
      <c r="H336" s="20">
        <v>17.624054999999998</v>
      </c>
      <c r="I336" s="20">
        <v>0</v>
      </c>
      <c r="J336" s="20">
        <v>0</v>
      </c>
      <c r="K336" s="20">
        <v>0.43991901</v>
      </c>
      <c r="L336" s="20">
        <v>913.39840000000004</v>
      </c>
      <c r="M336" s="20">
        <v>6.8025070000000003</v>
      </c>
      <c r="N336" s="20">
        <v>8.6323162</v>
      </c>
      <c r="O336" s="20">
        <v>56.573619999999998</v>
      </c>
      <c r="P336" s="20">
        <v>22.169951000000001</v>
      </c>
      <c r="Q336" s="20">
        <f t="shared" si="10"/>
        <v>94.1783942</v>
      </c>
      <c r="R336" s="20">
        <v>265.95217000000002</v>
      </c>
      <c r="S336" s="20">
        <v>18.680883000000001</v>
      </c>
      <c r="T336" s="20">
        <v>29.319223000000001</v>
      </c>
      <c r="U336" s="20">
        <v>33.634926999999998</v>
      </c>
      <c r="V336" s="20">
        <v>4.6463723999999997</v>
      </c>
      <c r="X336" s="20">
        <f t="shared" si="11"/>
        <v>67.910911951005005</v>
      </c>
    </row>
    <row r="337" spans="2:24">
      <c r="B337" s="23">
        <v>0.63166666666802485</v>
      </c>
      <c r="C337" s="20">
        <v>1849.6585</v>
      </c>
      <c r="D337" s="20">
        <v>10.219844999999999</v>
      </c>
      <c r="E337" s="20">
        <v>8.2334796000000008</v>
      </c>
      <c r="F337" s="20">
        <v>0</v>
      </c>
      <c r="G337" s="20">
        <v>-0.74719287999999995</v>
      </c>
      <c r="H337" s="20">
        <v>17.136130999999999</v>
      </c>
      <c r="I337" s="20">
        <v>0</v>
      </c>
      <c r="J337" s="20">
        <v>0</v>
      </c>
      <c r="K337" s="20">
        <v>0.35428568999999999</v>
      </c>
      <c r="L337" s="20">
        <v>850.35789999999997</v>
      </c>
      <c r="M337" s="20">
        <v>6.7347489999999999</v>
      </c>
      <c r="N337" s="20">
        <v>8.7025185</v>
      </c>
      <c r="O337" s="20">
        <v>53.134400999999997</v>
      </c>
      <c r="P337" s="20">
        <v>20.980630000000001</v>
      </c>
      <c r="Q337" s="20">
        <f t="shared" si="10"/>
        <v>89.552298500000006</v>
      </c>
      <c r="R337" s="20">
        <v>248.96588</v>
      </c>
      <c r="S337" s="20">
        <v>18.453325</v>
      </c>
      <c r="T337" s="20">
        <v>29.039474999999999</v>
      </c>
      <c r="U337" s="20">
        <v>33.801321000000002</v>
      </c>
      <c r="V337" s="20">
        <v>5.4355225999999996</v>
      </c>
      <c r="X337" s="20">
        <f t="shared" si="11"/>
        <v>68.560640457190999</v>
      </c>
    </row>
    <row r="338" spans="2:24">
      <c r="B338" s="23">
        <v>0.63217592592263827</v>
      </c>
      <c r="C338" s="20">
        <v>1502.8200999999999</v>
      </c>
      <c r="D338" s="20">
        <v>9.3766677000000005</v>
      </c>
      <c r="E338" s="20">
        <v>9.0058591999999997</v>
      </c>
      <c r="F338" s="20">
        <v>0</v>
      </c>
      <c r="G338" s="20">
        <v>-0.69823327000000002</v>
      </c>
      <c r="H338" s="20">
        <v>16.253549</v>
      </c>
      <c r="I338" s="20">
        <v>0</v>
      </c>
      <c r="J338" s="20">
        <v>0</v>
      </c>
      <c r="K338" s="20">
        <v>0.46568408</v>
      </c>
      <c r="L338" s="20">
        <v>677.77319999999997</v>
      </c>
      <c r="M338" s="20">
        <v>0</v>
      </c>
      <c r="N338" s="20">
        <v>7.4715921999999999</v>
      </c>
      <c r="O338" s="20">
        <v>43.036906999999999</v>
      </c>
      <c r="P338" s="20">
        <v>17.964077</v>
      </c>
      <c r="Q338" s="20">
        <f t="shared" si="10"/>
        <v>68.472576200000006</v>
      </c>
      <c r="R338" s="20">
        <v>199.89408</v>
      </c>
      <c r="S338" s="20">
        <v>18.382527</v>
      </c>
      <c r="T338" s="20">
        <v>28.231598999999999</v>
      </c>
      <c r="U338" s="20">
        <v>33.872660000000003</v>
      </c>
      <c r="V338" s="20">
        <v>5.6871207000000004</v>
      </c>
      <c r="X338" s="20">
        <f t="shared" si="11"/>
        <v>68.021564892990995</v>
      </c>
    </row>
    <row r="339" spans="2:24">
      <c r="B339" s="23">
        <v>0.632673611107748</v>
      </c>
      <c r="C339" s="20">
        <v>1206.2144000000001</v>
      </c>
      <c r="D339" s="20">
        <v>9.3829492000000005</v>
      </c>
      <c r="E339" s="20">
        <v>9.4529037000000002</v>
      </c>
      <c r="F339" s="20">
        <v>0</v>
      </c>
      <c r="G339" s="20">
        <v>-0.66746894000000001</v>
      </c>
      <c r="H339" s="20">
        <v>15.081356</v>
      </c>
      <c r="I339" s="20">
        <v>0</v>
      </c>
      <c r="J339" s="20">
        <v>0</v>
      </c>
      <c r="K339" s="20">
        <v>0.31547356999999998</v>
      </c>
      <c r="L339" s="20">
        <v>522.97825999999998</v>
      </c>
      <c r="M339" s="20">
        <v>0</v>
      </c>
      <c r="N339" s="20">
        <v>6.2375860999999997</v>
      </c>
      <c r="O339" s="20">
        <v>34.132438</v>
      </c>
      <c r="P339" s="20">
        <v>14.994543999999999</v>
      </c>
      <c r="Q339" s="20">
        <f t="shared" si="10"/>
        <v>55.3645681</v>
      </c>
      <c r="R339" s="20">
        <v>154.75587999999999</v>
      </c>
      <c r="S339" s="20">
        <v>18.835853</v>
      </c>
      <c r="T339" s="20">
        <v>27.366949000000002</v>
      </c>
      <c r="U339" s="20">
        <v>33.707417999999997</v>
      </c>
      <c r="V339" s="20">
        <v>5.5013607000000002</v>
      </c>
      <c r="X339" s="20">
        <f t="shared" si="11"/>
        <v>66.759423529463007</v>
      </c>
    </row>
    <row r="340" spans="2:24">
      <c r="B340" s="23">
        <v>0.63317129629285773</v>
      </c>
      <c r="C340" s="20">
        <v>1213.5402999999999</v>
      </c>
      <c r="D340" s="20">
        <v>9.6179702999999996</v>
      </c>
      <c r="E340" s="20">
        <v>9.2482995999999993</v>
      </c>
      <c r="F340" s="20">
        <v>0</v>
      </c>
      <c r="G340" s="20">
        <v>-0.65529689000000002</v>
      </c>
      <c r="H340" s="20">
        <v>14.204126</v>
      </c>
      <c r="I340" s="20">
        <v>0</v>
      </c>
      <c r="J340" s="20">
        <v>0</v>
      </c>
      <c r="K340" s="20">
        <v>0.27964305</v>
      </c>
      <c r="L340" s="20">
        <v>515.74203999999997</v>
      </c>
      <c r="M340" s="20">
        <v>0</v>
      </c>
      <c r="N340" s="20">
        <v>5.7834532999999997</v>
      </c>
      <c r="O340" s="20">
        <v>33.72287</v>
      </c>
      <c r="P340" s="20">
        <v>14.460210999999999</v>
      </c>
      <c r="Q340" s="20">
        <f t="shared" si="10"/>
        <v>53.966534299999999</v>
      </c>
      <c r="R340" s="20">
        <v>151.41275999999999</v>
      </c>
      <c r="S340" s="20">
        <v>18.86627</v>
      </c>
      <c r="T340" s="20">
        <v>26.963889999999999</v>
      </c>
      <c r="U340" s="20">
        <v>33.70675</v>
      </c>
      <c r="V340" s="20">
        <v>4.9416168999999996</v>
      </c>
      <c r="X340" s="20">
        <f t="shared" si="11"/>
        <v>65.795737888636012</v>
      </c>
    </row>
    <row r="341" spans="2:24">
      <c r="B341" s="23">
        <v>0.63366898147796746</v>
      </c>
      <c r="C341" s="20">
        <v>1491.144</v>
      </c>
      <c r="D341" s="20">
        <v>9.4621010999999999</v>
      </c>
      <c r="E341" s="20">
        <v>8.5741274999999995</v>
      </c>
      <c r="F341" s="20">
        <v>0</v>
      </c>
      <c r="G341" s="20">
        <v>-0.63042063000000004</v>
      </c>
      <c r="H341" s="20">
        <v>14.208735000000001</v>
      </c>
      <c r="I341" s="20">
        <v>0</v>
      </c>
      <c r="J341" s="20">
        <v>0</v>
      </c>
      <c r="K341" s="20">
        <v>0.22183659999999999</v>
      </c>
      <c r="L341" s="20">
        <v>656.49519999999995</v>
      </c>
      <c r="M341" s="20">
        <v>0</v>
      </c>
      <c r="N341" s="20">
        <v>6.5290606999999996</v>
      </c>
      <c r="O341" s="20">
        <v>41.972456999999999</v>
      </c>
      <c r="P341" s="20">
        <v>16.832269</v>
      </c>
      <c r="Q341" s="20">
        <f t="shared" si="10"/>
        <v>65.333786700000005</v>
      </c>
      <c r="R341" s="20">
        <v>192.19211000000001</v>
      </c>
      <c r="S341" s="20">
        <v>18.036228999999999</v>
      </c>
      <c r="T341" s="20">
        <v>27.210674999999998</v>
      </c>
      <c r="U341" s="20">
        <v>33.452115999999997</v>
      </c>
      <c r="V341" s="20">
        <v>4.6463723999999997</v>
      </c>
      <c r="X341" s="20">
        <f t="shared" si="11"/>
        <v>65.535447959527005</v>
      </c>
    </row>
    <row r="342" spans="2:24">
      <c r="B342" s="23">
        <v>0.63417824073985685</v>
      </c>
      <c r="C342" s="20">
        <v>1792.8105</v>
      </c>
      <c r="D342" s="20">
        <v>9.0554093000000009</v>
      </c>
      <c r="E342" s="20">
        <v>7.7537178000000004</v>
      </c>
      <c r="F342" s="20">
        <v>0</v>
      </c>
      <c r="G342" s="20">
        <v>-0.56621825999999997</v>
      </c>
      <c r="H342" s="20">
        <v>14.891238</v>
      </c>
      <c r="I342" s="20">
        <v>0</v>
      </c>
      <c r="J342" s="20">
        <v>0</v>
      </c>
      <c r="K342" s="20">
        <v>0.21993562</v>
      </c>
      <c r="L342" s="20">
        <v>799.81020000000001</v>
      </c>
      <c r="M342" s="20">
        <v>0</v>
      </c>
      <c r="N342" s="20">
        <v>7.5469153999999996</v>
      </c>
      <c r="O342" s="20">
        <v>50.961497000000001</v>
      </c>
      <c r="P342" s="20">
        <v>19.802085000000002</v>
      </c>
      <c r="Q342" s="20">
        <f t="shared" si="10"/>
        <v>78.310497400000003</v>
      </c>
      <c r="R342" s="20">
        <v>233.4496</v>
      </c>
      <c r="S342" s="20">
        <v>16.809127</v>
      </c>
      <c r="T342" s="20">
        <v>27.52966</v>
      </c>
      <c r="U342" s="20">
        <v>33.235959000000001</v>
      </c>
      <c r="V342" s="20">
        <v>4.4812840999999999</v>
      </c>
      <c r="X342" s="20">
        <f t="shared" si="11"/>
        <v>65.518812540686</v>
      </c>
    </row>
    <row r="343" spans="2:24">
      <c r="B343" s="23">
        <v>0.63467592592496658</v>
      </c>
      <c r="C343" s="20">
        <v>1976.1412</v>
      </c>
      <c r="D343" s="20">
        <v>8.8379721</v>
      </c>
      <c r="E343" s="20">
        <v>7.3334387000000003</v>
      </c>
      <c r="F343" s="20">
        <v>0</v>
      </c>
      <c r="G343" s="20">
        <v>-0.67970193000000001</v>
      </c>
      <c r="H343" s="20">
        <v>15.795093</v>
      </c>
      <c r="I343" s="20">
        <v>0</v>
      </c>
      <c r="J343" s="20">
        <v>0</v>
      </c>
      <c r="K343" s="20">
        <v>0.25440341999999999</v>
      </c>
      <c r="L343" s="20">
        <v>877.64314999999999</v>
      </c>
      <c r="M343" s="20">
        <v>0</v>
      </c>
      <c r="N343" s="20">
        <v>8.2451541000000006</v>
      </c>
      <c r="O343" s="20">
        <v>55.389282999999999</v>
      </c>
      <c r="P343" s="20">
        <v>21.765713999999999</v>
      </c>
      <c r="Q343" s="20">
        <f t="shared" si="10"/>
        <v>85.400151100000002</v>
      </c>
      <c r="R343" s="20">
        <v>256.16635000000002</v>
      </c>
      <c r="S343" s="20">
        <v>16.171410999999999</v>
      </c>
      <c r="T343" s="20">
        <v>27.826447000000002</v>
      </c>
      <c r="U343" s="20">
        <v>32.806415000000001</v>
      </c>
      <c r="V343" s="20">
        <v>4.5839419000000001</v>
      </c>
      <c r="X343" s="20">
        <f t="shared" si="11"/>
        <v>65.515493611739004</v>
      </c>
    </row>
    <row r="344" spans="2:24">
      <c r="B344" s="23">
        <v>0.63517361111007631</v>
      </c>
      <c r="C344" s="20">
        <v>2087.1439999999998</v>
      </c>
      <c r="D344" s="20">
        <v>9.1682851000000003</v>
      </c>
      <c r="E344" s="20">
        <v>7.2679251000000002</v>
      </c>
      <c r="F344" s="20">
        <v>0</v>
      </c>
      <c r="G344" s="20">
        <v>-0.61439593999999997</v>
      </c>
      <c r="H344" s="20">
        <v>16.266791999999999</v>
      </c>
      <c r="I344" s="20">
        <v>0</v>
      </c>
      <c r="J344" s="20">
        <v>0</v>
      </c>
      <c r="K344" s="20">
        <v>0.22189476</v>
      </c>
      <c r="L344" s="20">
        <v>953.01211999999998</v>
      </c>
      <c r="M344" s="20">
        <v>0.45256598999999997</v>
      </c>
      <c r="N344" s="20">
        <v>8.3453358000000009</v>
      </c>
      <c r="O344" s="20">
        <v>60.181240000000003</v>
      </c>
      <c r="P344" s="20">
        <v>23.864118000000001</v>
      </c>
      <c r="Q344" s="20">
        <f t="shared" si="10"/>
        <v>92.843259790000005</v>
      </c>
      <c r="R344" s="20">
        <v>278.02409999999998</v>
      </c>
      <c r="S344" s="20">
        <v>16.436209999999999</v>
      </c>
      <c r="T344" s="20">
        <v>27.906970999999999</v>
      </c>
      <c r="U344" s="20">
        <v>32.591707999999997</v>
      </c>
      <c r="V344" s="20">
        <v>4.4138621999999996</v>
      </c>
      <c r="X344" s="20">
        <f t="shared" si="11"/>
        <v>65.230715809080991</v>
      </c>
    </row>
    <row r="345" spans="2:24">
      <c r="B345" s="23">
        <v>0.63567129629518604</v>
      </c>
      <c r="C345" s="20">
        <v>2141.3303999999998</v>
      </c>
      <c r="D345" s="20">
        <v>9.8330444000000004</v>
      </c>
      <c r="E345" s="20">
        <v>7.0484817</v>
      </c>
      <c r="F345" s="20">
        <v>0</v>
      </c>
      <c r="G345" s="20">
        <v>-0.53079058000000001</v>
      </c>
      <c r="H345" s="20">
        <v>16.772354</v>
      </c>
      <c r="I345" s="20">
        <v>0</v>
      </c>
      <c r="J345" s="20">
        <v>0</v>
      </c>
      <c r="K345" s="20">
        <v>0.34106077000000001</v>
      </c>
      <c r="L345" s="20">
        <v>992.46432000000004</v>
      </c>
      <c r="M345" s="20">
        <v>0.75137014000000002</v>
      </c>
      <c r="N345" s="20">
        <v>8.1241663000000006</v>
      </c>
      <c r="O345" s="20">
        <v>61.931485000000002</v>
      </c>
      <c r="P345" s="20">
        <v>24.968537000000001</v>
      </c>
      <c r="Q345" s="20">
        <f t="shared" si="10"/>
        <v>95.775558439999998</v>
      </c>
      <c r="R345" s="20">
        <v>289.07675</v>
      </c>
      <c r="S345" s="20">
        <v>16.881526000000001</v>
      </c>
      <c r="T345" s="20">
        <v>28.123645</v>
      </c>
      <c r="U345" s="20">
        <v>32.579954000000001</v>
      </c>
      <c r="V345" s="20">
        <v>4.4747832000000001</v>
      </c>
      <c r="X345" s="20">
        <f t="shared" si="11"/>
        <v>65.506373795472996</v>
      </c>
    </row>
    <row r="346" spans="2:24">
      <c r="B346" s="23">
        <v>0.63616898148029577</v>
      </c>
      <c r="C346" s="20">
        <v>2094.1282999999999</v>
      </c>
      <c r="D346" s="20">
        <v>10.364020999999999</v>
      </c>
      <c r="E346" s="20">
        <v>6.6300346000000001</v>
      </c>
      <c r="F346" s="20">
        <v>0</v>
      </c>
      <c r="G346" s="20">
        <v>-0.61081123000000004</v>
      </c>
      <c r="H346" s="20">
        <v>17.08276</v>
      </c>
      <c r="I346" s="20">
        <v>0</v>
      </c>
      <c r="J346" s="20">
        <v>0</v>
      </c>
      <c r="K346" s="20">
        <v>0.39027942999999998</v>
      </c>
      <c r="L346" s="20">
        <v>972.23022000000003</v>
      </c>
      <c r="M346" s="20">
        <v>0.71167740999999995</v>
      </c>
      <c r="N346" s="20">
        <v>7.8970874999999996</v>
      </c>
      <c r="O346" s="20">
        <v>60.998185999999997</v>
      </c>
      <c r="P346" s="20">
        <v>24.842331999999999</v>
      </c>
      <c r="Q346" s="20">
        <f t="shared" si="10"/>
        <v>94.449282909999994</v>
      </c>
      <c r="R346" s="20">
        <v>283.13681000000003</v>
      </c>
      <c r="S346" s="20">
        <v>16.994056</v>
      </c>
      <c r="T346" s="20">
        <v>27.981169999999999</v>
      </c>
      <c r="U346" s="20">
        <v>32.712955999999998</v>
      </c>
      <c r="V346" s="20">
        <v>4.4648981000000001</v>
      </c>
      <c r="X346" s="20">
        <f t="shared" si="11"/>
        <v>65.480189914270994</v>
      </c>
    </row>
    <row r="347" spans="2:24">
      <c r="B347" s="23">
        <v>0.6366666666654055</v>
      </c>
      <c r="C347" s="20">
        <v>2024.8339000000001</v>
      </c>
      <c r="D347" s="20">
        <v>10.390489000000001</v>
      </c>
      <c r="E347" s="20">
        <v>6.5139275999999997</v>
      </c>
      <c r="F347" s="20">
        <v>0</v>
      </c>
      <c r="G347" s="20">
        <v>-0.60389353999999995</v>
      </c>
      <c r="H347" s="20">
        <v>17.156008</v>
      </c>
      <c r="I347" s="20">
        <v>0</v>
      </c>
      <c r="J347" s="20">
        <v>0</v>
      </c>
      <c r="K347" s="20">
        <v>0.38794920999999999</v>
      </c>
      <c r="L347" s="20">
        <v>905.51733000000002</v>
      </c>
      <c r="M347" s="20">
        <v>0.18522656000000001</v>
      </c>
      <c r="N347" s="20">
        <v>8.1418811000000009</v>
      </c>
      <c r="O347" s="20">
        <v>57.477156000000001</v>
      </c>
      <c r="P347" s="20">
        <v>23.760748</v>
      </c>
      <c r="Q347" s="20">
        <f t="shared" si="10"/>
        <v>89.56501166000001</v>
      </c>
      <c r="R347" s="20">
        <v>264.37520000000001</v>
      </c>
      <c r="S347" s="20">
        <v>16.904416999999999</v>
      </c>
      <c r="T347" s="20">
        <v>27.889011</v>
      </c>
      <c r="U347" s="20">
        <v>32.704194999999999</v>
      </c>
      <c r="V347" s="20">
        <v>4.4599552999999998</v>
      </c>
      <c r="X347" s="20">
        <f t="shared" si="11"/>
        <v>65.360227813893005</v>
      </c>
    </row>
    <row r="348" spans="2:24">
      <c r="B348" s="23">
        <v>0.63717592592729488</v>
      </c>
      <c r="C348" s="20">
        <v>2012.0494000000001</v>
      </c>
      <c r="D348" s="20">
        <v>10.154615</v>
      </c>
      <c r="E348" s="20">
        <v>6.6405951999999999</v>
      </c>
      <c r="F348" s="20">
        <v>0</v>
      </c>
      <c r="G348" s="20">
        <v>-0.57053883999999999</v>
      </c>
      <c r="H348" s="20">
        <v>16.967098</v>
      </c>
      <c r="I348" s="20">
        <v>0</v>
      </c>
      <c r="J348" s="20">
        <v>0</v>
      </c>
      <c r="K348" s="20">
        <v>0.32167254000000001</v>
      </c>
      <c r="L348" s="20">
        <v>886.48654999999997</v>
      </c>
      <c r="M348" s="20">
        <v>0</v>
      </c>
      <c r="N348" s="20">
        <v>8.4577880000000007</v>
      </c>
      <c r="O348" s="20">
        <v>56.551651999999997</v>
      </c>
      <c r="P348" s="20">
        <v>23.754625999999998</v>
      </c>
      <c r="Q348" s="20">
        <f t="shared" si="10"/>
        <v>88.764066</v>
      </c>
      <c r="R348" s="20">
        <v>259.83690999999999</v>
      </c>
      <c r="S348" s="20">
        <v>16.795210000000001</v>
      </c>
      <c r="T348" s="20">
        <v>27.948135000000001</v>
      </c>
      <c r="U348" s="20">
        <v>32.695943999999997</v>
      </c>
      <c r="V348" s="20">
        <v>4.4698406999999998</v>
      </c>
      <c r="X348" s="20">
        <f t="shared" si="11"/>
        <v>65.417680566789997</v>
      </c>
    </row>
    <row r="349" spans="2:24">
      <c r="B349" s="23">
        <v>0.63767361111240461</v>
      </c>
      <c r="C349" s="20">
        <v>2036.5335</v>
      </c>
      <c r="D349" s="20">
        <v>9.7591882999999999</v>
      </c>
      <c r="E349" s="20">
        <v>6.6263246999999996</v>
      </c>
      <c r="F349" s="20">
        <v>0</v>
      </c>
      <c r="G349" s="20">
        <v>-0.55266879999999996</v>
      </c>
      <c r="H349" s="20">
        <v>16.645078000000002</v>
      </c>
      <c r="I349" s="20">
        <v>0</v>
      </c>
      <c r="J349" s="20">
        <v>0</v>
      </c>
      <c r="K349" s="20">
        <v>0.24032519999999999</v>
      </c>
      <c r="L349" s="20">
        <v>915.65003000000002</v>
      </c>
      <c r="M349" s="20">
        <v>0</v>
      </c>
      <c r="N349" s="20">
        <v>8.5712553000000007</v>
      </c>
      <c r="O349" s="20">
        <v>57.979129999999998</v>
      </c>
      <c r="P349" s="20">
        <v>24.458144999999998</v>
      </c>
      <c r="Q349" s="20">
        <f t="shared" si="10"/>
        <v>91.008530300000004</v>
      </c>
      <c r="R349" s="20">
        <v>267.35719999999998</v>
      </c>
      <c r="S349" s="20">
        <v>16.385513</v>
      </c>
      <c r="T349" s="20">
        <v>28.161517</v>
      </c>
      <c r="U349" s="20">
        <v>32.612966999999998</v>
      </c>
      <c r="V349" s="20">
        <v>4.5161633999999999</v>
      </c>
      <c r="X349" s="20">
        <f t="shared" si="11"/>
        <v>65.599876982070001</v>
      </c>
    </row>
    <row r="350" spans="2:24">
      <c r="B350" s="23">
        <v>0.63817129629751435</v>
      </c>
      <c r="C350" s="20">
        <v>2019.4527</v>
      </c>
      <c r="D350" s="20">
        <v>9.1172042999999992</v>
      </c>
      <c r="E350" s="20">
        <v>6.6931862999999998</v>
      </c>
      <c r="F350" s="20">
        <v>0</v>
      </c>
      <c r="G350" s="20">
        <v>-0.61387230000000004</v>
      </c>
      <c r="H350" s="20">
        <v>16.379272</v>
      </c>
      <c r="I350" s="20">
        <v>0</v>
      </c>
      <c r="J350" s="20">
        <v>0</v>
      </c>
      <c r="K350" s="20">
        <v>0.24664738</v>
      </c>
      <c r="L350" s="20">
        <v>894.59517000000005</v>
      </c>
      <c r="M350" s="20">
        <v>0</v>
      </c>
      <c r="N350" s="20">
        <v>8.6817031</v>
      </c>
      <c r="O350" s="20">
        <v>56.799058000000002</v>
      </c>
      <c r="P350" s="20">
        <v>24.406172999999999</v>
      </c>
      <c r="Q350" s="20">
        <f t="shared" si="10"/>
        <v>89.886934099999991</v>
      </c>
      <c r="R350" s="20">
        <v>261.03183999999999</v>
      </c>
      <c r="S350" s="20">
        <v>15.810390999999999</v>
      </c>
      <c r="T350" s="20">
        <v>28.140698</v>
      </c>
      <c r="U350" s="20">
        <v>32.607208</v>
      </c>
      <c r="V350" s="20">
        <v>4.5998929000000004</v>
      </c>
      <c r="X350" s="20">
        <f t="shared" si="11"/>
        <v>65.652955663278007</v>
      </c>
    </row>
    <row r="351" spans="2:24">
      <c r="B351" s="23">
        <v>0.63866898148262408</v>
      </c>
      <c r="C351" s="20">
        <v>1981.0762999999999</v>
      </c>
      <c r="D351" s="20">
        <v>8.9514557999999997</v>
      </c>
      <c r="E351" s="20">
        <v>6.8004322999999998</v>
      </c>
      <c r="F351" s="20">
        <v>0</v>
      </c>
      <c r="G351" s="20">
        <v>-0.54190115000000005</v>
      </c>
      <c r="H351" s="20">
        <v>16.044011000000001</v>
      </c>
      <c r="I351" s="20">
        <v>0</v>
      </c>
      <c r="J351" s="20">
        <v>0</v>
      </c>
      <c r="K351" s="20">
        <v>0.17588954000000001</v>
      </c>
      <c r="L351" s="20">
        <v>888.38012000000003</v>
      </c>
      <c r="M351" s="20">
        <v>0.13182089999999999</v>
      </c>
      <c r="N351" s="20">
        <v>8.3656351000000004</v>
      </c>
      <c r="O351" s="20">
        <v>56.051316999999997</v>
      </c>
      <c r="P351" s="20">
        <v>24.31739</v>
      </c>
      <c r="Q351" s="20">
        <f t="shared" si="10"/>
        <v>88.866163</v>
      </c>
      <c r="R351" s="20">
        <v>258.88887999999997</v>
      </c>
      <c r="S351" s="20">
        <v>15.751887999999999</v>
      </c>
      <c r="T351" s="20">
        <v>27.859976</v>
      </c>
      <c r="U351" s="20">
        <v>32.405794999999998</v>
      </c>
      <c r="V351" s="20">
        <v>4.4040575999999998</v>
      </c>
      <c r="X351" s="20">
        <f t="shared" si="11"/>
        <v>64.970379035849007</v>
      </c>
    </row>
    <row r="352" spans="2:24">
      <c r="B352" s="23">
        <v>0.63916666666773381</v>
      </c>
      <c r="C352" s="20">
        <v>1973.0994000000001</v>
      </c>
      <c r="D352" s="20">
        <v>9.2742570999999998</v>
      </c>
      <c r="E352" s="20">
        <v>6.8342710999999996</v>
      </c>
      <c r="F352" s="20">
        <v>0</v>
      </c>
      <c r="G352" s="20">
        <v>-0.60405708999999996</v>
      </c>
      <c r="H352" s="20">
        <v>15.910572999999999</v>
      </c>
      <c r="I352" s="20">
        <v>0</v>
      </c>
      <c r="J352" s="20">
        <v>0</v>
      </c>
      <c r="K352" s="20">
        <v>0.20818896000000001</v>
      </c>
      <c r="L352" s="20">
        <v>863.99812999999995</v>
      </c>
      <c r="M352" s="20">
        <v>0.10530464</v>
      </c>
      <c r="N352" s="20">
        <v>8.2375857999999997</v>
      </c>
      <c r="O352" s="20">
        <v>54.577813999999996</v>
      </c>
      <c r="P352" s="20">
        <v>24.138137</v>
      </c>
      <c r="Q352" s="20">
        <f t="shared" si="10"/>
        <v>87.058841439999995</v>
      </c>
      <c r="R352" s="20">
        <v>253.23116999999999</v>
      </c>
      <c r="S352" s="20">
        <v>16.108528</v>
      </c>
      <c r="T352" s="20">
        <v>27.770087</v>
      </c>
      <c r="U352" s="20">
        <v>32.252485999999998</v>
      </c>
      <c r="V352" s="20">
        <v>4.5839419000000001</v>
      </c>
      <c r="X352" s="20">
        <f t="shared" si="11"/>
        <v>64.903703713250991</v>
      </c>
    </row>
    <row r="353" spans="2:24">
      <c r="B353" s="23">
        <v>0.63967592592234723</v>
      </c>
      <c r="C353" s="20">
        <v>1983.3686</v>
      </c>
      <c r="D353" s="20">
        <v>9.9232663999999993</v>
      </c>
      <c r="E353" s="20">
        <v>6.6848770000000002</v>
      </c>
      <c r="F353" s="20">
        <v>0</v>
      </c>
      <c r="G353" s="20">
        <v>-0.61001223999999998</v>
      </c>
      <c r="H353" s="20">
        <v>15.820698999999999</v>
      </c>
      <c r="I353" s="20">
        <v>0</v>
      </c>
      <c r="J353" s="20">
        <v>0</v>
      </c>
      <c r="K353" s="20">
        <v>0.20659783000000001</v>
      </c>
      <c r="L353" s="20">
        <v>863.86008000000004</v>
      </c>
      <c r="M353" s="20">
        <v>0.12738173999999999</v>
      </c>
      <c r="N353" s="20">
        <v>7.8568727999999997</v>
      </c>
      <c r="O353" s="20">
        <v>54.332500000000003</v>
      </c>
      <c r="P353" s="20">
        <v>24.086766999999998</v>
      </c>
      <c r="Q353" s="20">
        <f t="shared" si="10"/>
        <v>86.40352154</v>
      </c>
      <c r="R353" s="20">
        <v>253.33482000000001</v>
      </c>
      <c r="S353" s="20">
        <v>16.608142999999998</v>
      </c>
      <c r="T353" s="20">
        <v>27.710225999999999</v>
      </c>
      <c r="U353" s="20">
        <v>32.184556000000001</v>
      </c>
      <c r="V353" s="20">
        <v>4.4962324999999996</v>
      </c>
      <c r="X353" s="20">
        <f t="shared" si="11"/>
        <v>64.689241077253001</v>
      </c>
    </row>
    <row r="354" spans="2:24">
      <c r="B354" s="23">
        <v>0.64017361111473292</v>
      </c>
      <c r="C354" s="20">
        <v>2013.1886999999999</v>
      </c>
      <c r="D354" s="20">
        <v>10.396789</v>
      </c>
      <c r="E354" s="20">
        <v>6.5101547000000002</v>
      </c>
      <c r="F354" s="20">
        <v>0</v>
      </c>
      <c r="G354" s="20">
        <v>-0.60559626</v>
      </c>
      <c r="H354" s="20">
        <v>15.786334</v>
      </c>
      <c r="I354" s="20">
        <v>0</v>
      </c>
      <c r="J354" s="20">
        <v>0</v>
      </c>
      <c r="K354" s="20">
        <v>0.35366044000000002</v>
      </c>
      <c r="L354" s="20">
        <v>869.97086999999999</v>
      </c>
      <c r="M354" s="20">
        <v>0</v>
      </c>
      <c r="N354" s="20">
        <v>8.0334322999999994</v>
      </c>
      <c r="O354" s="20">
        <v>54.848582</v>
      </c>
      <c r="P354" s="20">
        <v>24.285696000000002</v>
      </c>
      <c r="Q354" s="20">
        <f t="shared" si="10"/>
        <v>87.16771030000001</v>
      </c>
      <c r="R354" s="20">
        <v>253.92356000000001</v>
      </c>
      <c r="S354" s="20">
        <v>16.906943999999999</v>
      </c>
      <c r="T354" s="20">
        <v>27.829653</v>
      </c>
      <c r="U354" s="20">
        <v>32.091566999999998</v>
      </c>
      <c r="V354" s="20">
        <v>4.5012154999999998</v>
      </c>
      <c r="X354" s="20">
        <f t="shared" si="11"/>
        <v>64.724403056617987</v>
      </c>
    </row>
    <row r="355" spans="2:24">
      <c r="B355" s="23">
        <v>0.64067129629984265</v>
      </c>
      <c r="C355" s="20">
        <v>2063.8856000000001</v>
      </c>
      <c r="D355" s="20">
        <v>9.9469925000000003</v>
      </c>
      <c r="E355" s="20">
        <v>6.6452387999999996</v>
      </c>
      <c r="F355" s="20">
        <v>0</v>
      </c>
      <c r="G355" s="20">
        <v>-0.59427313999999998</v>
      </c>
      <c r="H355" s="20">
        <v>15.793669</v>
      </c>
      <c r="I355" s="20">
        <v>0</v>
      </c>
      <c r="J355" s="20">
        <v>0</v>
      </c>
      <c r="K355" s="20">
        <v>0.36313111999999997</v>
      </c>
      <c r="L355" s="20">
        <v>919.71897000000001</v>
      </c>
      <c r="M355" s="20">
        <v>7.9786349000000003</v>
      </c>
      <c r="N355" s="20">
        <v>8.2990338999999995</v>
      </c>
      <c r="O355" s="20">
        <v>57.738124999999997</v>
      </c>
      <c r="P355" s="20">
        <v>25.292348</v>
      </c>
      <c r="Q355" s="20">
        <f t="shared" si="10"/>
        <v>99.308141800000001</v>
      </c>
      <c r="R355" s="20">
        <v>266.88393000000002</v>
      </c>
      <c r="S355" s="20">
        <v>16.592231000000002</v>
      </c>
      <c r="T355" s="20">
        <v>27.922518</v>
      </c>
      <c r="U355" s="20">
        <v>32.033236000000002</v>
      </c>
      <c r="V355" s="20">
        <v>4.423667</v>
      </c>
      <c r="X355" s="20">
        <f t="shared" si="11"/>
        <v>64.692586970107996</v>
      </c>
    </row>
    <row r="356" spans="2:24">
      <c r="B356" s="23">
        <v>0.64116898148495238</v>
      </c>
      <c r="C356" s="20">
        <v>2075.8166999999999</v>
      </c>
      <c r="D356" s="20">
        <v>9.5455105000000007</v>
      </c>
      <c r="E356" s="20">
        <v>6.7383278000000004</v>
      </c>
      <c r="F356" s="20">
        <v>0</v>
      </c>
      <c r="G356" s="20">
        <v>-0.54851528000000005</v>
      </c>
      <c r="H356" s="20">
        <v>15.984256</v>
      </c>
      <c r="I356" s="20">
        <v>0</v>
      </c>
      <c r="J356" s="20">
        <v>0</v>
      </c>
      <c r="K356" s="20">
        <v>0.54747796999999998</v>
      </c>
      <c r="L356" s="20">
        <v>953.68201999999997</v>
      </c>
      <c r="M356" s="20">
        <v>8.3996119</v>
      </c>
      <c r="N356" s="20">
        <v>8.4884334999999993</v>
      </c>
      <c r="O356" s="20">
        <v>59.209387</v>
      </c>
      <c r="P356" s="20">
        <v>26.097688000000002</v>
      </c>
      <c r="Q356" s="20">
        <f t="shared" si="10"/>
        <v>102.19512040000001</v>
      </c>
      <c r="R356" s="20">
        <v>275.67290000000003</v>
      </c>
      <c r="S356" s="20">
        <v>16.283837999999999</v>
      </c>
      <c r="T356" s="20">
        <v>28.056107000000001</v>
      </c>
      <c r="U356" s="20">
        <v>31.985444999999999</v>
      </c>
      <c r="V356" s="20">
        <v>4.4334718999999998</v>
      </c>
      <c r="X356" s="20">
        <f t="shared" si="11"/>
        <v>64.793048373538994</v>
      </c>
    </row>
    <row r="357" spans="2:24">
      <c r="B357" s="23">
        <v>0.64166666667006211</v>
      </c>
      <c r="C357" s="20">
        <v>2051.0109000000002</v>
      </c>
      <c r="D357" s="20">
        <v>9.3695122000000008</v>
      </c>
      <c r="E357" s="20">
        <v>6.9854386999999996</v>
      </c>
      <c r="F357" s="20">
        <v>0</v>
      </c>
      <c r="G357" s="20">
        <v>-0.61191731000000005</v>
      </c>
      <c r="H357" s="20">
        <v>16.230177000000001</v>
      </c>
      <c r="I357" s="20">
        <v>0</v>
      </c>
      <c r="J357" s="20">
        <v>0</v>
      </c>
      <c r="K357" s="20">
        <v>0.44632929999999998</v>
      </c>
      <c r="L357" s="20">
        <v>935.54934000000003</v>
      </c>
      <c r="M357" s="20">
        <v>8.4320547000000001</v>
      </c>
      <c r="N357" s="20">
        <v>8.7194105000000004</v>
      </c>
      <c r="O357" s="20">
        <v>58.154719999999998</v>
      </c>
      <c r="P357" s="20">
        <v>26.027535</v>
      </c>
      <c r="Q357" s="20">
        <f t="shared" si="10"/>
        <v>101.3337202</v>
      </c>
      <c r="R357" s="20">
        <v>272.09070000000003</v>
      </c>
      <c r="S357" s="20">
        <v>16.354951</v>
      </c>
      <c r="T357" s="20">
        <v>28.221685000000001</v>
      </c>
      <c r="U357" s="20">
        <v>32.105777000000003</v>
      </c>
      <c r="V357" s="20">
        <v>4.5211464000000001</v>
      </c>
      <c r="X357" s="20">
        <f t="shared" si="11"/>
        <v>65.162275245109001</v>
      </c>
    </row>
    <row r="358" spans="2:24">
      <c r="B358" s="23">
        <v>0.64217592592467554</v>
      </c>
      <c r="C358" s="20">
        <v>1961.3797999999999</v>
      </c>
      <c r="D358" s="20">
        <v>9.5797440999999992</v>
      </c>
      <c r="E358" s="20">
        <v>7.2862426999999999</v>
      </c>
      <c r="F358" s="20">
        <v>0</v>
      </c>
      <c r="G358" s="20">
        <v>-0.60783666000000003</v>
      </c>
      <c r="H358" s="20">
        <v>16.248735</v>
      </c>
      <c r="I358" s="20">
        <v>0</v>
      </c>
      <c r="J358" s="20">
        <v>0</v>
      </c>
      <c r="K358" s="20">
        <v>0.42987630999999998</v>
      </c>
      <c r="L358" s="20">
        <v>895.18526999999995</v>
      </c>
      <c r="M358" s="20">
        <v>0.35795118999999997</v>
      </c>
      <c r="N358" s="20">
        <v>8.5123899999999999</v>
      </c>
      <c r="O358" s="20">
        <v>55.724232000000001</v>
      </c>
      <c r="P358" s="20">
        <v>25.134713999999999</v>
      </c>
      <c r="Q358" s="20">
        <f t="shared" si="10"/>
        <v>89.729287190000008</v>
      </c>
      <c r="R358" s="20">
        <v>261.80018000000001</v>
      </c>
      <c r="S358" s="20">
        <v>16.865987000000001</v>
      </c>
      <c r="T358" s="20">
        <v>28.068719000000002</v>
      </c>
      <c r="U358" s="20">
        <v>32.119109000000002</v>
      </c>
      <c r="V358" s="20">
        <v>4.5475675000000004</v>
      </c>
      <c r="X358" s="20">
        <f t="shared" si="11"/>
        <v>65.035005210564009</v>
      </c>
    </row>
    <row r="359" spans="2:24">
      <c r="B359" s="23">
        <v>0.64267361110978527</v>
      </c>
      <c r="C359" s="20">
        <v>1911.6889000000001</v>
      </c>
      <c r="D359" s="20">
        <v>10.169155999999999</v>
      </c>
      <c r="E359" s="20">
        <v>7.2719148999999996</v>
      </c>
      <c r="F359" s="20">
        <v>0</v>
      </c>
      <c r="G359" s="20">
        <v>-0.53042151999999998</v>
      </c>
      <c r="H359" s="20">
        <v>15.970786</v>
      </c>
      <c r="I359" s="20">
        <v>0</v>
      </c>
      <c r="J359" s="20">
        <v>0</v>
      </c>
      <c r="K359" s="20">
        <v>0.25514504999999998</v>
      </c>
      <c r="L359" s="20">
        <v>889.71145000000001</v>
      </c>
      <c r="M359" s="20">
        <v>0.21480078</v>
      </c>
      <c r="N359" s="20">
        <v>8.4645036000000005</v>
      </c>
      <c r="O359" s="20">
        <v>55.417749000000001</v>
      </c>
      <c r="P359" s="20">
        <v>24.935217000000002</v>
      </c>
      <c r="Q359" s="20">
        <f t="shared" si="10"/>
        <v>89.03227038</v>
      </c>
      <c r="R359" s="20">
        <v>259.34145000000001</v>
      </c>
      <c r="S359" s="20">
        <v>17.441071000000001</v>
      </c>
      <c r="T359" s="20">
        <v>28.002026000000001</v>
      </c>
      <c r="U359" s="20">
        <v>31.939943</v>
      </c>
      <c r="V359" s="20">
        <v>4.4019551000000003</v>
      </c>
      <c r="X359" s="20">
        <f t="shared" si="11"/>
        <v>64.638025127180995</v>
      </c>
    </row>
    <row r="360" spans="2:24">
      <c r="B360" s="23">
        <v>0.643171296294895</v>
      </c>
      <c r="C360" s="20">
        <v>1867.7973</v>
      </c>
      <c r="D360" s="20">
        <v>10.571579</v>
      </c>
      <c r="E360" s="20">
        <v>7.0462347000000003</v>
      </c>
      <c r="F360" s="20">
        <v>0</v>
      </c>
      <c r="G360" s="20">
        <v>-0.47439745</v>
      </c>
      <c r="H360" s="20">
        <v>15.606208000000001</v>
      </c>
      <c r="I360" s="20">
        <v>0</v>
      </c>
      <c r="J360" s="20">
        <v>0</v>
      </c>
      <c r="K360" s="20">
        <v>0.19864808</v>
      </c>
      <c r="L360" s="20">
        <v>884.51176999999996</v>
      </c>
      <c r="M360" s="20">
        <v>0.21036547999999999</v>
      </c>
      <c r="N360" s="20">
        <v>8.4126718999999994</v>
      </c>
      <c r="O360" s="20">
        <v>55.075755000000001</v>
      </c>
      <c r="P360" s="20">
        <v>24.609434</v>
      </c>
      <c r="Q360" s="20">
        <f t="shared" si="10"/>
        <v>88.308226380000008</v>
      </c>
      <c r="R360" s="20">
        <v>257.03041000000002</v>
      </c>
      <c r="S360" s="20">
        <v>17.617813999999999</v>
      </c>
      <c r="T360" s="20">
        <v>27.748843999999998</v>
      </c>
      <c r="U360" s="20">
        <v>31.752500999999999</v>
      </c>
      <c r="V360" s="20">
        <v>4.5012154999999998</v>
      </c>
      <c r="X360" s="20">
        <f t="shared" si="11"/>
        <v>64.291678838270997</v>
      </c>
    </row>
    <row r="361" spans="2:24">
      <c r="B361" s="23">
        <v>0.64366898148000473</v>
      </c>
      <c r="C361" s="20">
        <v>1920.2447999999999</v>
      </c>
      <c r="D361" s="20">
        <v>10.876075</v>
      </c>
      <c r="E361" s="20">
        <v>6.6438096</v>
      </c>
      <c r="F361" s="20">
        <v>0</v>
      </c>
      <c r="G361" s="20">
        <v>-0.58153498999999997</v>
      </c>
      <c r="H361" s="20">
        <v>15.491569</v>
      </c>
      <c r="I361" s="20">
        <v>0</v>
      </c>
      <c r="J361" s="20">
        <v>0</v>
      </c>
      <c r="K361" s="20">
        <v>0.29741097999999999</v>
      </c>
      <c r="L361" s="20">
        <v>903.35389999999995</v>
      </c>
      <c r="M361" s="20">
        <v>0.31548496999999998</v>
      </c>
      <c r="N361" s="20">
        <v>8.3888549999999995</v>
      </c>
      <c r="O361" s="20">
        <v>56.257116000000003</v>
      </c>
      <c r="P361" s="20">
        <v>25.420646000000001</v>
      </c>
      <c r="Q361" s="20">
        <f t="shared" si="10"/>
        <v>90.382101970000008</v>
      </c>
      <c r="R361" s="20">
        <v>261.48165</v>
      </c>
      <c r="S361" s="20">
        <v>17.519884000000001</v>
      </c>
      <c r="T361" s="20">
        <v>27.857113999999999</v>
      </c>
      <c r="U361" s="20">
        <v>31.502728999999999</v>
      </c>
      <c r="V361" s="20">
        <v>4.4962324999999996</v>
      </c>
      <c r="X361" s="20">
        <f t="shared" si="11"/>
        <v>64.152498301555994</v>
      </c>
    </row>
    <row r="362" spans="2:24">
      <c r="B362" s="23">
        <v>0.64417824074189411</v>
      </c>
      <c r="C362" s="20">
        <v>1938.6806999999999</v>
      </c>
      <c r="D362" s="20">
        <v>10.554118000000001</v>
      </c>
      <c r="E362" s="20">
        <v>6.5744585000000004</v>
      </c>
      <c r="F362" s="20">
        <v>0</v>
      </c>
      <c r="G362" s="20">
        <v>-0.59267411000000003</v>
      </c>
      <c r="H362" s="20">
        <v>15.621428999999999</v>
      </c>
      <c r="I362" s="20">
        <v>0</v>
      </c>
      <c r="J362" s="20">
        <v>0</v>
      </c>
      <c r="K362" s="20">
        <v>0.34070127</v>
      </c>
      <c r="L362" s="20">
        <v>894.33361000000002</v>
      </c>
      <c r="M362" s="20">
        <v>3.4924692E-2</v>
      </c>
      <c r="N362" s="20">
        <v>8.6788381000000001</v>
      </c>
      <c r="O362" s="20">
        <v>55.955269000000001</v>
      </c>
      <c r="P362" s="20">
        <v>25.755457</v>
      </c>
      <c r="Q362" s="20">
        <f t="shared" si="10"/>
        <v>90.424488792000005</v>
      </c>
      <c r="R362" s="20">
        <v>261.09267999999997</v>
      </c>
      <c r="S362" s="20">
        <v>17.128575999999999</v>
      </c>
      <c r="T362" s="20">
        <v>27.874338000000002</v>
      </c>
      <c r="U362" s="20">
        <v>31.372036000000001</v>
      </c>
      <c r="V362" s="20">
        <v>4.4599552999999998</v>
      </c>
      <c r="X362" s="20">
        <f t="shared" si="11"/>
        <v>64.003635840745204</v>
      </c>
    </row>
    <row r="363" spans="2:24">
      <c r="B363" s="23">
        <v>0.64467592592700385</v>
      </c>
      <c r="C363" s="20">
        <v>2022.6280999999999</v>
      </c>
      <c r="D363" s="20">
        <v>9.8211169999999992</v>
      </c>
      <c r="E363" s="20">
        <v>6.6945306999999996</v>
      </c>
      <c r="F363" s="20">
        <v>0</v>
      </c>
      <c r="G363" s="20">
        <v>-0.58172694000000003</v>
      </c>
      <c r="H363" s="20">
        <v>15.760553</v>
      </c>
      <c r="I363" s="20">
        <v>0</v>
      </c>
      <c r="J363" s="20">
        <v>0</v>
      </c>
      <c r="K363" s="20">
        <v>0.36678797000000002</v>
      </c>
      <c r="L363" s="20">
        <v>950.57870000000003</v>
      </c>
      <c r="M363" s="20">
        <v>6.0548923999999997E-2</v>
      </c>
      <c r="N363" s="20">
        <v>8.6361393999999994</v>
      </c>
      <c r="O363" s="20">
        <v>59.466464000000002</v>
      </c>
      <c r="P363" s="20">
        <v>27.18731</v>
      </c>
      <c r="Q363" s="20">
        <f t="shared" si="10"/>
        <v>95.350462324000006</v>
      </c>
      <c r="R363" s="20">
        <v>277.72325999999998</v>
      </c>
      <c r="S363" s="20">
        <v>16.515647999999999</v>
      </c>
      <c r="T363" s="20">
        <v>28.098490999999999</v>
      </c>
      <c r="U363" s="20">
        <v>31.396899000000001</v>
      </c>
      <c r="V363" s="20">
        <v>4.3970929999999999</v>
      </c>
      <c r="X363" s="20">
        <f t="shared" si="11"/>
        <v>64.204196417205395</v>
      </c>
    </row>
    <row r="364" spans="2:24">
      <c r="B364" s="23">
        <v>0.64517361111211358</v>
      </c>
      <c r="C364" s="20">
        <v>2019.5534</v>
      </c>
      <c r="D364" s="20">
        <v>9.3681587999999998</v>
      </c>
      <c r="E364" s="20">
        <v>6.7513804999999998</v>
      </c>
      <c r="F364" s="20">
        <v>0</v>
      </c>
      <c r="G364" s="20">
        <v>-0.48556808000000001</v>
      </c>
      <c r="H364" s="20">
        <v>15.82676</v>
      </c>
      <c r="I364" s="20">
        <v>0</v>
      </c>
      <c r="J364" s="20">
        <v>0</v>
      </c>
      <c r="K364" s="20">
        <v>0.23265785</v>
      </c>
      <c r="L364" s="20">
        <v>958.51387999999997</v>
      </c>
      <c r="M364" s="20">
        <v>0</v>
      </c>
      <c r="N364" s="20">
        <v>8.7857061000000005</v>
      </c>
      <c r="O364" s="20">
        <v>59.608333000000002</v>
      </c>
      <c r="P364" s="20">
        <v>27.249932999999999</v>
      </c>
      <c r="Q364" s="20">
        <f t="shared" si="10"/>
        <v>95.643972099999999</v>
      </c>
      <c r="R364" s="20">
        <v>278.85480000000001</v>
      </c>
      <c r="S364" s="20">
        <v>16.119539</v>
      </c>
      <c r="T364" s="20">
        <v>28.149562</v>
      </c>
      <c r="U364" s="20">
        <v>31.348441000000001</v>
      </c>
      <c r="V364" s="20">
        <v>4.4747832000000001</v>
      </c>
      <c r="X364" s="20">
        <f t="shared" si="11"/>
        <v>64.284938618016994</v>
      </c>
    </row>
    <row r="365" spans="2:24">
      <c r="B365" s="23">
        <v>0.64567129629722331</v>
      </c>
      <c r="C365" s="20">
        <v>1965.3835999999999</v>
      </c>
      <c r="D365" s="20">
        <v>9.3283354000000003</v>
      </c>
      <c r="E365" s="20">
        <v>6.8634895</v>
      </c>
      <c r="F365" s="20">
        <v>0</v>
      </c>
      <c r="G365" s="20">
        <v>-0.63803509999999997</v>
      </c>
      <c r="H365" s="20">
        <v>15.815187999999999</v>
      </c>
      <c r="I365" s="20">
        <v>0</v>
      </c>
      <c r="J365" s="20">
        <v>0</v>
      </c>
      <c r="K365" s="20">
        <v>0.21319556000000001</v>
      </c>
      <c r="L365" s="20">
        <v>918.50376000000006</v>
      </c>
      <c r="M365" s="20">
        <v>0</v>
      </c>
      <c r="N365" s="20">
        <v>8.5236789000000002</v>
      </c>
      <c r="O365" s="20">
        <v>57.067909999999998</v>
      </c>
      <c r="P365" s="20">
        <v>26.423231999999999</v>
      </c>
      <c r="Q365" s="20">
        <f t="shared" si="10"/>
        <v>92.014820900000004</v>
      </c>
      <c r="R365" s="20">
        <v>266.01418999999999</v>
      </c>
      <c r="S365" s="20">
        <v>16.191825000000001</v>
      </c>
      <c r="T365" s="20">
        <v>28.10427</v>
      </c>
      <c r="U365" s="20">
        <v>31.255973999999998</v>
      </c>
      <c r="V365" s="20">
        <v>4.4962324999999996</v>
      </c>
      <c r="X365" s="20">
        <f t="shared" si="11"/>
        <v>64.158844117925995</v>
      </c>
    </row>
    <row r="366" spans="2:24">
      <c r="B366" s="23">
        <v>0.64616898148233304</v>
      </c>
      <c r="C366" s="20">
        <v>1486.5952</v>
      </c>
      <c r="D366" s="20">
        <v>10.127292000000001</v>
      </c>
      <c r="E366" s="20">
        <v>7.4006838999999998</v>
      </c>
      <c r="F366" s="20">
        <v>0</v>
      </c>
      <c r="G366" s="20">
        <v>-0.56882524000000001</v>
      </c>
      <c r="H366" s="20">
        <v>15.083214</v>
      </c>
      <c r="I366" s="20">
        <v>0</v>
      </c>
      <c r="J366" s="20">
        <v>0</v>
      </c>
      <c r="K366" s="20">
        <v>0.18665169000000001</v>
      </c>
      <c r="L366" s="20">
        <v>701.44812000000002</v>
      </c>
      <c r="M366" s="20">
        <v>0</v>
      </c>
      <c r="N366" s="20">
        <v>7.4006049999999997</v>
      </c>
      <c r="O366" s="20">
        <v>44.297800000000002</v>
      </c>
      <c r="P366" s="20">
        <v>22.228276000000001</v>
      </c>
      <c r="Q366" s="20">
        <f t="shared" si="10"/>
        <v>73.926681000000002</v>
      </c>
      <c r="R366" s="20">
        <v>204.72654</v>
      </c>
      <c r="S366" s="20">
        <v>17.527975000000001</v>
      </c>
      <c r="T366" s="20">
        <v>27.271792999999999</v>
      </c>
      <c r="U366" s="20">
        <v>31.094463999999999</v>
      </c>
      <c r="V366" s="20">
        <v>6.3385974999999997</v>
      </c>
      <c r="X366" s="20">
        <f t="shared" si="11"/>
        <v>64.936027199234999</v>
      </c>
    </row>
    <row r="367" spans="2:24">
      <c r="B367" s="23">
        <v>0.64667824074422242</v>
      </c>
      <c r="C367" s="20">
        <v>915.00770999999997</v>
      </c>
      <c r="D367" s="20">
        <v>11.352959999999999</v>
      </c>
      <c r="E367" s="20">
        <v>8.6811521999999997</v>
      </c>
      <c r="F367" s="20">
        <v>0</v>
      </c>
      <c r="G367" s="20">
        <v>-0.54347255000000005</v>
      </c>
      <c r="H367" s="20">
        <v>13.296502</v>
      </c>
      <c r="I367" s="20">
        <v>0</v>
      </c>
      <c r="J367" s="20">
        <v>0</v>
      </c>
      <c r="K367" s="20">
        <v>0.29415090999999999</v>
      </c>
      <c r="L367" s="20">
        <v>432.16359999999997</v>
      </c>
      <c r="M367" s="20">
        <v>0</v>
      </c>
      <c r="N367" s="20">
        <v>4.9576285000000002</v>
      </c>
      <c r="O367" s="20">
        <v>27.630092999999999</v>
      </c>
      <c r="P367" s="20">
        <v>16.384122999999999</v>
      </c>
      <c r="Q367" s="20">
        <f t="shared" si="10"/>
        <v>48.971844500000003</v>
      </c>
      <c r="R367" s="20">
        <v>130.72787</v>
      </c>
      <c r="S367" s="20">
        <v>20.034113000000001</v>
      </c>
      <c r="T367" s="20">
        <v>25.939264999999999</v>
      </c>
      <c r="U367" s="20">
        <v>30.993169000000002</v>
      </c>
      <c r="V367" s="20">
        <v>6.6450867000000002</v>
      </c>
      <c r="X367" s="20">
        <f t="shared" si="11"/>
        <v>63.722446556005998</v>
      </c>
    </row>
    <row r="368" spans="2:24">
      <c r="B368" s="23">
        <v>0.64717592592933215</v>
      </c>
      <c r="C368" s="20">
        <v>390.08192000000003</v>
      </c>
      <c r="D368" s="20">
        <v>12.248922</v>
      </c>
      <c r="E368" s="20">
        <v>10.030859</v>
      </c>
      <c r="F368" s="20">
        <v>0</v>
      </c>
      <c r="G368" s="20">
        <v>-0.51998431000000001</v>
      </c>
      <c r="H368" s="20">
        <v>11.114836</v>
      </c>
      <c r="I368" s="20">
        <v>0</v>
      </c>
      <c r="J368" s="20">
        <v>0</v>
      </c>
      <c r="K368" s="20">
        <v>0.30082510000000001</v>
      </c>
      <c r="L368" s="20">
        <v>204.53495000000001</v>
      </c>
      <c r="M368" s="20">
        <v>0</v>
      </c>
      <c r="N368" s="20">
        <v>2.4169966999999999</v>
      </c>
      <c r="O368" s="20">
        <v>13.294381</v>
      </c>
      <c r="P368" s="20">
        <v>10.618010999999999</v>
      </c>
      <c r="Q368" s="20">
        <f t="shared" si="10"/>
        <v>26.329388699999999</v>
      </c>
      <c r="R368" s="20">
        <v>68.245941999999999</v>
      </c>
      <c r="S368" s="20">
        <v>22.279781</v>
      </c>
      <c r="T368" s="20">
        <v>24.647694999999999</v>
      </c>
      <c r="U368" s="20">
        <v>31.181695000000001</v>
      </c>
      <c r="V368" s="20">
        <v>6.9167018000000002</v>
      </c>
      <c r="X368" s="20">
        <f t="shared" si="11"/>
        <v>62.813731949749005</v>
      </c>
    </row>
    <row r="369" spans="2:24">
      <c r="B369" s="23">
        <v>0.64767361111444188</v>
      </c>
      <c r="C369" s="20">
        <v>219.51929000000001</v>
      </c>
      <c r="D369" s="20">
        <v>12.133414</v>
      </c>
      <c r="E369" s="20">
        <v>10.637672</v>
      </c>
      <c r="F369" s="20">
        <v>0</v>
      </c>
      <c r="G369" s="20">
        <v>-0.48327216000000001</v>
      </c>
      <c r="H369" s="20">
        <v>9.4155080000000009</v>
      </c>
      <c r="I369" s="20">
        <v>0</v>
      </c>
      <c r="J369" s="20">
        <v>0</v>
      </c>
      <c r="K369" s="20">
        <v>0.34465510999999999</v>
      </c>
      <c r="L369" s="20">
        <v>112.14664</v>
      </c>
      <c r="M369" s="20">
        <v>0</v>
      </c>
      <c r="N369" s="20">
        <v>0.87106353999999997</v>
      </c>
      <c r="O369" s="20">
        <v>6.4760894000000002</v>
      </c>
      <c r="P369" s="20">
        <v>7.2133260999999997</v>
      </c>
      <c r="Q369" s="20">
        <f t="shared" si="10"/>
        <v>14.560479040000001</v>
      </c>
      <c r="R369" s="20">
        <v>42.363318999999997</v>
      </c>
      <c r="S369" s="20">
        <v>22.771086</v>
      </c>
      <c r="T369" s="20">
        <v>23.603943000000001</v>
      </c>
      <c r="U369" s="20">
        <v>30.504574999999999</v>
      </c>
      <c r="V369" s="20">
        <v>6.9613322000000002</v>
      </c>
      <c r="X369" s="20">
        <f t="shared" si="11"/>
        <v>61.109954747199005</v>
      </c>
    </row>
    <row r="370" spans="2:24">
      <c r="B370" s="23">
        <v>0.64817129629955161</v>
      </c>
      <c r="C370" s="20">
        <v>148.26497000000001</v>
      </c>
      <c r="D370" s="20">
        <v>10.223464</v>
      </c>
      <c r="E370" s="20">
        <v>9.6818121999999995</v>
      </c>
      <c r="F370" s="20">
        <v>0</v>
      </c>
      <c r="G370" s="20">
        <v>-0.20672055</v>
      </c>
      <c r="H370" s="20">
        <v>7.8834711999999998</v>
      </c>
      <c r="I370" s="20">
        <v>0</v>
      </c>
      <c r="J370" s="20">
        <v>0</v>
      </c>
      <c r="K370" s="20">
        <v>0.36336214</v>
      </c>
      <c r="L370" s="20">
        <v>76.408240000000006</v>
      </c>
      <c r="M370" s="20">
        <v>0</v>
      </c>
      <c r="N370" s="20">
        <v>0.40307324999999999</v>
      </c>
      <c r="O370" s="20">
        <v>4.7439594999999999</v>
      </c>
      <c r="P370" s="20">
        <v>5.6547853000000003</v>
      </c>
      <c r="Q370" s="20">
        <f t="shared" si="10"/>
        <v>10.801818050000001</v>
      </c>
      <c r="R370" s="20">
        <v>31.211850999999999</v>
      </c>
      <c r="S370" s="20">
        <v>19.905276000000001</v>
      </c>
      <c r="T370" s="20">
        <v>21.026568000000001</v>
      </c>
      <c r="U370" s="20">
        <v>26.196967000000001</v>
      </c>
      <c r="V370" s="20">
        <v>4.9416168999999996</v>
      </c>
      <c r="X370" s="20">
        <f t="shared" si="11"/>
        <v>52.193484469303996</v>
      </c>
    </row>
    <row r="371" spans="2:24">
      <c r="B371" s="23">
        <v>0.64866898148466134</v>
      </c>
      <c r="C371" s="20">
        <v>90.158760000000001</v>
      </c>
      <c r="D371" s="20">
        <v>7.0864718</v>
      </c>
      <c r="E371" s="20">
        <v>6.6743803000000002</v>
      </c>
      <c r="F371" s="20">
        <v>0</v>
      </c>
      <c r="G371" s="20">
        <v>-8.7010899000000003E-2</v>
      </c>
      <c r="H371" s="20">
        <v>5.7729930999999999</v>
      </c>
      <c r="I371" s="20">
        <v>0</v>
      </c>
      <c r="J371" s="20">
        <v>0</v>
      </c>
      <c r="K371" s="20">
        <v>0.29922441999999999</v>
      </c>
      <c r="L371" s="20">
        <v>43.57403</v>
      </c>
      <c r="M371" s="20">
        <v>9.8048254000000001E-2</v>
      </c>
      <c r="N371" s="20">
        <v>0.27387340999999998</v>
      </c>
      <c r="O371" s="20">
        <v>2.8150509000000001</v>
      </c>
      <c r="P371" s="20">
        <v>4.4097286999999996</v>
      </c>
      <c r="Q371" s="20">
        <f t="shared" si="10"/>
        <v>7.596701264</v>
      </c>
      <c r="R371" s="20">
        <v>19.686724999999999</v>
      </c>
      <c r="S371" s="20">
        <v>13.760852</v>
      </c>
      <c r="T371" s="20">
        <v>16.358622</v>
      </c>
      <c r="U371" s="20">
        <v>18.926044000000001</v>
      </c>
      <c r="V371" s="20">
        <v>3.8177167000000001</v>
      </c>
      <c r="X371" s="20">
        <f t="shared" si="11"/>
        <v>39.119866340198499</v>
      </c>
    </row>
    <row r="372" spans="2:24">
      <c r="B372" s="23">
        <v>0.64917824073927477</v>
      </c>
      <c r="C372" s="20">
        <v>40.040052000000003</v>
      </c>
      <c r="D372" s="20">
        <v>3.6931194999999999</v>
      </c>
      <c r="E372" s="20">
        <v>3.2297283999999999</v>
      </c>
      <c r="F372" s="20">
        <v>0</v>
      </c>
      <c r="G372" s="20">
        <v>-2.8245005E-2</v>
      </c>
      <c r="H372" s="20">
        <v>3.3225486000000002</v>
      </c>
      <c r="I372" s="20">
        <v>0</v>
      </c>
      <c r="J372" s="20">
        <v>0</v>
      </c>
      <c r="K372" s="20">
        <v>0.25990869</v>
      </c>
      <c r="L372" s="20">
        <v>15.747260000000001</v>
      </c>
      <c r="M372" s="20">
        <v>0.26855111999999998</v>
      </c>
      <c r="N372" s="20">
        <v>5.3813199999999999E-2</v>
      </c>
      <c r="O372" s="20">
        <v>1.1089728999999999</v>
      </c>
      <c r="P372" s="20">
        <v>3.1839849999999998</v>
      </c>
      <c r="Q372" s="20">
        <f t="shared" si="10"/>
        <v>4.6153222199999995</v>
      </c>
      <c r="R372" s="20">
        <v>8.1021522000000008</v>
      </c>
      <c r="S372" s="20">
        <v>6.9228478000000004</v>
      </c>
      <c r="T372" s="20">
        <v>10.539296</v>
      </c>
      <c r="U372" s="20">
        <v>11.291981</v>
      </c>
      <c r="V372" s="20">
        <v>3.3482956000000001</v>
      </c>
      <c r="X372" s="20">
        <f t="shared" si="11"/>
        <v>25.187352854220499</v>
      </c>
    </row>
    <row r="373" spans="2:24">
      <c r="B373" s="23">
        <v>0.6496759259243845</v>
      </c>
      <c r="C373" s="20">
        <v>26.950098000000001</v>
      </c>
      <c r="D373" s="20">
        <v>1.4397968999999999</v>
      </c>
      <c r="E373" s="20">
        <v>0.69497770999999997</v>
      </c>
      <c r="F373" s="20">
        <v>0</v>
      </c>
      <c r="G373" s="20">
        <v>-3.3772312999999998E-2</v>
      </c>
      <c r="H373" s="20">
        <v>1.4065943000000001</v>
      </c>
      <c r="I373" s="20">
        <v>0</v>
      </c>
      <c r="J373" s="20">
        <v>0</v>
      </c>
      <c r="K373" s="20">
        <v>0.13258600000000001</v>
      </c>
      <c r="L373" s="20">
        <v>4.9789428999999998</v>
      </c>
      <c r="M373" s="20">
        <v>0.31939687999999999</v>
      </c>
      <c r="N373" s="20">
        <v>3.4884059000000002E-2</v>
      </c>
      <c r="O373" s="20">
        <v>0.28523459000000001</v>
      </c>
      <c r="P373" s="20">
        <v>2.1643737000000001</v>
      </c>
      <c r="Q373" s="20">
        <f t="shared" si="10"/>
        <v>2.8038892290000001</v>
      </c>
      <c r="R373" s="20">
        <v>2.7864065999999998</v>
      </c>
      <c r="S373" s="20">
        <v>2.1347746000000001</v>
      </c>
      <c r="T373" s="20">
        <v>5.7313612000000003</v>
      </c>
      <c r="U373" s="20">
        <v>7.721692</v>
      </c>
      <c r="V373" s="20">
        <v>20.846411</v>
      </c>
      <c r="X373" s="20">
        <f t="shared" si="11"/>
        <v>34.303514988732601</v>
      </c>
    </row>
    <row r="374" spans="2:24">
      <c r="B374" s="23">
        <v>0.65017361110949423</v>
      </c>
      <c r="C374" s="20">
        <v>20.677053000000001</v>
      </c>
      <c r="D374" s="20">
        <v>0.61110330999999996</v>
      </c>
      <c r="E374" s="20">
        <v>0</v>
      </c>
      <c r="F374" s="20">
        <v>0</v>
      </c>
      <c r="G374" s="20">
        <v>-4.8780067000000003E-2</v>
      </c>
      <c r="H374" s="20">
        <v>0.81200631999999995</v>
      </c>
      <c r="I374" s="20">
        <v>0</v>
      </c>
      <c r="J374" s="20">
        <v>0</v>
      </c>
      <c r="K374" s="20">
        <v>0.1121624</v>
      </c>
      <c r="L374" s="20">
        <v>1.8167675000000001</v>
      </c>
      <c r="M374" s="20">
        <v>0.20152281</v>
      </c>
      <c r="N374" s="20">
        <v>0</v>
      </c>
      <c r="O374" s="20">
        <v>9.3774449999999995E-2</v>
      </c>
      <c r="P374" s="20">
        <v>1.4138634000000001</v>
      </c>
      <c r="Q374" s="20">
        <f t="shared" si="10"/>
        <v>1.7091606600000002</v>
      </c>
      <c r="R374" s="20">
        <v>0.75409764999999995</v>
      </c>
      <c r="S374" s="20">
        <v>0.61110330999999996</v>
      </c>
      <c r="T374" s="20">
        <v>2.7205621999999998</v>
      </c>
      <c r="U374" s="20">
        <v>6.0060419999999999</v>
      </c>
      <c r="V374" s="20">
        <v>23.133883999999998</v>
      </c>
      <c r="X374" s="20">
        <f t="shared" si="11"/>
        <v>31.863118257643301</v>
      </c>
    </row>
    <row r="375" spans="2:24">
      <c r="B375" s="23">
        <v>0.65067129629460396</v>
      </c>
      <c r="C375" s="20">
        <v>27.211131000000002</v>
      </c>
      <c r="D375" s="20">
        <v>1.7368811</v>
      </c>
      <c r="E375" s="20">
        <v>0</v>
      </c>
      <c r="F375" s="20">
        <v>0</v>
      </c>
      <c r="G375" s="20">
        <v>-2.7448777000000001E-2</v>
      </c>
      <c r="H375" s="20">
        <v>0.46271018000000003</v>
      </c>
      <c r="I375" s="20">
        <v>2.9072001E-3</v>
      </c>
      <c r="J375" s="20">
        <v>0</v>
      </c>
      <c r="K375" s="20">
        <v>8.4180995999999994E-2</v>
      </c>
      <c r="L375" s="20">
        <v>0.69100921000000004</v>
      </c>
      <c r="M375" s="20">
        <v>5.7166995999999998E-2</v>
      </c>
      <c r="N375" s="20">
        <v>0</v>
      </c>
      <c r="O375" s="20">
        <v>1.1294721000000001E-2</v>
      </c>
      <c r="P375" s="20">
        <v>1.0386808999999999</v>
      </c>
      <c r="Q375" s="20">
        <f t="shared" si="10"/>
        <v>1.1071426169999998</v>
      </c>
      <c r="R375" s="20">
        <v>0.34911224000000002</v>
      </c>
      <c r="S375" s="20">
        <v>1.7368811</v>
      </c>
      <c r="T375" s="20">
        <v>1.8155578999999999</v>
      </c>
      <c r="U375" s="20">
        <v>5.2491522000000002</v>
      </c>
      <c r="V375" s="20">
        <v>23.344045999999999</v>
      </c>
      <c r="X375" s="20">
        <f t="shared" si="11"/>
        <v>30.412056639462609</v>
      </c>
    </row>
    <row r="376" spans="2:24">
      <c r="B376" s="23">
        <v>0.65116898147971369</v>
      </c>
      <c r="C376" s="20">
        <v>35.629764999999999</v>
      </c>
      <c r="D376" s="20">
        <v>6.0646839000000003</v>
      </c>
      <c r="E376" s="20">
        <v>1.2867983999999999</v>
      </c>
      <c r="F376" s="20">
        <v>0</v>
      </c>
      <c r="G376" s="20">
        <v>-0.10446274999999999</v>
      </c>
      <c r="H376" s="20">
        <v>0.68865071</v>
      </c>
      <c r="I376" s="20">
        <v>8.8958999000000004E-5</v>
      </c>
      <c r="J376" s="20">
        <v>0</v>
      </c>
      <c r="K376" s="20">
        <v>0.22124226</v>
      </c>
      <c r="L376" s="20">
        <v>0.31993008000000001</v>
      </c>
      <c r="M376" s="20">
        <v>4.0520770999999997E-2</v>
      </c>
      <c r="N376" s="20">
        <v>0</v>
      </c>
      <c r="O376" s="20">
        <v>7.5581397999999996E-3</v>
      </c>
      <c r="P376" s="20">
        <v>0.95227713999999997</v>
      </c>
      <c r="Q376" s="20">
        <f t="shared" si="10"/>
        <v>1.0003560508</v>
      </c>
      <c r="R376" s="20">
        <v>0.15842681</v>
      </c>
      <c r="S376" s="20">
        <v>7.3514822999999998</v>
      </c>
      <c r="T376" s="20">
        <v>4.5362193</v>
      </c>
      <c r="U376" s="20">
        <v>6.4266388000000001</v>
      </c>
      <c r="V376" s="20">
        <v>23.451506999999999</v>
      </c>
      <c r="X376" s="20">
        <f t="shared" si="11"/>
        <v>34.419610953490981</v>
      </c>
    </row>
    <row r="377" spans="2:24">
      <c r="B377" s="23">
        <v>0.65167824074160308</v>
      </c>
      <c r="C377" s="20">
        <v>35.615727</v>
      </c>
      <c r="D377" s="20">
        <v>13.953601000000001</v>
      </c>
      <c r="E377" s="20">
        <v>3.0892374</v>
      </c>
      <c r="F377" s="20">
        <v>0</v>
      </c>
      <c r="G377" s="20">
        <v>-0.13178376999999999</v>
      </c>
      <c r="H377" s="20">
        <v>1.2701606999999999</v>
      </c>
      <c r="I377" s="20">
        <v>0</v>
      </c>
      <c r="J377" s="20">
        <v>0</v>
      </c>
      <c r="K377" s="20">
        <v>0.52393723000000003</v>
      </c>
      <c r="L377" s="20">
        <v>9.3012659999999997E-2</v>
      </c>
      <c r="M377" s="20">
        <v>0.24361838999999999</v>
      </c>
      <c r="N377" s="20">
        <v>0</v>
      </c>
      <c r="O377" s="20">
        <v>8.3522349999999995E-3</v>
      </c>
      <c r="P377" s="20">
        <v>0.89527497</v>
      </c>
      <c r="Q377" s="20">
        <f t="shared" si="10"/>
        <v>1.147245595</v>
      </c>
      <c r="R377" s="20">
        <v>0</v>
      </c>
      <c r="S377" s="20">
        <v>17.042839000000001</v>
      </c>
      <c r="T377" s="20">
        <v>9.9026005999999995</v>
      </c>
      <c r="U377" s="20">
        <v>10.001007</v>
      </c>
      <c r="V377" s="20">
        <v>23.313942999999998</v>
      </c>
      <c r="X377" s="20">
        <f t="shared" si="11"/>
        <v>43.224810997681494</v>
      </c>
    </row>
    <row r="378" spans="2:24">
      <c r="B378" s="23">
        <v>0.65217592592671281</v>
      </c>
      <c r="C378" s="20">
        <v>30.314185999999999</v>
      </c>
      <c r="D378" s="20">
        <v>19.666346000000001</v>
      </c>
      <c r="E378" s="20">
        <v>4.6921381999999996</v>
      </c>
      <c r="F378" s="20">
        <v>0</v>
      </c>
      <c r="G378" s="20">
        <v>-0.12748366</v>
      </c>
      <c r="H378" s="20">
        <v>2.4533239999999998</v>
      </c>
      <c r="I378" s="20">
        <v>0</v>
      </c>
      <c r="J378" s="20">
        <v>0</v>
      </c>
      <c r="K378" s="20">
        <v>0.69528566000000003</v>
      </c>
      <c r="L378" s="20">
        <v>0</v>
      </c>
      <c r="M378" s="20">
        <v>0.33540055000000002</v>
      </c>
      <c r="N378" s="20">
        <v>0</v>
      </c>
      <c r="O378" s="20">
        <v>0</v>
      </c>
      <c r="P378" s="20">
        <v>0.6437252</v>
      </c>
      <c r="Q378" s="20">
        <f t="shared" si="10"/>
        <v>0.97912575000000002</v>
      </c>
      <c r="R378" s="20">
        <v>0</v>
      </c>
      <c r="S378" s="20">
        <v>24.358484000000001</v>
      </c>
      <c r="T378" s="20">
        <v>13.536961</v>
      </c>
      <c r="U378" s="20">
        <v>12.933171</v>
      </c>
      <c r="V378" s="20">
        <v>23.270983000000001</v>
      </c>
      <c r="X378" s="20">
        <f t="shared" si="11"/>
        <v>49.749418140594997</v>
      </c>
    </row>
    <row r="379" spans="2:24">
      <c r="B379" s="23">
        <v>0.65267361111182254</v>
      </c>
      <c r="C379" s="20">
        <v>34.493228000000002</v>
      </c>
      <c r="D379" s="20">
        <v>19.400711000000001</v>
      </c>
      <c r="E379" s="20">
        <v>4.8464596999999996</v>
      </c>
      <c r="F379" s="20">
        <v>0</v>
      </c>
      <c r="G379" s="20">
        <v>-0.10268861</v>
      </c>
      <c r="H379" s="20">
        <v>3.1932056000000002</v>
      </c>
      <c r="I379" s="20">
        <v>0</v>
      </c>
      <c r="J379" s="20">
        <v>0</v>
      </c>
      <c r="K379" s="20">
        <v>0.67506688000000004</v>
      </c>
      <c r="L379" s="20">
        <v>0.43148642999999998</v>
      </c>
      <c r="M379" s="20">
        <v>0.40378313999999998</v>
      </c>
      <c r="N379" s="20">
        <v>0</v>
      </c>
      <c r="O379" s="20">
        <v>0</v>
      </c>
      <c r="P379" s="20">
        <v>0.53024707999999998</v>
      </c>
      <c r="Q379" s="20">
        <f t="shared" si="10"/>
        <v>0.93403021999999991</v>
      </c>
      <c r="R379" s="20">
        <v>0</v>
      </c>
      <c r="S379" s="20">
        <v>24.247171000000002</v>
      </c>
      <c r="T379" s="20">
        <v>13.923154</v>
      </c>
      <c r="U379" s="20">
        <v>15.326337000000001</v>
      </c>
      <c r="V379" s="20">
        <v>23.404219000000001</v>
      </c>
      <c r="X379" s="20">
        <f t="shared" si="11"/>
        <v>52.662521867022001</v>
      </c>
    </row>
    <row r="380" spans="2:24">
      <c r="B380" s="23">
        <v>0.65317129629693227</v>
      </c>
      <c r="C380" s="20">
        <v>71.995742000000007</v>
      </c>
      <c r="D380" s="20">
        <v>14.704713999999999</v>
      </c>
      <c r="E380" s="20">
        <v>5.0550167999999998</v>
      </c>
      <c r="F380" s="20">
        <v>0</v>
      </c>
      <c r="G380" s="20">
        <v>-0.35075615999999998</v>
      </c>
      <c r="H380" s="20">
        <v>3.7229975</v>
      </c>
      <c r="I380" s="20">
        <v>0</v>
      </c>
      <c r="J380" s="20">
        <v>0</v>
      </c>
      <c r="K380" s="20">
        <v>0.53946441999999994</v>
      </c>
      <c r="L380" s="20">
        <v>7.6246676999999998</v>
      </c>
      <c r="M380" s="20">
        <v>0.48898026</v>
      </c>
      <c r="N380" s="20">
        <v>0</v>
      </c>
      <c r="O380" s="20">
        <v>0.44111078999999997</v>
      </c>
      <c r="P380" s="20">
        <v>0.4638254</v>
      </c>
      <c r="Q380" s="20">
        <f t="shared" si="10"/>
        <v>1.3939164499999999</v>
      </c>
      <c r="R380" s="20">
        <v>3.4126793000000002</v>
      </c>
      <c r="S380" s="20">
        <v>19.759730999999999</v>
      </c>
      <c r="T380" s="20">
        <v>13.133743000000001</v>
      </c>
      <c r="U380" s="20">
        <v>18.737839999999998</v>
      </c>
      <c r="V380" s="20">
        <v>14.792320999999999</v>
      </c>
      <c r="X380" s="20">
        <f t="shared" si="11"/>
        <v>46.676348549370999</v>
      </c>
    </row>
    <row r="381" spans="2:24">
      <c r="B381" s="23">
        <v>0.653668981482042</v>
      </c>
      <c r="C381" s="20">
        <v>159.82991999999999</v>
      </c>
      <c r="D381" s="20">
        <v>10.813283999999999</v>
      </c>
      <c r="E381" s="20">
        <v>6.2883760999999998</v>
      </c>
      <c r="F381" s="20">
        <v>0</v>
      </c>
      <c r="G381" s="20">
        <v>-0.39763283999999999</v>
      </c>
      <c r="H381" s="20">
        <v>4.8561768000000001</v>
      </c>
      <c r="I381" s="20">
        <v>0</v>
      </c>
      <c r="J381" s="20">
        <v>0</v>
      </c>
      <c r="K381" s="20">
        <v>0.39742315</v>
      </c>
      <c r="L381" s="20">
        <v>25.834662999999999</v>
      </c>
      <c r="M381" s="20">
        <v>0.40894709000000001</v>
      </c>
      <c r="N381" s="20">
        <v>7.6386815999999996E-2</v>
      </c>
      <c r="O381" s="20">
        <v>1.5513056000000001</v>
      </c>
      <c r="P381" s="20">
        <v>0.86851248000000003</v>
      </c>
      <c r="Q381" s="20">
        <f t="shared" si="10"/>
        <v>2.9051519860000004</v>
      </c>
      <c r="R381" s="20">
        <v>11.224646</v>
      </c>
      <c r="S381" s="20">
        <v>17.101659999999999</v>
      </c>
      <c r="T381" s="20">
        <v>14.572043000000001</v>
      </c>
      <c r="U381" s="20">
        <v>24.070810999999999</v>
      </c>
      <c r="V381" s="20">
        <v>10.789337</v>
      </c>
      <c r="X381" s="20">
        <f t="shared" si="11"/>
        <v>49.4549539022196</v>
      </c>
    </row>
    <row r="382" spans="2:24">
      <c r="B382" s="23">
        <v>0.65417824074393138</v>
      </c>
      <c r="C382" s="20">
        <v>667.05601000000001</v>
      </c>
      <c r="D382" s="20">
        <v>9.3864573999999994</v>
      </c>
      <c r="E382" s="20">
        <v>7.7453683</v>
      </c>
      <c r="F382" s="20">
        <v>0</v>
      </c>
      <c r="G382" s="20">
        <v>-0.52316034</v>
      </c>
      <c r="H382" s="20">
        <v>7.3256791000000003</v>
      </c>
      <c r="I382" s="20">
        <v>0</v>
      </c>
      <c r="J382" s="20">
        <v>0</v>
      </c>
      <c r="K382" s="20">
        <v>0.31365556999999999</v>
      </c>
      <c r="L382" s="20">
        <v>250.0206</v>
      </c>
      <c r="M382" s="20">
        <v>0.24885605</v>
      </c>
      <c r="N382" s="20">
        <v>2.9027218000000001</v>
      </c>
      <c r="O382" s="20">
        <v>16.906317000000001</v>
      </c>
      <c r="P382" s="20">
        <v>5.9287935999999997</v>
      </c>
      <c r="Q382" s="20">
        <f t="shared" si="10"/>
        <v>25.986688449999999</v>
      </c>
      <c r="R382" s="20">
        <v>79.175854999999999</v>
      </c>
      <c r="S382" s="20">
        <v>17.131826</v>
      </c>
      <c r="T382" s="20">
        <v>18.188216000000001</v>
      </c>
      <c r="U382" s="20">
        <v>28.015280000000001</v>
      </c>
      <c r="V382" s="20">
        <v>6.9878869999999997</v>
      </c>
      <c r="X382" s="20">
        <f t="shared" si="11"/>
        <v>53.289827312448004</v>
      </c>
    </row>
    <row r="383" spans="2:24">
      <c r="B383" s="23">
        <v>0.65467592592904111</v>
      </c>
      <c r="C383" s="20">
        <v>1334.8629000000001</v>
      </c>
      <c r="D383" s="20">
        <v>8.6076447999999992</v>
      </c>
      <c r="E383" s="20">
        <v>8.2210160000000005</v>
      </c>
      <c r="F383" s="20">
        <v>0</v>
      </c>
      <c r="G383" s="20">
        <v>-0.52464774999999997</v>
      </c>
      <c r="H383" s="20">
        <v>10.620982</v>
      </c>
      <c r="I383" s="20">
        <v>0</v>
      </c>
      <c r="J383" s="20">
        <v>0</v>
      </c>
      <c r="K383" s="20">
        <v>0.22661761999999999</v>
      </c>
      <c r="L383" s="20">
        <v>554.76409999999998</v>
      </c>
      <c r="M383" s="20">
        <v>0.30409646000000001</v>
      </c>
      <c r="N383" s="20">
        <v>5.5582460999999999</v>
      </c>
      <c r="O383" s="20">
        <v>37.226928000000001</v>
      </c>
      <c r="P383" s="20">
        <v>14.224093999999999</v>
      </c>
      <c r="Q383" s="20">
        <f t="shared" si="10"/>
        <v>57.313364560000004</v>
      </c>
      <c r="R383" s="20">
        <v>167.10420999999999</v>
      </c>
      <c r="S383" s="20">
        <v>16.828661</v>
      </c>
      <c r="T383" s="20">
        <v>21.707609000000001</v>
      </c>
      <c r="U383" s="20">
        <v>29.660705</v>
      </c>
      <c r="V383" s="20">
        <v>6.2229719000000001</v>
      </c>
      <c r="X383" s="20">
        <f t="shared" si="11"/>
        <v>57.790377963822998</v>
      </c>
    </row>
    <row r="384" spans="2:24">
      <c r="B384" s="23">
        <v>0.65517361111415084</v>
      </c>
      <c r="C384" s="20">
        <v>1939.45</v>
      </c>
      <c r="D384" s="20">
        <v>7.9648554000000003</v>
      </c>
      <c r="E384" s="20">
        <v>7.6332180999999997</v>
      </c>
      <c r="F384" s="20">
        <v>0</v>
      </c>
      <c r="G384" s="20">
        <v>-0.52215502000000003</v>
      </c>
      <c r="H384" s="20">
        <v>13.317049000000001</v>
      </c>
      <c r="I384" s="20">
        <v>0</v>
      </c>
      <c r="J384" s="20">
        <v>0</v>
      </c>
      <c r="K384" s="20">
        <v>0.26115283</v>
      </c>
      <c r="L384" s="20">
        <v>823.69785999999999</v>
      </c>
      <c r="M384" s="20">
        <v>0.30047929000000001</v>
      </c>
      <c r="N384" s="20">
        <v>8.1706643000000003</v>
      </c>
      <c r="O384" s="20">
        <v>55.090862000000001</v>
      </c>
      <c r="P384" s="20">
        <v>22.421728999999999</v>
      </c>
      <c r="Q384" s="20">
        <f t="shared" si="10"/>
        <v>85.983734589999997</v>
      </c>
      <c r="R384" s="20">
        <v>242.62187</v>
      </c>
      <c r="S384" s="20">
        <v>15.598074</v>
      </c>
      <c r="T384" s="20">
        <v>24.492927000000002</v>
      </c>
      <c r="U384" s="20">
        <v>30.249721000000001</v>
      </c>
      <c r="V384" s="20">
        <v>5.9739941999999999</v>
      </c>
      <c r="X384" s="20">
        <f t="shared" si="11"/>
        <v>61.005980578890004</v>
      </c>
    </row>
    <row r="385" spans="2:24">
      <c r="B385" s="23">
        <v>0.65567129629926058</v>
      </c>
      <c r="C385" s="20">
        <v>2076.7683999999999</v>
      </c>
      <c r="D385" s="20">
        <v>7.6892073999999999</v>
      </c>
      <c r="E385" s="20">
        <v>7.0657528000000003</v>
      </c>
      <c r="F385" s="20">
        <v>0</v>
      </c>
      <c r="G385" s="20">
        <v>-0.50155978999999995</v>
      </c>
      <c r="H385" s="20">
        <v>14.461819</v>
      </c>
      <c r="I385" s="20">
        <v>0</v>
      </c>
      <c r="J385" s="20">
        <v>0</v>
      </c>
      <c r="K385" s="20">
        <v>0.25952315999999997</v>
      </c>
      <c r="L385" s="20">
        <v>862.69293000000005</v>
      </c>
      <c r="M385" s="20">
        <v>0.31903440999999999</v>
      </c>
      <c r="N385" s="20">
        <v>7.9225140999999999</v>
      </c>
      <c r="O385" s="20">
        <v>57.071350000000002</v>
      </c>
      <c r="P385" s="20">
        <v>25.559895000000001</v>
      </c>
      <c r="Q385" s="20">
        <f t="shared" si="10"/>
        <v>90.872793509999994</v>
      </c>
      <c r="R385" s="20">
        <v>252.71243000000001</v>
      </c>
      <c r="S385" s="20">
        <v>14.754960000000001</v>
      </c>
      <c r="T385" s="20">
        <v>25.896757000000001</v>
      </c>
      <c r="U385" s="20">
        <v>30.054174</v>
      </c>
      <c r="V385" s="20">
        <v>5.6786222999999998</v>
      </c>
      <c r="X385" s="20">
        <f t="shared" si="11"/>
        <v>61.936959682607998</v>
      </c>
    </row>
    <row r="386" spans="2:24">
      <c r="B386" s="23">
        <v>0.65616898148437031</v>
      </c>
      <c r="C386" s="20">
        <v>2013.7952</v>
      </c>
      <c r="D386" s="20">
        <v>7.6867884999999996</v>
      </c>
      <c r="E386" s="20">
        <v>7.3251654999999998</v>
      </c>
      <c r="F386" s="20">
        <v>0</v>
      </c>
      <c r="G386" s="20">
        <v>-0.57228352999999998</v>
      </c>
      <c r="H386" s="20">
        <v>14.457648000000001</v>
      </c>
      <c r="I386" s="20">
        <v>0</v>
      </c>
      <c r="J386" s="20">
        <v>0</v>
      </c>
      <c r="K386" s="20">
        <v>0.23325228000000001</v>
      </c>
      <c r="L386" s="20">
        <v>793.90407000000005</v>
      </c>
      <c r="M386" s="20">
        <v>0</v>
      </c>
      <c r="N386" s="20">
        <v>8.1489487</v>
      </c>
      <c r="O386" s="20">
        <v>52.185566999999999</v>
      </c>
      <c r="P386" s="20">
        <v>25.012571000000001</v>
      </c>
      <c r="Q386" s="20">
        <f t="shared" si="10"/>
        <v>85.347086700000006</v>
      </c>
      <c r="R386" s="20">
        <v>233.36438000000001</v>
      </c>
      <c r="S386" s="20">
        <v>15.011953999999999</v>
      </c>
      <c r="T386" s="20">
        <v>26.655374999999999</v>
      </c>
      <c r="U386" s="20">
        <v>30.245985000000001</v>
      </c>
      <c r="V386" s="20">
        <v>5.7652884999999996</v>
      </c>
      <c r="X386" s="20">
        <f t="shared" si="11"/>
        <v>62.960367388144995</v>
      </c>
    </row>
    <row r="387" spans="2:24">
      <c r="B387" s="23">
        <v>0.65667824073898373</v>
      </c>
      <c r="C387" s="20">
        <v>2113.3440000000001</v>
      </c>
      <c r="D387" s="20">
        <v>9.0379038999999999</v>
      </c>
      <c r="E387" s="20">
        <v>8.8922088000000006</v>
      </c>
      <c r="F387" s="20">
        <v>0</v>
      </c>
      <c r="G387" s="20">
        <v>-0.47548344999999997</v>
      </c>
      <c r="H387" s="20">
        <v>14.434281</v>
      </c>
      <c r="I387" s="20">
        <v>0</v>
      </c>
      <c r="J387" s="20">
        <v>0</v>
      </c>
      <c r="K387" s="20">
        <v>0.25812225999999999</v>
      </c>
      <c r="L387" s="20">
        <v>767.93372999999997</v>
      </c>
      <c r="M387" s="20">
        <v>0</v>
      </c>
      <c r="N387" s="20">
        <v>8.4511622000000006</v>
      </c>
      <c r="O387" s="20">
        <v>52.243600000000001</v>
      </c>
      <c r="P387" s="20">
        <v>25.177834000000001</v>
      </c>
      <c r="Q387" s="20">
        <f t="shared" si="10"/>
        <v>85.872596200000004</v>
      </c>
      <c r="R387" s="20">
        <v>230.54938000000001</v>
      </c>
      <c r="S387" s="20">
        <v>17.930112999999999</v>
      </c>
      <c r="T387" s="20">
        <v>27.381195000000002</v>
      </c>
      <c r="U387" s="20">
        <v>29.824090999999999</v>
      </c>
      <c r="V387" s="20">
        <v>6.0881259999999999</v>
      </c>
      <c r="X387" s="20">
        <f t="shared" si="11"/>
        <v>63.595134747171002</v>
      </c>
    </row>
    <row r="388" spans="2:24">
      <c r="B388" s="23">
        <v>0.65717592592409346</v>
      </c>
      <c r="C388" s="20">
        <v>2385.4868000000001</v>
      </c>
      <c r="D388" s="20">
        <v>10.63467</v>
      </c>
      <c r="E388" s="20">
        <v>10.401783</v>
      </c>
      <c r="F388" s="20">
        <v>0</v>
      </c>
      <c r="G388" s="20">
        <v>-0.55935396000000004</v>
      </c>
      <c r="H388" s="20">
        <v>15.288004000000001</v>
      </c>
      <c r="I388" s="20">
        <v>0</v>
      </c>
      <c r="J388" s="20">
        <v>0</v>
      </c>
      <c r="K388" s="20">
        <v>0.19966571</v>
      </c>
      <c r="L388" s="20">
        <v>871.63310000000001</v>
      </c>
      <c r="M388" s="20">
        <v>7.7703525000000004</v>
      </c>
      <c r="N388" s="20">
        <v>9.1469477000000001</v>
      </c>
      <c r="O388" s="20">
        <v>62.385106</v>
      </c>
      <c r="P388" s="20">
        <v>24.858176</v>
      </c>
      <c r="Q388" s="20">
        <f t="shared" si="10"/>
        <v>104.16058220000001</v>
      </c>
      <c r="R388" s="20">
        <v>261.57445000000001</v>
      </c>
      <c r="S388" s="20">
        <v>21.036452000000001</v>
      </c>
      <c r="T388" s="20">
        <v>28.362797</v>
      </c>
      <c r="U388" s="20">
        <v>31.206073</v>
      </c>
      <c r="V388" s="20">
        <v>6.1818217000000004</v>
      </c>
      <c r="X388" s="20">
        <f t="shared" si="11"/>
        <v>66.092519870295007</v>
      </c>
    </row>
    <row r="389" spans="2:24">
      <c r="B389" s="23">
        <v>0.65767361110920319</v>
      </c>
      <c r="C389" s="20">
        <v>2802.4836</v>
      </c>
      <c r="D389" s="20">
        <v>10.542615</v>
      </c>
      <c r="E389" s="20">
        <v>10.520265999999999</v>
      </c>
      <c r="F389" s="20">
        <v>0</v>
      </c>
      <c r="G389" s="20">
        <v>-0.56542996000000001</v>
      </c>
      <c r="H389" s="20">
        <v>16.91902</v>
      </c>
      <c r="I389" s="20">
        <v>0</v>
      </c>
      <c r="J389" s="20">
        <v>0</v>
      </c>
      <c r="K389" s="20">
        <v>0.26175946999999999</v>
      </c>
      <c r="L389" s="20">
        <v>1083.7111</v>
      </c>
      <c r="M389" s="20">
        <v>18.991883999999999</v>
      </c>
      <c r="N389" s="20">
        <v>9.1437636999999992</v>
      </c>
      <c r="O389" s="20">
        <v>79.879856000000004</v>
      </c>
      <c r="P389" s="20">
        <v>25.558724000000002</v>
      </c>
      <c r="Q389" s="20">
        <f t="shared" si="10"/>
        <v>133.57422770000002</v>
      </c>
      <c r="R389" s="20">
        <v>322.11129</v>
      </c>
      <c r="S389" s="20">
        <v>21.062881999999998</v>
      </c>
      <c r="T389" s="20">
        <v>29.004225000000002</v>
      </c>
      <c r="U389" s="20">
        <v>33.026994999999999</v>
      </c>
      <c r="V389" s="20">
        <v>5.9210304999999996</v>
      </c>
      <c r="X389" s="20">
        <f t="shared" si="11"/>
        <v>68.360101504021003</v>
      </c>
    </row>
    <row r="390" spans="2:24">
      <c r="B390" s="23">
        <v>0.65817129629431292</v>
      </c>
      <c r="C390" s="20">
        <v>3067.9904000000001</v>
      </c>
      <c r="D390" s="20">
        <v>8.7997958000000001</v>
      </c>
      <c r="E390" s="20">
        <v>8.9539550000000006</v>
      </c>
      <c r="F390" s="20">
        <v>0</v>
      </c>
      <c r="G390" s="20">
        <v>-0.63044573999999998</v>
      </c>
      <c r="H390" s="20">
        <v>19.037118</v>
      </c>
      <c r="I390" s="20">
        <v>0</v>
      </c>
      <c r="J390" s="20">
        <v>0</v>
      </c>
      <c r="K390" s="20">
        <v>0.15886507999999999</v>
      </c>
      <c r="L390" s="20">
        <v>1291.4514999999999</v>
      </c>
      <c r="M390" s="20">
        <v>31.089088</v>
      </c>
      <c r="N390" s="20">
        <v>8.5597159000000005</v>
      </c>
      <c r="O390" s="20">
        <v>94.103367000000006</v>
      </c>
      <c r="P390" s="20">
        <v>26.058634999999999</v>
      </c>
      <c r="Q390" s="20">
        <f t="shared" si="10"/>
        <v>159.81080590000002</v>
      </c>
      <c r="R390" s="20">
        <v>376.95938000000001</v>
      </c>
      <c r="S390" s="20">
        <v>17.753751000000001</v>
      </c>
      <c r="T390" s="20">
        <v>29.523747</v>
      </c>
      <c r="U390" s="20">
        <v>35.884692999999999</v>
      </c>
      <c r="V390" s="20">
        <v>5.9964829000000002</v>
      </c>
      <c r="X390" s="20">
        <f t="shared" si="11"/>
        <v>71.862255474503996</v>
      </c>
    </row>
    <row r="391" spans="2:24">
      <c r="B391" s="23">
        <v>0.65866898147942265</v>
      </c>
      <c r="C391" s="20">
        <v>3202.1770000000001</v>
      </c>
      <c r="D391" s="20">
        <v>6.7508245999999996</v>
      </c>
      <c r="E391" s="20">
        <v>7.3873727999999996</v>
      </c>
      <c r="F391" s="20">
        <v>0</v>
      </c>
      <c r="G391" s="20">
        <v>-0.60654587999999998</v>
      </c>
      <c r="H391" s="20">
        <v>20.700692</v>
      </c>
      <c r="I391" s="20">
        <v>0</v>
      </c>
      <c r="J391" s="20">
        <v>0</v>
      </c>
      <c r="K391" s="20">
        <v>0.18156137999999999</v>
      </c>
      <c r="L391" s="20">
        <v>1369.4862000000001</v>
      </c>
      <c r="M391" s="20">
        <v>31.944095999999998</v>
      </c>
      <c r="N391" s="20">
        <v>8.2815069999999995</v>
      </c>
      <c r="O391" s="20">
        <v>99.112120000000004</v>
      </c>
      <c r="P391" s="20">
        <v>27.489733999999999</v>
      </c>
      <c r="Q391" s="20">
        <f t="shared" si="10"/>
        <v>166.82745700000001</v>
      </c>
      <c r="R391" s="20">
        <v>401.23824000000002</v>
      </c>
      <c r="S391" s="20">
        <v>14.138197</v>
      </c>
      <c r="T391" s="20">
        <v>29.617096</v>
      </c>
      <c r="U391" s="20">
        <v>37.475256000000002</v>
      </c>
      <c r="V391" s="20">
        <v>5.8860039000000004</v>
      </c>
      <c r="X391" s="20">
        <f t="shared" si="11"/>
        <v>73.457060175890007</v>
      </c>
    </row>
    <row r="392" spans="2:24">
      <c r="B392" s="23">
        <v>0.65917824074131204</v>
      </c>
      <c r="C392" s="20">
        <v>3502.471</v>
      </c>
      <c r="D392" s="20">
        <v>5.6147269</v>
      </c>
      <c r="E392" s="20">
        <v>5.3923201000000001</v>
      </c>
      <c r="F392" s="20">
        <v>0</v>
      </c>
      <c r="G392" s="20">
        <v>-0.46699640999999997</v>
      </c>
      <c r="H392" s="20">
        <v>21.797087000000001</v>
      </c>
      <c r="I392" s="20">
        <v>0</v>
      </c>
      <c r="J392" s="20">
        <v>0</v>
      </c>
      <c r="K392" s="20">
        <v>5.6184102999999999E-2</v>
      </c>
      <c r="L392" s="20">
        <v>1696.7153000000001</v>
      </c>
      <c r="M392" s="20">
        <v>56.953628000000002</v>
      </c>
      <c r="N392" s="20">
        <v>7.7815973999999999</v>
      </c>
      <c r="O392" s="20">
        <v>112.35063</v>
      </c>
      <c r="P392" s="20">
        <v>31.797432000000001</v>
      </c>
      <c r="Q392" s="20">
        <f t="shared" ref="Q392:Q455" si="12">M392+N392+O392+P392</f>
        <v>208.88328740000003</v>
      </c>
      <c r="R392" s="20">
        <v>464.06045</v>
      </c>
      <c r="S392" s="20">
        <v>11.007047</v>
      </c>
      <c r="T392" s="20">
        <v>30.243618999999999</v>
      </c>
      <c r="U392" s="20">
        <v>38.100206</v>
      </c>
      <c r="V392" s="20">
        <v>5.0195737999999999</v>
      </c>
      <c r="X392" s="20">
        <f t="shared" ref="X392:X455" si="13">(SUM(C392:S392)-Q392-R392)/10000+SUM(T392:V392)</f>
        <v>73.908545795609299</v>
      </c>
    </row>
    <row r="393" spans="2:24">
      <c r="B393" s="23">
        <v>0.65967592592642177</v>
      </c>
      <c r="C393" s="20">
        <v>3923.9596999999999</v>
      </c>
      <c r="D393" s="20">
        <v>4.4871692000000003</v>
      </c>
      <c r="E393" s="20">
        <v>3.4267417</v>
      </c>
      <c r="F393" s="20">
        <v>0</v>
      </c>
      <c r="G393" s="20">
        <v>-0.53128268999999995</v>
      </c>
      <c r="H393" s="20">
        <v>22.586120000000001</v>
      </c>
      <c r="I393" s="20">
        <v>0</v>
      </c>
      <c r="J393" s="20">
        <v>0.25061518999999999</v>
      </c>
      <c r="K393" s="20">
        <v>0.11516511</v>
      </c>
      <c r="L393" s="20">
        <v>1964.1152999999999</v>
      </c>
      <c r="M393" s="20">
        <v>55.082526000000001</v>
      </c>
      <c r="N393" s="20">
        <v>8.9533249999999995</v>
      </c>
      <c r="O393" s="20">
        <v>130.72626</v>
      </c>
      <c r="P393" s="20">
        <v>37.984834999999997</v>
      </c>
      <c r="Q393" s="20">
        <f t="shared" si="12"/>
        <v>232.74694600000001</v>
      </c>
      <c r="R393" s="20">
        <v>548.60976000000005</v>
      </c>
      <c r="S393" s="20">
        <v>7.9139109000000003</v>
      </c>
      <c r="T393" s="20">
        <v>30.718917999999999</v>
      </c>
      <c r="U393" s="20">
        <v>37.983572000000002</v>
      </c>
      <c r="V393" s="20">
        <v>4.7913528000000003</v>
      </c>
      <c r="X393" s="20">
        <f t="shared" si="13"/>
        <v>74.109749838540992</v>
      </c>
    </row>
    <row r="394" spans="2:24">
      <c r="B394" s="23">
        <v>0.6601736111115315</v>
      </c>
      <c r="C394" s="20">
        <v>4555.6795000000002</v>
      </c>
      <c r="D394" s="20">
        <v>3.6166383999999998</v>
      </c>
      <c r="E394" s="20">
        <v>0.9960966</v>
      </c>
      <c r="F394" s="20">
        <v>0</v>
      </c>
      <c r="G394" s="20">
        <v>-0.27594415999999999</v>
      </c>
      <c r="H394" s="20">
        <v>23.503720000000001</v>
      </c>
      <c r="I394" s="20">
        <v>0</v>
      </c>
      <c r="J394" s="20">
        <v>1.1527134999999999</v>
      </c>
      <c r="K394" s="20">
        <v>8.1793824000000001E-2</v>
      </c>
      <c r="L394" s="20">
        <v>2231.2134999999998</v>
      </c>
      <c r="M394" s="20">
        <v>44.929398999999997</v>
      </c>
      <c r="N394" s="20">
        <v>10.800952000000001</v>
      </c>
      <c r="O394" s="20">
        <v>160.52247</v>
      </c>
      <c r="P394" s="20">
        <v>46.051772</v>
      </c>
      <c r="Q394" s="20">
        <f t="shared" si="12"/>
        <v>262.30459299999995</v>
      </c>
      <c r="R394" s="20">
        <v>632.89410999999996</v>
      </c>
      <c r="S394" s="20">
        <v>4.6127349999999998</v>
      </c>
      <c r="T394" s="20">
        <v>31.449897</v>
      </c>
      <c r="U394" s="20">
        <v>37.440679000000003</v>
      </c>
      <c r="V394" s="20">
        <v>3.7279414000000002</v>
      </c>
      <c r="X394" s="20">
        <f t="shared" si="13"/>
        <v>73.326805934616416</v>
      </c>
    </row>
    <row r="395" spans="2:24">
      <c r="B395" s="23">
        <v>0.66067129629664123</v>
      </c>
      <c r="C395" s="20">
        <v>5224.3348999999998</v>
      </c>
      <c r="D395" s="20">
        <v>3.4348581</v>
      </c>
      <c r="E395" s="20">
        <v>0</v>
      </c>
      <c r="F395" s="20">
        <v>0</v>
      </c>
      <c r="G395" s="20">
        <v>-8.2294705999999995E-2</v>
      </c>
      <c r="H395" s="20">
        <v>24.683841999999999</v>
      </c>
      <c r="I395" s="20">
        <v>0</v>
      </c>
      <c r="J395" s="20">
        <v>3.0976232000000001</v>
      </c>
      <c r="K395" s="20">
        <v>9.9775604000000004E-2</v>
      </c>
      <c r="L395" s="20">
        <v>2575.3247000000001</v>
      </c>
      <c r="M395" s="20">
        <v>52.119084000000001</v>
      </c>
      <c r="N395" s="20">
        <v>10.738151</v>
      </c>
      <c r="O395" s="20">
        <v>194.91352000000001</v>
      </c>
      <c r="P395" s="20">
        <v>53.990825999999998</v>
      </c>
      <c r="Q395" s="20">
        <f t="shared" si="12"/>
        <v>311.76158099999998</v>
      </c>
      <c r="R395" s="20">
        <v>741.57227999999998</v>
      </c>
      <c r="S395" s="20">
        <v>3.4348581</v>
      </c>
      <c r="T395" s="20">
        <v>32.168022999999998</v>
      </c>
      <c r="U395" s="20">
        <v>36.368912999999999</v>
      </c>
      <c r="V395" s="20">
        <v>2.8159616000000001</v>
      </c>
      <c r="X395" s="20">
        <f t="shared" si="13"/>
        <v>72.167506584329786</v>
      </c>
    </row>
    <row r="396" spans="2:24">
      <c r="B396" s="23">
        <v>0.66118055555853061</v>
      </c>
      <c r="C396" s="20">
        <v>5908.7260999999999</v>
      </c>
      <c r="D396" s="20">
        <v>3.5343060999999998</v>
      </c>
      <c r="E396" s="20">
        <v>0</v>
      </c>
      <c r="F396" s="20">
        <v>0.27386107999999998</v>
      </c>
      <c r="G396" s="20">
        <v>1.1610033</v>
      </c>
      <c r="H396" s="20">
        <v>25.520959999999999</v>
      </c>
      <c r="I396" s="20">
        <v>0</v>
      </c>
      <c r="J396" s="20">
        <v>5.2721419000000003</v>
      </c>
      <c r="K396" s="20">
        <v>4.2803086999999997E-2</v>
      </c>
      <c r="L396" s="20">
        <v>2741.3852000000002</v>
      </c>
      <c r="M396" s="20">
        <v>39.065300000000001</v>
      </c>
      <c r="N396" s="20">
        <v>9.9471360000000004</v>
      </c>
      <c r="O396" s="20">
        <v>229.08354</v>
      </c>
      <c r="P396" s="20">
        <v>60.508952999999998</v>
      </c>
      <c r="Q396" s="20">
        <f t="shared" si="12"/>
        <v>338.60492900000003</v>
      </c>
      <c r="R396" s="20">
        <v>849.87279000000001</v>
      </c>
      <c r="S396" s="20">
        <v>3.5343060999999998</v>
      </c>
      <c r="T396" s="20">
        <v>32.933320999999999</v>
      </c>
      <c r="U396" s="20">
        <v>35.286619000000002</v>
      </c>
      <c r="V396" s="20">
        <v>2.6687368999999999</v>
      </c>
      <c r="X396" s="20">
        <f t="shared" si="13"/>
        <v>71.791482461056702</v>
      </c>
    </row>
    <row r="397" spans="2:24">
      <c r="B397" s="23">
        <v>0.66167824074364034</v>
      </c>
      <c r="C397" s="20">
        <v>6255.4787999999999</v>
      </c>
      <c r="D397" s="20">
        <v>4.3321348000000004</v>
      </c>
      <c r="E397" s="20">
        <v>0</v>
      </c>
      <c r="F397" s="20">
        <v>0.32209649000000001</v>
      </c>
      <c r="G397" s="20">
        <v>-0.13381207000000001</v>
      </c>
      <c r="H397" s="20">
        <v>25.834669000000002</v>
      </c>
      <c r="I397" s="20">
        <v>0</v>
      </c>
      <c r="J397" s="20">
        <v>6.2859366999999997</v>
      </c>
      <c r="K397" s="20">
        <v>0.10750704</v>
      </c>
      <c r="L397" s="20">
        <v>2849.2456000000002</v>
      </c>
      <c r="M397" s="20">
        <v>38.462080999999998</v>
      </c>
      <c r="N397" s="20">
        <v>18.856612999999999</v>
      </c>
      <c r="O397" s="20">
        <v>244.78935000000001</v>
      </c>
      <c r="P397" s="20">
        <v>64.750983000000005</v>
      </c>
      <c r="Q397" s="20">
        <f t="shared" si="12"/>
        <v>366.85902700000003</v>
      </c>
      <c r="R397" s="20">
        <v>936.66395</v>
      </c>
      <c r="S397" s="20">
        <v>4.3321348000000004</v>
      </c>
      <c r="T397" s="20">
        <v>33.703420000000001</v>
      </c>
      <c r="U397" s="20">
        <v>34.215784999999997</v>
      </c>
      <c r="V397" s="20">
        <v>3.2199100999999999</v>
      </c>
      <c r="X397" s="20">
        <f t="shared" si="13"/>
        <v>72.090381509376002</v>
      </c>
    </row>
    <row r="398" spans="2:24">
      <c r="B398" s="23">
        <v>0.66217592592875008</v>
      </c>
      <c r="C398" s="20">
        <v>5389.7109</v>
      </c>
      <c r="D398" s="20">
        <v>5.7805903000000001</v>
      </c>
      <c r="E398" s="20">
        <v>0</v>
      </c>
      <c r="F398" s="20">
        <v>0.23507669</v>
      </c>
      <c r="G398" s="20">
        <v>-0.33603052</v>
      </c>
      <c r="H398" s="20">
        <v>25.052486999999999</v>
      </c>
      <c r="I398" s="20">
        <v>0</v>
      </c>
      <c r="J398" s="20">
        <v>4.3530641000000001</v>
      </c>
      <c r="K398" s="20">
        <v>0.15407039</v>
      </c>
      <c r="L398" s="20">
        <v>2338.0392999999999</v>
      </c>
      <c r="M398" s="20">
        <v>0</v>
      </c>
      <c r="N398" s="20">
        <v>21.554559999999999</v>
      </c>
      <c r="O398" s="20">
        <v>204.90713</v>
      </c>
      <c r="P398" s="20">
        <v>58.588746999999998</v>
      </c>
      <c r="Q398" s="20">
        <f t="shared" si="12"/>
        <v>285.05043699999999</v>
      </c>
      <c r="R398" s="20">
        <v>819.48455999999999</v>
      </c>
      <c r="S398" s="20">
        <v>5.7805903000000001</v>
      </c>
      <c r="T398" s="20">
        <v>33.440801</v>
      </c>
      <c r="U398" s="20">
        <v>33.519201000000002</v>
      </c>
      <c r="V398" s="20">
        <v>5.3754255999999998</v>
      </c>
      <c r="X398" s="20">
        <f t="shared" si="13"/>
        <v>73.140809648526002</v>
      </c>
    </row>
    <row r="399" spans="2:24">
      <c r="B399" s="23">
        <v>0.66270833333692281</v>
      </c>
      <c r="C399" s="20">
        <v>3688.0183999999999</v>
      </c>
      <c r="D399" s="20">
        <v>7.0335181999999996</v>
      </c>
      <c r="E399" s="20">
        <v>1.9242813000000001</v>
      </c>
      <c r="F399" s="20">
        <v>0</v>
      </c>
      <c r="G399" s="20">
        <v>-0.66081153999999998</v>
      </c>
      <c r="H399" s="20">
        <v>22.727302999999999</v>
      </c>
      <c r="I399" s="20">
        <v>0</v>
      </c>
      <c r="J399" s="20">
        <v>1.883715</v>
      </c>
      <c r="K399" s="20">
        <v>0.19833389000000001</v>
      </c>
      <c r="L399" s="20">
        <v>1679.6955</v>
      </c>
      <c r="M399" s="20">
        <v>0</v>
      </c>
      <c r="N399" s="20">
        <v>21.649287999999999</v>
      </c>
      <c r="O399" s="20">
        <v>135.20615000000001</v>
      </c>
      <c r="P399" s="20">
        <v>44.293810999999998</v>
      </c>
      <c r="Q399" s="20">
        <f t="shared" si="12"/>
        <v>201.149249</v>
      </c>
      <c r="R399" s="20">
        <v>566.20324000000005</v>
      </c>
      <c r="S399" s="20">
        <v>8.9577995000000001</v>
      </c>
      <c r="T399" s="20">
        <v>31.929454</v>
      </c>
      <c r="U399" s="20">
        <v>33.182744</v>
      </c>
      <c r="V399" s="20">
        <v>6.9014052000000001</v>
      </c>
      <c r="X399" s="20">
        <f t="shared" si="13"/>
        <v>72.574695928835013</v>
      </c>
    </row>
    <row r="400" spans="2:24">
      <c r="B400" s="23">
        <v>0.66324074073781958</v>
      </c>
      <c r="C400" s="20">
        <v>1855.3199</v>
      </c>
      <c r="D400" s="20">
        <v>7.7762614000000001</v>
      </c>
      <c r="E400" s="20">
        <v>5.7226182000000003</v>
      </c>
      <c r="F400" s="20">
        <v>0</v>
      </c>
      <c r="G400" s="20">
        <v>-0.69200737000000001</v>
      </c>
      <c r="H400" s="20">
        <v>18.959602</v>
      </c>
      <c r="I400" s="20">
        <v>0</v>
      </c>
      <c r="J400" s="20">
        <v>0</v>
      </c>
      <c r="K400" s="20">
        <v>0.15737139999999999</v>
      </c>
      <c r="L400" s="20">
        <v>969.15021000000002</v>
      </c>
      <c r="M400" s="20">
        <v>0</v>
      </c>
      <c r="N400" s="20">
        <v>9.3400742999999995</v>
      </c>
      <c r="O400" s="20">
        <v>64.980725000000007</v>
      </c>
      <c r="P400" s="20">
        <v>27.195298999999999</v>
      </c>
      <c r="Q400" s="20">
        <f t="shared" si="12"/>
        <v>101.51609830000001</v>
      </c>
      <c r="R400" s="20">
        <v>294.65881999999999</v>
      </c>
      <c r="S400" s="20">
        <v>13.49888</v>
      </c>
      <c r="T400" s="20">
        <v>29.493607999999998</v>
      </c>
      <c r="U400" s="20">
        <v>33.127243999999997</v>
      </c>
      <c r="V400" s="20">
        <v>7.2560963000000003</v>
      </c>
      <c r="X400" s="20">
        <f t="shared" si="13"/>
        <v>70.174089193393002</v>
      </c>
    </row>
    <row r="401" spans="2:24">
      <c r="B401" s="23">
        <v>0.66373842592292931</v>
      </c>
      <c r="C401" s="20">
        <v>873.78462000000002</v>
      </c>
      <c r="D401" s="20">
        <v>8.8898869000000005</v>
      </c>
      <c r="E401" s="20">
        <v>9.0925577000000004</v>
      </c>
      <c r="F401" s="20">
        <v>0</v>
      </c>
      <c r="G401" s="20">
        <v>-0.74718388000000002</v>
      </c>
      <c r="H401" s="20">
        <v>14.627777</v>
      </c>
      <c r="I401" s="20">
        <v>0</v>
      </c>
      <c r="J401" s="20">
        <v>0</v>
      </c>
      <c r="K401" s="20">
        <v>0.16854548</v>
      </c>
      <c r="L401" s="20">
        <v>442.41752000000002</v>
      </c>
      <c r="M401" s="20">
        <v>0</v>
      </c>
      <c r="N401" s="20">
        <v>5.3321646999999999</v>
      </c>
      <c r="O401" s="20">
        <v>28.804241999999999</v>
      </c>
      <c r="P401" s="20">
        <v>16.062407</v>
      </c>
      <c r="Q401" s="20">
        <f t="shared" si="12"/>
        <v>50.198813699999995</v>
      </c>
      <c r="R401" s="20">
        <v>133.88092</v>
      </c>
      <c r="S401" s="20">
        <v>17.982444999999998</v>
      </c>
      <c r="T401" s="20">
        <v>27.280284999999999</v>
      </c>
      <c r="U401" s="20">
        <v>33.230162</v>
      </c>
      <c r="V401" s="20">
        <v>7.4330230999999998</v>
      </c>
      <c r="X401" s="20">
        <f t="shared" si="13"/>
        <v>68.085111598189997</v>
      </c>
    </row>
    <row r="402" spans="2:24">
      <c r="B402" s="23">
        <v>0.66423611110803904</v>
      </c>
      <c r="C402" s="20">
        <v>642.05704000000003</v>
      </c>
      <c r="D402" s="20">
        <v>11.600934000000001</v>
      </c>
      <c r="E402" s="20">
        <v>10.091189</v>
      </c>
      <c r="F402" s="20">
        <v>0</v>
      </c>
      <c r="G402" s="20">
        <v>-0.71622432000000003</v>
      </c>
      <c r="H402" s="20">
        <v>11.828314000000001</v>
      </c>
      <c r="I402" s="20">
        <v>0</v>
      </c>
      <c r="J402" s="20">
        <v>0</v>
      </c>
      <c r="K402" s="20">
        <v>0.22827173000000001</v>
      </c>
      <c r="L402" s="20">
        <v>290.63164</v>
      </c>
      <c r="M402" s="20">
        <v>0</v>
      </c>
      <c r="N402" s="20">
        <v>3.6678909000000002</v>
      </c>
      <c r="O402" s="20">
        <v>19.914359999999999</v>
      </c>
      <c r="P402" s="20">
        <v>11.544381</v>
      </c>
      <c r="Q402" s="20">
        <f t="shared" si="12"/>
        <v>35.1266319</v>
      </c>
      <c r="R402" s="20">
        <v>87.212907999999999</v>
      </c>
      <c r="S402" s="20">
        <v>21.692122999999999</v>
      </c>
      <c r="T402" s="20">
        <v>26.258652000000001</v>
      </c>
      <c r="U402" s="20">
        <v>32.817335999999997</v>
      </c>
      <c r="V402" s="20">
        <v>7.8212837000000004</v>
      </c>
      <c r="X402" s="20">
        <f t="shared" si="13"/>
        <v>66.999525691930984</v>
      </c>
    </row>
    <row r="403" spans="2:24">
      <c r="B403" s="23">
        <v>0.66473379629314877</v>
      </c>
      <c r="C403" s="20">
        <v>878.2636</v>
      </c>
      <c r="D403" s="20">
        <v>13.762098999999999</v>
      </c>
      <c r="E403" s="20">
        <v>10.41526</v>
      </c>
      <c r="F403" s="20">
        <v>0</v>
      </c>
      <c r="G403" s="20">
        <v>-0.69880200000000003</v>
      </c>
      <c r="H403" s="20">
        <v>11.706619</v>
      </c>
      <c r="I403" s="20">
        <v>0</v>
      </c>
      <c r="J403" s="20">
        <v>0</v>
      </c>
      <c r="K403" s="20">
        <v>0.33105093000000002</v>
      </c>
      <c r="L403" s="20">
        <v>360.59688999999997</v>
      </c>
      <c r="M403" s="20">
        <v>0</v>
      </c>
      <c r="N403" s="20">
        <v>3.8269609</v>
      </c>
      <c r="O403" s="20">
        <v>26.489364999999999</v>
      </c>
      <c r="P403" s="20">
        <v>10.128347</v>
      </c>
      <c r="Q403" s="20">
        <f t="shared" si="12"/>
        <v>40.4446729</v>
      </c>
      <c r="R403" s="20">
        <v>108.03791</v>
      </c>
      <c r="S403" s="20">
        <v>24.177358999999999</v>
      </c>
      <c r="T403" s="20">
        <v>26.272523</v>
      </c>
      <c r="U403" s="20">
        <v>33.849587999999997</v>
      </c>
      <c r="V403" s="20">
        <v>7.9886071999999997</v>
      </c>
      <c r="X403" s="20">
        <f t="shared" si="13"/>
        <v>68.244618074882993</v>
      </c>
    </row>
    <row r="404" spans="2:24">
      <c r="B404" s="23">
        <v>0.6652662037013215</v>
      </c>
      <c r="C404" s="20">
        <v>1535.9889000000001</v>
      </c>
      <c r="D404" s="20">
        <v>13.286899999999999</v>
      </c>
      <c r="E404" s="20">
        <v>10.431709</v>
      </c>
      <c r="F404" s="20">
        <v>0</v>
      </c>
      <c r="G404" s="20">
        <v>-0.66552668999999998</v>
      </c>
      <c r="H404" s="20">
        <v>13.995188000000001</v>
      </c>
      <c r="I404" s="20">
        <v>0</v>
      </c>
      <c r="J404" s="20">
        <v>0</v>
      </c>
      <c r="K404" s="20">
        <v>0.35567782999999997</v>
      </c>
      <c r="L404" s="20">
        <v>628.91908000000001</v>
      </c>
      <c r="M404" s="20">
        <v>7.3545777000000001</v>
      </c>
      <c r="N404" s="20">
        <v>6.0186413999999999</v>
      </c>
      <c r="O404" s="20">
        <v>47.588734000000002</v>
      </c>
      <c r="P404" s="20">
        <v>11.887724</v>
      </c>
      <c r="Q404" s="20">
        <f t="shared" si="12"/>
        <v>72.849677100000008</v>
      </c>
      <c r="R404" s="20">
        <v>187.80790999999999</v>
      </c>
      <c r="S404" s="20">
        <v>23.718609000000001</v>
      </c>
      <c r="T404" s="20">
        <v>27.141622999999999</v>
      </c>
      <c r="U404" s="20">
        <v>35.962522999999997</v>
      </c>
      <c r="V404" s="20">
        <v>6.9472947999999999</v>
      </c>
      <c r="X404" s="20">
        <f t="shared" si="13"/>
        <v>70.281328821423998</v>
      </c>
    </row>
    <row r="405" spans="2:24">
      <c r="B405" s="23">
        <v>0.66577546296321088</v>
      </c>
      <c r="C405" s="20">
        <v>2312.8510000000001</v>
      </c>
      <c r="D405" s="20">
        <v>10.249426</v>
      </c>
      <c r="E405" s="20">
        <v>9.8675137999999993</v>
      </c>
      <c r="F405" s="20">
        <v>0</v>
      </c>
      <c r="G405" s="20">
        <v>-0.63562501999999999</v>
      </c>
      <c r="H405" s="20">
        <v>17.160312999999999</v>
      </c>
      <c r="I405" s="20">
        <v>0</v>
      </c>
      <c r="J405" s="20">
        <v>0</v>
      </c>
      <c r="K405" s="20">
        <v>0.28261839</v>
      </c>
      <c r="L405" s="20">
        <v>962.77121</v>
      </c>
      <c r="M405" s="20">
        <v>17.571293000000001</v>
      </c>
      <c r="N405" s="20">
        <v>8.0693867000000008</v>
      </c>
      <c r="O405" s="20">
        <v>70.212130999999999</v>
      </c>
      <c r="P405" s="20">
        <v>15.106835999999999</v>
      </c>
      <c r="Q405" s="20">
        <f t="shared" si="12"/>
        <v>110.95964669999999</v>
      </c>
      <c r="R405" s="20">
        <v>282.22910999999999</v>
      </c>
      <c r="S405" s="20">
        <v>20.11694</v>
      </c>
      <c r="T405" s="20">
        <v>27.987044000000001</v>
      </c>
      <c r="U405" s="20">
        <v>38.771642999999997</v>
      </c>
      <c r="V405" s="20">
        <v>6.4386402</v>
      </c>
      <c r="X405" s="20">
        <f t="shared" si="13"/>
        <v>73.541689504286992</v>
      </c>
    </row>
    <row r="406" spans="2:24">
      <c r="B406" s="23">
        <v>0.66629629629460396</v>
      </c>
      <c r="C406" s="20">
        <v>2906.6954999999998</v>
      </c>
      <c r="D406" s="20">
        <v>7.2044725999999999</v>
      </c>
      <c r="E406" s="20">
        <v>9.0476773000000001</v>
      </c>
      <c r="F406" s="20">
        <v>0</v>
      </c>
      <c r="G406" s="20">
        <v>-0.64917117999999996</v>
      </c>
      <c r="H406" s="20">
        <v>19.757192</v>
      </c>
      <c r="I406" s="20">
        <v>0</v>
      </c>
      <c r="J406" s="20">
        <v>0</v>
      </c>
      <c r="K406" s="20">
        <v>0.23054210999999999</v>
      </c>
      <c r="L406" s="20">
        <v>1243.3351</v>
      </c>
      <c r="M406" s="20">
        <v>29.229486000000001</v>
      </c>
      <c r="N406" s="20">
        <v>9.7210879000000006</v>
      </c>
      <c r="O406" s="20">
        <v>86.910794999999993</v>
      </c>
      <c r="P406" s="20">
        <v>18.961366999999999</v>
      </c>
      <c r="Q406" s="20">
        <f t="shared" si="12"/>
        <v>144.8227359</v>
      </c>
      <c r="R406" s="20">
        <v>362.86876999999998</v>
      </c>
      <c r="S406" s="20">
        <v>16.25215</v>
      </c>
      <c r="T406" s="20">
        <v>28.790897999999999</v>
      </c>
      <c r="U406" s="20">
        <v>39.979107999999997</v>
      </c>
      <c r="V406" s="20">
        <v>6.2520138999999997</v>
      </c>
      <c r="X406" s="20">
        <f t="shared" si="13"/>
        <v>75.456689519872995</v>
      </c>
    </row>
    <row r="407" spans="2:24">
      <c r="B407" s="23">
        <v>0.66679398147971369</v>
      </c>
      <c r="C407" s="20">
        <v>3398.9888999999998</v>
      </c>
      <c r="D407" s="20">
        <v>5.7999673999999999</v>
      </c>
      <c r="E407" s="20">
        <v>8.2688704000000008</v>
      </c>
      <c r="F407" s="20">
        <v>0</v>
      </c>
      <c r="G407" s="20">
        <v>-0.52259946000000002</v>
      </c>
      <c r="H407" s="20">
        <v>21.383953999999999</v>
      </c>
      <c r="I407" s="20">
        <v>0</v>
      </c>
      <c r="J407" s="20">
        <v>0</v>
      </c>
      <c r="K407" s="20">
        <v>0.17554358</v>
      </c>
      <c r="L407" s="20">
        <v>1494.2914000000001</v>
      </c>
      <c r="M407" s="20">
        <v>29.705639999999999</v>
      </c>
      <c r="N407" s="20">
        <v>10.472605</v>
      </c>
      <c r="O407" s="20">
        <v>104.48697</v>
      </c>
      <c r="P407" s="20">
        <v>23.627348999999999</v>
      </c>
      <c r="Q407" s="20">
        <f t="shared" si="12"/>
        <v>168.292564</v>
      </c>
      <c r="R407" s="20">
        <v>440.19254000000001</v>
      </c>
      <c r="S407" s="20">
        <v>14.068838</v>
      </c>
      <c r="T407" s="20">
        <v>29.401571000000001</v>
      </c>
      <c r="U407" s="20">
        <v>39.747947000000003</v>
      </c>
      <c r="V407" s="20">
        <v>4.9943410000000004</v>
      </c>
      <c r="X407" s="20">
        <f t="shared" si="13"/>
        <v>74.654933743792</v>
      </c>
    </row>
    <row r="408" spans="2:24">
      <c r="B408" s="23">
        <v>0.66730324074160308</v>
      </c>
      <c r="C408" s="20">
        <v>3873.4731999999999</v>
      </c>
      <c r="D408" s="20">
        <v>5.1345925000000001</v>
      </c>
      <c r="E408" s="20">
        <v>7.1994224000000004</v>
      </c>
      <c r="F408" s="20">
        <v>0</v>
      </c>
      <c r="G408" s="20">
        <v>-0.33976427999999997</v>
      </c>
      <c r="H408" s="20">
        <v>22.422568999999999</v>
      </c>
      <c r="I408" s="20">
        <v>0</v>
      </c>
      <c r="J408" s="20">
        <v>1.3885267999999999E-2</v>
      </c>
      <c r="K408" s="20">
        <v>0.27194427999999998</v>
      </c>
      <c r="L408" s="20">
        <v>1759.7297000000001</v>
      </c>
      <c r="M408" s="20">
        <v>29.013328999999999</v>
      </c>
      <c r="N408" s="20">
        <v>9.2263677000000008</v>
      </c>
      <c r="O408" s="20">
        <v>122.98103999999999</v>
      </c>
      <c r="P408" s="20">
        <v>28.669180999999998</v>
      </c>
      <c r="Q408" s="20">
        <f t="shared" si="12"/>
        <v>189.88991769999998</v>
      </c>
      <c r="R408" s="20">
        <v>527.02364999999998</v>
      </c>
      <c r="S408" s="20">
        <v>12.334015000000001</v>
      </c>
      <c r="T408" s="20">
        <v>30.007570999999999</v>
      </c>
      <c r="U408" s="20">
        <v>38.600825</v>
      </c>
      <c r="V408" s="20">
        <v>4.6152028999999999</v>
      </c>
      <c r="X408" s="20">
        <f t="shared" si="13"/>
        <v>73.810611848186795</v>
      </c>
    </row>
    <row r="409" spans="2:24">
      <c r="B409" s="23">
        <v>0.66780092592671281</v>
      </c>
      <c r="C409" s="20">
        <v>4312.8055999999997</v>
      </c>
      <c r="D409" s="20">
        <v>5.0523885000000002</v>
      </c>
      <c r="E409" s="20">
        <v>5.3754913000000002</v>
      </c>
      <c r="F409" s="20">
        <v>0</v>
      </c>
      <c r="G409" s="20">
        <v>-0.29994224000000003</v>
      </c>
      <c r="H409" s="20">
        <v>23.053440999999999</v>
      </c>
      <c r="I409" s="20">
        <v>0</v>
      </c>
      <c r="J409" s="20">
        <v>0.35846401999999999</v>
      </c>
      <c r="K409" s="20">
        <v>0.20899886000000001</v>
      </c>
      <c r="L409" s="20">
        <v>2019.3054999999999</v>
      </c>
      <c r="M409" s="20">
        <v>29.472961000000002</v>
      </c>
      <c r="N409" s="20">
        <v>9.5908675999999993</v>
      </c>
      <c r="O409" s="20">
        <v>139.70053999999999</v>
      </c>
      <c r="P409" s="20">
        <v>33.044237000000003</v>
      </c>
      <c r="Q409" s="20">
        <f t="shared" si="12"/>
        <v>211.80860559999999</v>
      </c>
      <c r="R409" s="20">
        <v>600.33452999999997</v>
      </c>
      <c r="S409" s="20">
        <v>10.42788</v>
      </c>
      <c r="T409" s="20">
        <v>30.708424000000001</v>
      </c>
      <c r="U409" s="20">
        <v>37.047781000000001</v>
      </c>
      <c r="V409" s="20">
        <v>4.3607019999999999</v>
      </c>
      <c r="X409" s="20">
        <f t="shared" si="13"/>
        <v>72.775716642703998</v>
      </c>
    </row>
    <row r="410" spans="2:24">
      <c r="B410" s="23">
        <v>0.66829861111182254</v>
      </c>
      <c r="C410" s="20">
        <v>4423.7190000000001</v>
      </c>
      <c r="D410" s="20">
        <v>5.5607673999999996</v>
      </c>
      <c r="E410" s="20">
        <v>2.7384693000000002</v>
      </c>
      <c r="F410" s="20">
        <v>0</v>
      </c>
      <c r="G410" s="20">
        <v>-0.26340492999999998</v>
      </c>
      <c r="H410" s="20">
        <v>23.308026000000002</v>
      </c>
      <c r="I410" s="20">
        <v>0</v>
      </c>
      <c r="J410" s="20">
        <v>0.71885246999999997</v>
      </c>
      <c r="K410" s="20">
        <v>0.20592303000000001</v>
      </c>
      <c r="L410" s="20">
        <v>2185.8083000000001</v>
      </c>
      <c r="M410" s="20">
        <v>37.240462999999998</v>
      </c>
      <c r="N410" s="20">
        <v>9.0700581000000007</v>
      </c>
      <c r="O410" s="20">
        <v>141.61681999999999</v>
      </c>
      <c r="P410" s="20">
        <v>34.368575999999997</v>
      </c>
      <c r="Q410" s="20">
        <f t="shared" si="12"/>
        <v>222.29591709999997</v>
      </c>
      <c r="R410" s="20">
        <v>628.81898000000001</v>
      </c>
      <c r="S410" s="20">
        <v>8.2992366999999998</v>
      </c>
      <c r="T410" s="20">
        <v>31.103670000000001</v>
      </c>
      <c r="U410" s="20">
        <v>35.418069000000003</v>
      </c>
      <c r="V410" s="20">
        <v>4.2926276000000003</v>
      </c>
      <c r="X410" s="20">
        <f t="shared" si="13"/>
        <v>71.501605708707004</v>
      </c>
    </row>
    <row r="411" spans="2:24">
      <c r="B411" s="23">
        <v>0.66879629629693227</v>
      </c>
      <c r="C411" s="20">
        <v>4247.3869999999997</v>
      </c>
      <c r="D411" s="20">
        <v>6.1782868999999998</v>
      </c>
      <c r="E411" s="20">
        <v>0.64596534000000005</v>
      </c>
      <c r="F411" s="20">
        <v>0</v>
      </c>
      <c r="G411" s="20">
        <v>-0.36771528999999997</v>
      </c>
      <c r="H411" s="20">
        <v>23.075758</v>
      </c>
      <c r="I411" s="20">
        <v>0</v>
      </c>
      <c r="J411" s="20">
        <v>0.69977436999999998</v>
      </c>
      <c r="K411" s="20">
        <v>0.20621638</v>
      </c>
      <c r="L411" s="20">
        <v>2220.9726999999998</v>
      </c>
      <c r="M411" s="20">
        <v>54.028877000000001</v>
      </c>
      <c r="N411" s="20">
        <v>7.5057852</v>
      </c>
      <c r="O411" s="20">
        <v>130.57292000000001</v>
      </c>
      <c r="P411" s="20">
        <v>32.805262999999997</v>
      </c>
      <c r="Q411" s="20">
        <f t="shared" si="12"/>
        <v>224.91284520000002</v>
      </c>
      <c r="R411" s="20">
        <v>596.56182000000001</v>
      </c>
      <c r="S411" s="20">
        <v>6.8242522000000001</v>
      </c>
      <c r="T411" s="20">
        <v>31.412676999999999</v>
      </c>
      <c r="U411" s="20">
        <v>34.382466000000001</v>
      </c>
      <c r="V411" s="20">
        <v>4.4747832000000001</v>
      </c>
      <c r="X411" s="20">
        <f t="shared" si="13"/>
        <v>70.942979708310006</v>
      </c>
    </row>
    <row r="412" spans="2:24">
      <c r="B412" s="23">
        <v>0.669293981482042</v>
      </c>
      <c r="C412" s="20">
        <v>4142.5862999999999</v>
      </c>
      <c r="D412" s="20">
        <v>6.8897877999999997</v>
      </c>
      <c r="E412" s="20">
        <v>0</v>
      </c>
      <c r="F412" s="20">
        <v>0</v>
      </c>
      <c r="G412" s="20">
        <v>-0.40389015</v>
      </c>
      <c r="H412" s="20">
        <v>23.082529999999998</v>
      </c>
      <c r="I412" s="20">
        <v>0</v>
      </c>
      <c r="J412" s="20">
        <v>0.39262086000000002</v>
      </c>
      <c r="K412" s="20">
        <v>0.24219736</v>
      </c>
      <c r="L412" s="20">
        <v>2177.2867000000001</v>
      </c>
      <c r="M412" s="20">
        <v>55.577278999999997</v>
      </c>
      <c r="N412" s="20">
        <v>7.2754488000000004</v>
      </c>
      <c r="O412" s="20">
        <v>124.03004</v>
      </c>
      <c r="P412" s="20">
        <v>32.029671</v>
      </c>
      <c r="Q412" s="20">
        <f t="shared" si="12"/>
        <v>218.91243880000002</v>
      </c>
      <c r="R412" s="20">
        <v>583.73527999999999</v>
      </c>
      <c r="S412" s="20">
        <v>6.8897877999999997</v>
      </c>
      <c r="T412" s="20">
        <v>31.523834000000001</v>
      </c>
      <c r="U412" s="20">
        <v>33.67897</v>
      </c>
      <c r="V412" s="20">
        <v>4.3242997000000001</v>
      </c>
      <c r="X412" s="20">
        <f t="shared" si="13"/>
        <v>70.184691547246999</v>
      </c>
    </row>
    <row r="413" spans="2:24">
      <c r="B413" s="23">
        <v>0.66980324074393138</v>
      </c>
      <c r="C413" s="20">
        <v>3997.3238000000001</v>
      </c>
      <c r="D413" s="20">
        <v>7.1237063000000003</v>
      </c>
      <c r="E413" s="20">
        <v>0.52998915000000002</v>
      </c>
      <c r="F413" s="20">
        <v>0</v>
      </c>
      <c r="G413" s="20">
        <v>-0.39114885999999999</v>
      </c>
      <c r="H413" s="20">
        <v>23.173383000000001</v>
      </c>
      <c r="I413" s="20">
        <v>0</v>
      </c>
      <c r="J413" s="20">
        <v>5.2788742999999999E-2</v>
      </c>
      <c r="K413" s="20">
        <v>0.19773027000000001</v>
      </c>
      <c r="L413" s="20">
        <v>2031.413</v>
      </c>
      <c r="M413" s="20">
        <v>52.405501999999998</v>
      </c>
      <c r="N413" s="20">
        <v>7.1129981000000004</v>
      </c>
      <c r="O413" s="20">
        <v>116.94287</v>
      </c>
      <c r="P413" s="20">
        <v>31.643488999999999</v>
      </c>
      <c r="Q413" s="20">
        <f t="shared" si="12"/>
        <v>208.1048591</v>
      </c>
      <c r="R413" s="20">
        <v>556.92538999999999</v>
      </c>
      <c r="S413" s="20">
        <v>7.6536954000000001</v>
      </c>
      <c r="T413" s="20">
        <v>31.586554</v>
      </c>
      <c r="U413" s="20">
        <v>33.346589000000002</v>
      </c>
      <c r="V413" s="20">
        <v>4.5324985</v>
      </c>
      <c r="X413" s="20">
        <f t="shared" si="13"/>
        <v>70.093159680310308</v>
      </c>
    </row>
    <row r="414" spans="2:24">
      <c r="B414" s="23">
        <v>0.67030092592904111</v>
      </c>
      <c r="C414" s="20">
        <v>3965.7739999999999</v>
      </c>
      <c r="D414" s="20">
        <v>7.4514988999999998</v>
      </c>
      <c r="E414" s="20">
        <v>1.5659133000000001</v>
      </c>
      <c r="F414" s="20">
        <v>0</v>
      </c>
      <c r="G414" s="20">
        <v>-0.24418635999999999</v>
      </c>
      <c r="H414" s="20">
        <v>23.229005000000001</v>
      </c>
      <c r="I414" s="20">
        <v>0</v>
      </c>
      <c r="J414" s="20">
        <v>5.2300977999999998E-2</v>
      </c>
      <c r="K414" s="20">
        <v>9.1431094000000004E-2</v>
      </c>
      <c r="L414" s="20">
        <v>1931.8228999999999</v>
      </c>
      <c r="M414" s="20">
        <v>33.979543999999997</v>
      </c>
      <c r="N414" s="20">
        <v>10.631829</v>
      </c>
      <c r="O414" s="20">
        <v>116.12217</v>
      </c>
      <c r="P414" s="20">
        <v>31.722671999999999</v>
      </c>
      <c r="Q414" s="20">
        <f t="shared" si="12"/>
        <v>192.45621499999999</v>
      </c>
      <c r="R414" s="20">
        <v>558.32638999999995</v>
      </c>
      <c r="S414" s="20">
        <v>9.0174122000000008</v>
      </c>
      <c r="T414" s="20">
        <v>31.880237999999999</v>
      </c>
      <c r="U414" s="20">
        <v>33.052906999999998</v>
      </c>
      <c r="V414" s="20">
        <v>3.8585715999999999</v>
      </c>
      <c r="X414" s="20">
        <f t="shared" si="13"/>
        <v>69.404838249011206</v>
      </c>
    </row>
    <row r="415" spans="2:24">
      <c r="B415" s="23">
        <v>0.67079861111415084</v>
      </c>
      <c r="C415" s="20">
        <v>4223.2757000000001</v>
      </c>
      <c r="D415" s="20">
        <v>7.5632450999999996</v>
      </c>
      <c r="E415" s="20">
        <v>1.6024126999999999</v>
      </c>
      <c r="F415" s="20">
        <v>0</v>
      </c>
      <c r="G415" s="20">
        <v>-0.21263054000000001</v>
      </c>
      <c r="H415" s="20">
        <v>23.41264</v>
      </c>
      <c r="I415" s="20">
        <v>0</v>
      </c>
      <c r="J415" s="20">
        <v>0.69822032000000001</v>
      </c>
      <c r="K415" s="20">
        <v>9.4183283000000007E-2</v>
      </c>
      <c r="L415" s="20">
        <v>1977.6827000000001</v>
      </c>
      <c r="M415" s="20">
        <v>20.018419999999999</v>
      </c>
      <c r="N415" s="20">
        <v>13.182543000000001</v>
      </c>
      <c r="O415" s="20">
        <v>124.22981</v>
      </c>
      <c r="P415" s="20">
        <v>32.107819999999997</v>
      </c>
      <c r="Q415" s="20">
        <f t="shared" si="12"/>
        <v>189.53859299999999</v>
      </c>
      <c r="R415" s="20">
        <v>586.65060000000005</v>
      </c>
      <c r="S415" s="20">
        <v>9.1656578</v>
      </c>
      <c r="T415" s="20">
        <v>31.820419000000001</v>
      </c>
      <c r="U415" s="20">
        <v>32.768255000000003</v>
      </c>
      <c r="V415" s="20">
        <v>3.0364639000000002</v>
      </c>
      <c r="X415" s="20">
        <f t="shared" si="13"/>
        <v>68.268419972166299</v>
      </c>
    </row>
    <row r="416" spans="2:24">
      <c r="B416" s="23">
        <v>0.67129629629926058</v>
      </c>
      <c r="C416" s="20">
        <v>4237.5916999999999</v>
      </c>
      <c r="D416" s="20">
        <v>7.3395314999999997</v>
      </c>
      <c r="E416" s="20">
        <v>0.69894661000000002</v>
      </c>
      <c r="F416" s="20">
        <v>0</v>
      </c>
      <c r="G416" s="20">
        <v>-0.3546185</v>
      </c>
      <c r="H416" s="20">
        <v>23.283911</v>
      </c>
      <c r="I416" s="20">
        <v>0</v>
      </c>
      <c r="J416" s="20">
        <v>1.0278702</v>
      </c>
      <c r="K416" s="20">
        <v>0.10724409</v>
      </c>
      <c r="L416" s="20">
        <v>1990.6668999999999</v>
      </c>
      <c r="M416" s="20">
        <v>6.9536582999999998</v>
      </c>
      <c r="N416" s="20">
        <v>13.850315</v>
      </c>
      <c r="O416" s="20">
        <v>127.5004</v>
      </c>
      <c r="P416" s="20">
        <v>30.819001</v>
      </c>
      <c r="Q416" s="20">
        <f t="shared" si="12"/>
        <v>179.12337430000002</v>
      </c>
      <c r="R416" s="20">
        <v>589.61306999999999</v>
      </c>
      <c r="S416" s="20">
        <v>8.0384781000000007</v>
      </c>
      <c r="T416" s="20">
        <v>31.359559000000001</v>
      </c>
      <c r="U416" s="20">
        <v>32.292692000000002</v>
      </c>
      <c r="V416" s="20">
        <v>4.0601741999999996</v>
      </c>
      <c r="X416" s="20">
        <f t="shared" si="13"/>
        <v>68.35717753373001</v>
      </c>
    </row>
    <row r="417" spans="2:24">
      <c r="B417" s="23">
        <v>0.671805555553874</v>
      </c>
      <c r="C417" s="20">
        <v>3473.4155999999998</v>
      </c>
      <c r="D417" s="20">
        <v>7.6710862000000004</v>
      </c>
      <c r="E417" s="20">
        <v>0.38484798999999997</v>
      </c>
      <c r="F417" s="20">
        <v>0</v>
      </c>
      <c r="G417" s="20">
        <v>-0.60688507000000003</v>
      </c>
      <c r="H417" s="20">
        <v>21.811993000000001</v>
      </c>
      <c r="I417" s="20">
        <v>0</v>
      </c>
      <c r="J417" s="20">
        <v>1.0029612999999999</v>
      </c>
      <c r="K417" s="20">
        <v>0.18381301999999999</v>
      </c>
      <c r="L417" s="20">
        <v>1640.1185</v>
      </c>
      <c r="M417" s="20">
        <v>0</v>
      </c>
      <c r="N417" s="20">
        <v>13.252356000000001</v>
      </c>
      <c r="O417" s="20">
        <v>108.81211</v>
      </c>
      <c r="P417" s="20">
        <v>26.028402</v>
      </c>
      <c r="Q417" s="20">
        <f t="shared" si="12"/>
        <v>148.09286800000001</v>
      </c>
      <c r="R417" s="20">
        <v>495.05979000000002</v>
      </c>
      <c r="S417" s="20">
        <v>8.0559341999999994</v>
      </c>
      <c r="T417" s="20">
        <v>29.801514000000001</v>
      </c>
      <c r="U417" s="20">
        <v>32.002783999999998</v>
      </c>
      <c r="V417" s="20">
        <v>6.9523000000000001</v>
      </c>
      <c r="X417" s="20">
        <f t="shared" si="13"/>
        <v>69.286611071864002</v>
      </c>
    </row>
    <row r="418" spans="2:24">
      <c r="B418" s="23">
        <v>0.67230324073898373</v>
      </c>
      <c r="C418" s="20">
        <v>2082.192</v>
      </c>
      <c r="D418" s="20">
        <v>9.7974548000000006</v>
      </c>
      <c r="E418" s="20">
        <v>3.1914807000000001</v>
      </c>
      <c r="F418" s="20">
        <v>0</v>
      </c>
      <c r="G418" s="20">
        <v>-0.57194820000000002</v>
      </c>
      <c r="H418" s="20">
        <v>18.424889</v>
      </c>
      <c r="I418" s="20">
        <v>0</v>
      </c>
      <c r="J418" s="20">
        <v>0.33360501999999997</v>
      </c>
      <c r="K418" s="20">
        <v>0.28025390999999999</v>
      </c>
      <c r="L418" s="20">
        <v>1047.1626000000001</v>
      </c>
      <c r="M418" s="20">
        <v>0</v>
      </c>
      <c r="N418" s="20">
        <v>8.7077825999999998</v>
      </c>
      <c r="O418" s="20">
        <v>68.541717000000006</v>
      </c>
      <c r="P418" s="20">
        <v>18.271688000000001</v>
      </c>
      <c r="Q418" s="20">
        <f t="shared" si="12"/>
        <v>95.521187600000005</v>
      </c>
      <c r="R418" s="20">
        <v>311.04212999999999</v>
      </c>
      <c r="S418" s="20">
        <v>12.988936000000001</v>
      </c>
      <c r="T418" s="20">
        <v>27.853237</v>
      </c>
      <c r="U418" s="20">
        <v>31.243856000000001</v>
      </c>
      <c r="V418" s="20">
        <v>8.0765969999999996</v>
      </c>
      <c r="X418" s="20">
        <f t="shared" si="13"/>
        <v>67.500622045882992</v>
      </c>
    </row>
    <row r="419" spans="2:24">
      <c r="B419" s="23">
        <v>0.67280092592409346</v>
      </c>
      <c r="C419" s="20">
        <v>1090.2245</v>
      </c>
      <c r="D419" s="20">
        <v>12.278483</v>
      </c>
      <c r="E419" s="20">
        <v>6.4704240000000004</v>
      </c>
      <c r="F419" s="20">
        <v>0</v>
      </c>
      <c r="G419" s="20">
        <v>-0.69743449000000002</v>
      </c>
      <c r="H419" s="20">
        <v>14.847023999999999</v>
      </c>
      <c r="I419" s="20">
        <v>0</v>
      </c>
      <c r="J419" s="20">
        <v>0</v>
      </c>
      <c r="K419" s="20">
        <v>0.29572236000000002</v>
      </c>
      <c r="L419" s="20">
        <v>524.75950999999998</v>
      </c>
      <c r="M419" s="20">
        <v>0</v>
      </c>
      <c r="N419" s="20">
        <v>5.9486331000000003</v>
      </c>
      <c r="O419" s="20">
        <v>35.630920000000003</v>
      </c>
      <c r="P419" s="20">
        <v>10.952415</v>
      </c>
      <c r="Q419" s="20">
        <f t="shared" si="12"/>
        <v>52.531968100000007</v>
      </c>
      <c r="R419" s="20">
        <v>158.31421</v>
      </c>
      <c r="S419" s="20">
        <v>18.748906999999999</v>
      </c>
      <c r="T419" s="20">
        <v>26.101965</v>
      </c>
      <c r="U419" s="20">
        <v>32.275241000000001</v>
      </c>
      <c r="V419" s="20">
        <v>8.5872194999999998</v>
      </c>
      <c r="X419" s="20">
        <f t="shared" si="13"/>
        <v>67.136371410397004</v>
      </c>
    </row>
    <row r="420" spans="2:24">
      <c r="B420" s="23">
        <v>0.67329861110920319</v>
      </c>
      <c r="C420" s="20">
        <v>882.67809999999997</v>
      </c>
      <c r="D420" s="20">
        <v>12.455104</v>
      </c>
      <c r="E420" s="20">
        <v>9.2366209999999995</v>
      </c>
      <c r="F420" s="20">
        <v>0</v>
      </c>
      <c r="G420" s="20">
        <v>-0.78839338000000003</v>
      </c>
      <c r="H420" s="20">
        <v>12.710966000000001</v>
      </c>
      <c r="I420" s="20">
        <v>0</v>
      </c>
      <c r="J420" s="20">
        <v>0</v>
      </c>
      <c r="K420" s="20">
        <v>0.29560688000000002</v>
      </c>
      <c r="L420" s="20">
        <v>343.02278999999999</v>
      </c>
      <c r="M420" s="20">
        <v>0</v>
      </c>
      <c r="N420" s="20">
        <v>3.4270980999999998</v>
      </c>
      <c r="O420" s="20">
        <v>25.208304999999999</v>
      </c>
      <c r="P420" s="20">
        <v>7.3964207999999996</v>
      </c>
      <c r="Q420" s="20">
        <f t="shared" si="12"/>
        <v>36.031823899999999</v>
      </c>
      <c r="R420" s="20">
        <v>101.93212</v>
      </c>
      <c r="S420" s="20">
        <v>21.691725000000002</v>
      </c>
      <c r="T420" s="20">
        <v>25.133548999999999</v>
      </c>
      <c r="U420" s="20">
        <v>34.024036000000002</v>
      </c>
      <c r="V420" s="20">
        <v>8.4981492000000003</v>
      </c>
      <c r="X420" s="20">
        <f t="shared" si="13"/>
        <v>67.787467634340004</v>
      </c>
    </row>
    <row r="421" spans="2:24">
      <c r="B421" s="23">
        <v>0.67379629629431292</v>
      </c>
      <c r="C421" s="20">
        <v>1007.8029</v>
      </c>
      <c r="D421" s="20">
        <v>10.121938</v>
      </c>
      <c r="E421" s="20">
        <v>10.119329</v>
      </c>
      <c r="F421" s="20">
        <v>0</v>
      </c>
      <c r="G421" s="20">
        <v>-0.79045399000000005</v>
      </c>
      <c r="H421" s="20">
        <v>12.425615000000001</v>
      </c>
      <c r="I421" s="20">
        <v>0</v>
      </c>
      <c r="J421" s="20">
        <v>0</v>
      </c>
      <c r="K421" s="20">
        <v>0.23978694</v>
      </c>
      <c r="L421" s="20">
        <v>334.97451000000001</v>
      </c>
      <c r="M421" s="20">
        <v>0</v>
      </c>
      <c r="N421" s="20">
        <v>3.4281419</v>
      </c>
      <c r="O421" s="20">
        <v>25.694763999999999</v>
      </c>
      <c r="P421" s="20">
        <v>5.8816666</v>
      </c>
      <c r="Q421" s="20">
        <f t="shared" si="12"/>
        <v>35.004572500000002</v>
      </c>
      <c r="R421" s="20">
        <v>99.379835</v>
      </c>
      <c r="S421" s="20">
        <v>20.241267000000001</v>
      </c>
      <c r="T421" s="20">
        <v>24.79871</v>
      </c>
      <c r="U421" s="20">
        <v>36.862712000000002</v>
      </c>
      <c r="V421" s="20">
        <v>8.3763140000000007</v>
      </c>
      <c r="X421" s="20">
        <f t="shared" si="13"/>
        <v>70.18074994644499</v>
      </c>
    </row>
    <row r="422" spans="2:24">
      <c r="B422" s="23">
        <v>0.67434027777926531</v>
      </c>
      <c r="C422" s="20">
        <v>1328.15</v>
      </c>
      <c r="D422" s="20">
        <v>7.6248753000000002</v>
      </c>
      <c r="E422" s="20">
        <v>10.222594000000001</v>
      </c>
      <c r="F422" s="20">
        <v>0</v>
      </c>
      <c r="G422" s="20">
        <v>-0.79786259999999998</v>
      </c>
      <c r="H422" s="20">
        <v>13.437695</v>
      </c>
      <c r="I422" s="20">
        <v>0</v>
      </c>
      <c r="J422" s="20">
        <v>0</v>
      </c>
      <c r="K422" s="20">
        <v>0.25328124000000002</v>
      </c>
      <c r="L422" s="20">
        <v>457.68934999999999</v>
      </c>
      <c r="M422" s="20">
        <v>0</v>
      </c>
      <c r="N422" s="20">
        <v>4.5228631000000004</v>
      </c>
      <c r="O422" s="20">
        <v>34.747658000000001</v>
      </c>
      <c r="P422" s="20">
        <v>6.1693702999999998</v>
      </c>
      <c r="Q422" s="20">
        <f t="shared" si="12"/>
        <v>45.4398914</v>
      </c>
      <c r="R422" s="20">
        <v>135.96164999999999</v>
      </c>
      <c r="S422" s="20">
        <v>17.847469</v>
      </c>
      <c r="T422" s="20">
        <v>25.018789000000002</v>
      </c>
      <c r="U422" s="20">
        <v>38.275857000000002</v>
      </c>
      <c r="V422" s="20">
        <v>7.1301233999999996</v>
      </c>
      <c r="X422" s="20">
        <f t="shared" si="13"/>
        <v>70.612756129334002</v>
      </c>
    </row>
    <row r="423" spans="2:24">
      <c r="B423" s="23">
        <v>0.67486111111065838</v>
      </c>
      <c r="C423" s="20">
        <v>1833.2965999999999</v>
      </c>
      <c r="D423" s="20">
        <v>6.9692327000000001</v>
      </c>
      <c r="E423" s="20">
        <v>9.4622559000000006</v>
      </c>
      <c r="F423" s="20">
        <v>0</v>
      </c>
      <c r="G423" s="20">
        <v>-0.69371276999999998</v>
      </c>
      <c r="H423" s="20">
        <v>15.322414</v>
      </c>
      <c r="I423" s="20">
        <v>0</v>
      </c>
      <c r="J423" s="20">
        <v>0</v>
      </c>
      <c r="K423" s="20">
        <v>0.26036440999999999</v>
      </c>
      <c r="L423" s="20">
        <v>683.54974000000004</v>
      </c>
      <c r="M423" s="20">
        <v>0</v>
      </c>
      <c r="N423" s="20">
        <v>6.1045220000000002</v>
      </c>
      <c r="O423" s="20">
        <v>49.264043999999998</v>
      </c>
      <c r="P423" s="20">
        <v>7.9066922999999996</v>
      </c>
      <c r="Q423" s="20">
        <f t="shared" si="12"/>
        <v>63.275258300000004</v>
      </c>
      <c r="R423" s="20">
        <v>200.12816000000001</v>
      </c>
      <c r="S423" s="20">
        <v>16.431488999999999</v>
      </c>
      <c r="T423" s="20">
        <v>25.674904999999999</v>
      </c>
      <c r="U423" s="20">
        <v>38.625442999999997</v>
      </c>
      <c r="V423" s="20">
        <v>6.6524589000000001</v>
      </c>
      <c r="X423" s="20">
        <f t="shared" si="13"/>
        <v>71.215594264153992</v>
      </c>
    </row>
    <row r="424" spans="2:24">
      <c r="B424" s="23">
        <v>0.67535879629576812</v>
      </c>
      <c r="C424" s="20">
        <v>2607.1161000000002</v>
      </c>
      <c r="D424" s="20">
        <v>6.3299240000000001</v>
      </c>
      <c r="E424" s="20">
        <v>7.8823489000000002</v>
      </c>
      <c r="F424" s="20">
        <v>0</v>
      </c>
      <c r="G424" s="20">
        <v>-0.53891787999999996</v>
      </c>
      <c r="H424" s="20">
        <v>17.816531000000001</v>
      </c>
      <c r="I424" s="20">
        <v>0</v>
      </c>
      <c r="J424" s="20">
        <v>0</v>
      </c>
      <c r="K424" s="20">
        <v>0.23653809000000001</v>
      </c>
      <c r="L424" s="20">
        <v>1062.3318999999999</v>
      </c>
      <c r="M424" s="20">
        <v>9.1526940000000003</v>
      </c>
      <c r="N424" s="20">
        <v>7.8292253000000001</v>
      </c>
      <c r="O424" s="20">
        <v>72.793040000000005</v>
      </c>
      <c r="P424" s="20">
        <v>11.442057999999999</v>
      </c>
      <c r="Q424" s="20">
        <f t="shared" si="12"/>
        <v>101.21701730000001</v>
      </c>
      <c r="R424" s="20">
        <v>306.52226000000002</v>
      </c>
      <c r="S424" s="20">
        <v>14.212273</v>
      </c>
      <c r="T424" s="20">
        <v>26.779185999999999</v>
      </c>
      <c r="U424" s="20">
        <v>38.446953000000001</v>
      </c>
      <c r="V424" s="20">
        <v>5.3393360000000003</v>
      </c>
      <c r="X424" s="20">
        <f t="shared" si="13"/>
        <v>70.947135371441007</v>
      </c>
    </row>
    <row r="425" spans="2:24">
      <c r="B425" s="23">
        <v>0.6758680555576575</v>
      </c>
      <c r="C425" s="20">
        <v>3310.7212</v>
      </c>
      <c r="D425" s="20">
        <v>5.5070568</v>
      </c>
      <c r="E425" s="20">
        <v>4.7142968999999999</v>
      </c>
      <c r="F425" s="20">
        <v>0</v>
      </c>
      <c r="G425" s="20">
        <v>-0.44608887000000003</v>
      </c>
      <c r="H425" s="20">
        <v>20.005974999999999</v>
      </c>
      <c r="I425" s="20">
        <v>0</v>
      </c>
      <c r="J425" s="20">
        <v>0</v>
      </c>
      <c r="K425" s="20">
        <v>0.23043648999999999</v>
      </c>
      <c r="L425" s="20">
        <v>1553.9646</v>
      </c>
      <c r="M425" s="20">
        <v>39.788894999999997</v>
      </c>
      <c r="N425" s="20">
        <v>6.7817702000000004</v>
      </c>
      <c r="O425" s="20">
        <v>95.698966999999996</v>
      </c>
      <c r="P425" s="20">
        <v>15.810753</v>
      </c>
      <c r="Q425" s="20">
        <f t="shared" si="12"/>
        <v>158.08038519999999</v>
      </c>
      <c r="R425" s="20">
        <v>412.61932999999999</v>
      </c>
      <c r="S425" s="20">
        <v>10.221354</v>
      </c>
      <c r="T425" s="20">
        <v>27.939250999999999</v>
      </c>
      <c r="U425" s="20">
        <v>37.826149000000001</v>
      </c>
      <c r="V425" s="20">
        <v>4.9470811000000001</v>
      </c>
      <c r="X425" s="20">
        <f t="shared" si="13"/>
        <v>71.218781021552005</v>
      </c>
    </row>
    <row r="426" spans="2:24">
      <c r="B426" s="23">
        <v>0.67640046296583023</v>
      </c>
      <c r="C426" s="20">
        <v>3860.2597000000001</v>
      </c>
      <c r="D426" s="20">
        <v>4.7441326000000004</v>
      </c>
      <c r="E426" s="20">
        <v>2.0695104999999998</v>
      </c>
      <c r="F426" s="20">
        <v>0</v>
      </c>
      <c r="G426" s="20">
        <v>-0.4339327</v>
      </c>
      <c r="H426" s="20">
        <v>21.446296</v>
      </c>
      <c r="I426" s="20">
        <v>0</v>
      </c>
      <c r="J426" s="20">
        <v>0</v>
      </c>
      <c r="K426" s="20">
        <v>0.22304734000000001</v>
      </c>
      <c r="L426" s="20">
        <v>1866.3142</v>
      </c>
      <c r="M426" s="20">
        <v>49.097003000000001</v>
      </c>
      <c r="N426" s="20">
        <v>6.8660157000000002</v>
      </c>
      <c r="O426" s="20">
        <v>115.14588000000001</v>
      </c>
      <c r="P426" s="20">
        <v>19.871175000000001</v>
      </c>
      <c r="Q426" s="20">
        <f t="shared" si="12"/>
        <v>190.98007369999999</v>
      </c>
      <c r="R426" s="20">
        <v>500.95067</v>
      </c>
      <c r="S426" s="20">
        <v>6.8136431000000002</v>
      </c>
      <c r="T426" s="20">
        <v>28.762854999999998</v>
      </c>
      <c r="U426" s="20">
        <v>36.852038999999998</v>
      </c>
      <c r="V426" s="20">
        <v>4.6052239999999998</v>
      </c>
      <c r="X426" s="20">
        <f t="shared" si="13"/>
        <v>70.815359667053983</v>
      </c>
    </row>
    <row r="427" spans="2:24">
      <c r="B427" s="23">
        <v>0.67689814815093996</v>
      </c>
      <c r="C427" s="20">
        <v>4080.6224000000002</v>
      </c>
      <c r="D427" s="20">
        <v>4.6799878000000001</v>
      </c>
      <c r="E427" s="20">
        <v>0.33340997999999999</v>
      </c>
      <c r="F427" s="20">
        <v>0</v>
      </c>
      <c r="G427" s="20">
        <v>-0.40287222</v>
      </c>
      <c r="H427" s="20">
        <v>22.365901999999998</v>
      </c>
      <c r="I427" s="20">
        <v>0</v>
      </c>
      <c r="J427" s="20">
        <v>1.8600921999999999E-2</v>
      </c>
      <c r="K427" s="20">
        <v>0.17478731</v>
      </c>
      <c r="L427" s="20">
        <v>1976.723</v>
      </c>
      <c r="M427" s="20">
        <v>48.896557999999999</v>
      </c>
      <c r="N427" s="20">
        <v>7.5079510999999997</v>
      </c>
      <c r="O427" s="20">
        <v>122.95095999999999</v>
      </c>
      <c r="P427" s="20">
        <v>21.976607000000001</v>
      </c>
      <c r="Q427" s="20">
        <f t="shared" si="12"/>
        <v>201.33207609999999</v>
      </c>
      <c r="R427" s="20">
        <v>539.94108000000006</v>
      </c>
      <c r="S427" s="20">
        <v>5.0133976999999996</v>
      </c>
      <c r="T427" s="20">
        <v>29.337882</v>
      </c>
      <c r="U427" s="20">
        <v>35.749391000000003</v>
      </c>
      <c r="V427" s="20">
        <v>4.7551246999999996</v>
      </c>
      <c r="X427" s="20">
        <f t="shared" si="13"/>
        <v>70.471483768959203</v>
      </c>
    </row>
    <row r="428" spans="2:24">
      <c r="B428" s="23">
        <v>0.67743055555911269</v>
      </c>
      <c r="C428" s="20">
        <v>4088.6275999999998</v>
      </c>
      <c r="D428" s="20">
        <v>4.9817507000000001</v>
      </c>
      <c r="E428" s="20">
        <v>0.85931190000000002</v>
      </c>
      <c r="F428" s="20">
        <v>0</v>
      </c>
      <c r="G428" s="20">
        <v>-0.39951908000000003</v>
      </c>
      <c r="H428" s="20">
        <v>22.802790999999999</v>
      </c>
      <c r="I428" s="20">
        <v>0</v>
      </c>
      <c r="J428" s="20">
        <v>0.11564155</v>
      </c>
      <c r="K428" s="20">
        <v>0.19355855</v>
      </c>
      <c r="L428" s="20">
        <v>1902.3525999999999</v>
      </c>
      <c r="M428" s="20">
        <v>31.509312999999999</v>
      </c>
      <c r="N428" s="20">
        <v>8.8231652</v>
      </c>
      <c r="O428" s="20">
        <v>123.06056</v>
      </c>
      <c r="P428" s="20">
        <v>22.835502999999999</v>
      </c>
      <c r="Q428" s="20">
        <f t="shared" si="12"/>
        <v>186.22854119999997</v>
      </c>
      <c r="R428" s="20">
        <v>548.01922000000002</v>
      </c>
      <c r="S428" s="20">
        <v>5.8410625999999999</v>
      </c>
      <c r="T428" s="20">
        <v>29.779295999999999</v>
      </c>
      <c r="U428" s="20">
        <v>34.851109999999998</v>
      </c>
      <c r="V428" s="20">
        <v>4.7033681999999999</v>
      </c>
      <c r="X428" s="20">
        <f t="shared" si="13"/>
        <v>69.954934533841993</v>
      </c>
    </row>
    <row r="429" spans="2:24">
      <c r="B429" s="23">
        <v>0.67792824074422242</v>
      </c>
      <c r="C429" s="20">
        <v>3975.2991999999999</v>
      </c>
      <c r="D429" s="20">
        <v>5.0506779999999996</v>
      </c>
      <c r="E429" s="20">
        <v>0.78269469000000003</v>
      </c>
      <c r="F429" s="20">
        <v>0</v>
      </c>
      <c r="G429" s="20">
        <v>-0.31903674999999998</v>
      </c>
      <c r="H429" s="20">
        <v>22.893021999999998</v>
      </c>
      <c r="I429" s="20">
        <v>0</v>
      </c>
      <c r="J429" s="20">
        <v>9.6522162999999994E-2</v>
      </c>
      <c r="K429" s="20">
        <v>0.1059066</v>
      </c>
      <c r="L429" s="20">
        <v>1975.3643999999999</v>
      </c>
      <c r="M429" s="20">
        <v>46.553601999999998</v>
      </c>
      <c r="N429" s="20">
        <v>7.4254512000000004</v>
      </c>
      <c r="O429" s="20">
        <v>118.26147</v>
      </c>
      <c r="P429" s="20">
        <v>22.769594999999999</v>
      </c>
      <c r="Q429" s="20">
        <f t="shared" si="12"/>
        <v>195.01011819999999</v>
      </c>
      <c r="R429" s="20">
        <v>533.57046000000003</v>
      </c>
      <c r="S429" s="20">
        <v>5.8333727</v>
      </c>
      <c r="T429" s="20">
        <v>30.258236</v>
      </c>
      <c r="U429" s="20">
        <v>34.062874999999998</v>
      </c>
      <c r="V429" s="20">
        <v>4.7551246999999996</v>
      </c>
      <c r="X429" s="20">
        <f t="shared" si="13"/>
        <v>69.694247387760299</v>
      </c>
    </row>
    <row r="430" spans="2:24">
      <c r="B430" s="23">
        <v>0.67842592592933215</v>
      </c>
      <c r="C430" s="20">
        <v>3875.6336000000001</v>
      </c>
      <c r="D430" s="20">
        <v>5.2899820999999996</v>
      </c>
      <c r="E430" s="20">
        <v>0.38446403000000001</v>
      </c>
      <c r="F430" s="20">
        <v>0</v>
      </c>
      <c r="G430" s="20">
        <v>-0.39138750999999999</v>
      </c>
      <c r="H430" s="20">
        <v>22.719501999999999</v>
      </c>
      <c r="I430" s="20">
        <v>0</v>
      </c>
      <c r="J430" s="20">
        <v>9.6701740999999994E-2</v>
      </c>
      <c r="K430" s="20">
        <v>0.11818623</v>
      </c>
      <c r="L430" s="20">
        <v>1925.3356000000001</v>
      </c>
      <c r="M430" s="20">
        <v>37.131939000000003</v>
      </c>
      <c r="N430" s="20">
        <v>7.5951807000000002</v>
      </c>
      <c r="O430" s="20">
        <v>113.88562</v>
      </c>
      <c r="P430" s="20">
        <v>23.094035999999999</v>
      </c>
      <c r="Q430" s="20">
        <f t="shared" si="12"/>
        <v>181.70677570000001</v>
      </c>
      <c r="R430" s="20">
        <v>526.36018000000001</v>
      </c>
      <c r="S430" s="20">
        <v>5.6744460999999999</v>
      </c>
      <c r="T430" s="20">
        <v>30.505074</v>
      </c>
      <c r="U430" s="20">
        <v>33.276363000000003</v>
      </c>
      <c r="V430" s="20">
        <v>4.5425446000000003</v>
      </c>
      <c r="X430" s="20">
        <f t="shared" si="13"/>
        <v>68.925638387039115</v>
      </c>
    </row>
    <row r="431" spans="2:24">
      <c r="B431" s="23">
        <v>0.67892361111444188</v>
      </c>
      <c r="C431" s="20">
        <v>3787.6587</v>
      </c>
      <c r="D431" s="20">
        <v>5.8494405</v>
      </c>
      <c r="E431" s="20">
        <v>1.2771311999999999</v>
      </c>
      <c r="F431" s="20">
        <v>0</v>
      </c>
      <c r="G431" s="20">
        <v>-0.38782937000000001</v>
      </c>
      <c r="H431" s="20">
        <v>22.474620999999999</v>
      </c>
      <c r="I431" s="20">
        <v>0</v>
      </c>
      <c r="J431" s="20">
        <v>1.7424426999999999E-2</v>
      </c>
      <c r="K431" s="20">
        <v>8.7923218999999997E-2</v>
      </c>
      <c r="L431" s="20">
        <v>1883.25</v>
      </c>
      <c r="M431" s="20">
        <v>35.024433999999999</v>
      </c>
      <c r="N431" s="20">
        <v>8.6359592000000003</v>
      </c>
      <c r="O431" s="20">
        <v>109.97602999999999</v>
      </c>
      <c r="P431" s="20">
        <v>22.844311000000001</v>
      </c>
      <c r="Q431" s="20">
        <f t="shared" si="12"/>
        <v>176.4807342</v>
      </c>
      <c r="R431" s="20">
        <v>515.36328000000003</v>
      </c>
      <c r="S431" s="20">
        <v>7.1265717000000004</v>
      </c>
      <c r="T431" s="20">
        <v>30.597943999999998</v>
      </c>
      <c r="U431" s="20">
        <v>32.703094</v>
      </c>
      <c r="V431" s="20">
        <v>4.6515158000000003</v>
      </c>
      <c r="X431" s="20">
        <f t="shared" si="13"/>
        <v>68.540937271687611</v>
      </c>
    </row>
    <row r="432" spans="2:24">
      <c r="B432" s="23">
        <v>0.67943287036905531</v>
      </c>
      <c r="C432" s="20">
        <v>3784.8490000000002</v>
      </c>
      <c r="D432" s="20">
        <v>6.1731495000000001</v>
      </c>
      <c r="E432" s="20">
        <v>2.7595774</v>
      </c>
      <c r="F432" s="20">
        <v>0</v>
      </c>
      <c r="G432" s="20">
        <v>-0.45024927999999997</v>
      </c>
      <c r="H432" s="20">
        <v>22.705582</v>
      </c>
      <c r="I432" s="20">
        <v>0</v>
      </c>
      <c r="J432" s="20">
        <v>2.7075341999999999E-2</v>
      </c>
      <c r="K432" s="20">
        <v>0.13574421</v>
      </c>
      <c r="L432" s="20">
        <v>1778.1652999999999</v>
      </c>
      <c r="M432" s="20">
        <v>17.726279999999999</v>
      </c>
      <c r="N432" s="20">
        <v>11.314138</v>
      </c>
      <c r="O432" s="20">
        <v>109.31968999999999</v>
      </c>
      <c r="P432" s="20">
        <v>23.18365</v>
      </c>
      <c r="Q432" s="20">
        <f t="shared" si="12"/>
        <v>161.543758</v>
      </c>
      <c r="R432" s="20">
        <v>525.79020000000003</v>
      </c>
      <c r="S432" s="20">
        <v>8.9327267999999993</v>
      </c>
      <c r="T432" s="20">
        <v>30.617197000000001</v>
      </c>
      <c r="U432" s="20">
        <v>32.635744000000003</v>
      </c>
      <c r="V432" s="20">
        <v>4.7551246999999996</v>
      </c>
      <c r="X432" s="20">
        <f t="shared" si="13"/>
        <v>68.584549866397197</v>
      </c>
    </row>
    <row r="433" spans="2:24">
      <c r="B433" s="23">
        <v>0.67993055555416504</v>
      </c>
      <c r="C433" s="20">
        <v>3759.4465</v>
      </c>
      <c r="D433" s="20">
        <v>5.9031913999999999</v>
      </c>
      <c r="E433" s="20">
        <v>4.8292473999999999</v>
      </c>
      <c r="F433" s="20">
        <v>0</v>
      </c>
      <c r="G433" s="20">
        <v>-0.40465542999999998</v>
      </c>
      <c r="H433" s="20">
        <v>22.976758</v>
      </c>
      <c r="I433" s="20">
        <v>0</v>
      </c>
      <c r="J433" s="20">
        <v>2.0802067E-2</v>
      </c>
      <c r="K433" s="20">
        <v>0.20390227</v>
      </c>
      <c r="L433" s="20">
        <v>1818.2326</v>
      </c>
      <c r="M433" s="20">
        <v>17.934082</v>
      </c>
      <c r="N433" s="20">
        <v>12.760379</v>
      </c>
      <c r="O433" s="20">
        <v>109.86113</v>
      </c>
      <c r="P433" s="20">
        <v>23.755832999999999</v>
      </c>
      <c r="Q433" s="20">
        <f t="shared" si="12"/>
        <v>164.31142399999999</v>
      </c>
      <c r="R433" s="20">
        <v>531.01374999999996</v>
      </c>
      <c r="S433" s="20">
        <v>10.732438999999999</v>
      </c>
      <c r="T433" s="20">
        <v>30.770675000000001</v>
      </c>
      <c r="U433" s="20">
        <v>33.163469999999997</v>
      </c>
      <c r="V433" s="20">
        <v>4.7397800999999999</v>
      </c>
      <c r="X433" s="20">
        <f t="shared" si="13"/>
        <v>69.252550320870711</v>
      </c>
    </row>
    <row r="434" spans="2:24">
      <c r="B434" s="23">
        <v>0.68042824073927477</v>
      </c>
      <c r="C434" s="20">
        <v>3687.4268000000002</v>
      </c>
      <c r="D434" s="20">
        <v>5.5549428000000001</v>
      </c>
      <c r="E434" s="20">
        <v>3.7649252999999998</v>
      </c>
      <c r="F434" s="20">
        <v>0</v>
      </c>
      <c r="G434" s="20">
        <v>-0.42239057000000002</v>
      </c>
      <c r="H434" s="20">
        <v>22.713398000000002</v>
      </c>
      <c r="I434" s="20">
        <v>0</v>
      </c>
      <c r="J434" s="20">
        <v>9.8193737999999996E-3</v>
      </c>
      <c r="K434" s="20">
        <v>0.21671287</v>
      </c>
      <c r="L434" s="20">
        <v>1850.0274999999999</v>
      </c>
      <c r="M434" s="20">
        <v>26.227830999999998</v>
      </c>
      <c r="N434" s="20">
        <v>10.998161</v>
      </c>
      <c r="O434" s="20">
        <v>108.39988</v>
      </c>
      <c r="P434" s="20">
        <v>24.102332000000001</v>
      </c>
      <c r="Q434" s="20">
        <f t="shared" si="12"/>
        <v>169.72820399999998</v>
      </c>
      <c r="R434" s="20">
        <v>521.83013000000005</v>
      </c>
      <c r="S434" s="20">
        <v>9.3198681000000008</v>
      </c>
      <c r="T434" s="20">
        <v>30.577099</v>
      </c>
      <c r="U434" s="20">
        <v>33.417138999999999</v>
      </c>
      <c r="V434" s="20">
        <v>4.8999693000000004</v>
      </c>
      <c r="X434" s="20">
        <f t="shared" si="13"/>
        <v>69.469041277987372</v>
      </c>
    </row>
    <row r="435" spans="2:24">
      <c r="B435" s="23">
        <v>0.6809259259243845</v>
      </c>
      <c r="C435" s="20">
        <v>3512.1320999999998</v>
      </c>
      <c r="D435" s="20">
        <v>6.1249976999999998</v>
      </c>
      <c r="E435" s="20">
        <v>2.7966736000000001</v>
      </c>
      <c r="F435" s="20">
        <v>0</v>
      </c>
      <c r="G435" s="20">
        <v>-0.39077545000000002</v>
      </c>
      <c r="H435" s="20">
        <v>22.097721</v>
      </c>
      <c r="I435" s="20">
        <v>0</v>
      </c>
      <c r="J435" s="20">
        <v>0</v>
      </c>
      <c r="K435" s="20">
        <v>0.23133933000000001</v>
      </c>
      <c r="L435" s="20">
        <v>1759.8643</v>
      </c>
      <c r="M435" s="20">
        <v>28.802776000000001</v>
      </c>
      <c r="N435" s="20">
        <v>10.012969999999999</v>
      </c>
      <c r="O435" s="20">
        <v>102.33734</v>
      </c>
      <c r="P435" s="20">
        <v>23.361041</v>
      </c>
      <c r="Q435" s="20">
        <f t="shared" si="12"/>
        <v>164.514127</v>
      </c>
      <c r="R435" s="20">
        <v>491.13314000000003</v>
      </c>
      <c r="S435" s="20">
        <v>8.9216712999999999</v>
      </c>
      <c r="T435" s="20">
        <v>30.495232999999999</v>
      </c>
      <c r="U435" s="20">
        <v>33.592973000000001</v>
      </c>
      <c r="V435" s="20">
        <v>5.0140295999999998</v>
      </c>
      <c r="X435" s="20">
        <f t="shared" si="13"/>
        <v>69.649864815447998</v>
      </c>
    </row>
    <row r="436" spans="2:24">
      <c r="B436" s="23">
        <v>0.68142361110949423</v>
      </c>
      <c r="C436" s="20">
        <v>3352.4812999999999</v>
      </c>
      <c r="D436" s="20">
        <v>7.2668103000000004</v>
      </c>
      <c r="E436" s="20">
        <v>2.8216071</v>
      </c>
      <c r="F436" s="20">
        <v>0</v>
      </c>
      <c r="G436" s="20">
        <v>-0.48783225000000002</v>
      </c>
      <c r="H436" s="20">
        <v>21.283325000000001</v>
      </c>
      <c r="I436" s="20">
        <v>0</v>
      </c>
      <c r="J436" s="20">
        <v>0</v>
      </c>
      <c r="K436" s="20">
        <v>0.23485369</v>
      </c>
      <c r="L436" s="20">
        <v>1662.0989999999999</v>
      </c>
      <c r="M436" s="20">
        <v>36.849874999999997</v>
      </c>
      <c r="N436" s="20">
        <v>7.4666968000000002</v>
      </c>
      <c r="O436" s="20">
        <v>94.145465999999999</v>
      </c>
      <c r="P436" s="20">
        <v>21.746845</v>
      </c>
      <c r="Q436" s="20">
        <f t="shared" si="12"/>
        <v>160.2088828</v>
      </c>
      <c r="R436" s="20">
        <v>453.27717999999999</v>
      </c>
      <c r="S436" s="20">
        <v>10.088417</v>
      </c>
      <c r="T436" s="20">
        <v>30.302188999999998</v>
      </c>
      <c r="U436" s="20">
        <v>33.637639</v>
      </c>
      <c r="V436" s="20">
        <v>5.0781413000000004</v>
      </c>
      <c r="X436" s="20">
        <f t="shared" si="13"/>
        <v>69.539568936364006</v>
      </c>
    </row>
    <row r="437" spans="2:24">
      <c r="B437" s="23">
        <v>0.68193287037138361</v>
      </c>
      <c r="C437" s="20">
        <v>3213.1210999999998</v>
      </c>
      <c r="D437" s="20">
        <v>8.1527387000000004</v>
      </c>
      <c r="E437" s="20">
        <v>4.0953112999999997</v>
      </c>
      <c r="F437" s="20">
        <v>0</v>
      </c>
      <c r="G437" s="20">
        <v>-0.45466108999999999</v>
      </c>
      <c r="H437" s="20">
        <v>20.743046</v>
      </c>
      <c r="I437" s="20">
        <v>0</v>
      </c>
      <c r="J437" s="20">
        <v>0</v>
      </c>
      <c r="K437" s="20">
        <v>0.22691895000000001</v>
      </c>
      <c r="L437" s="20">
        <v>1512.7434000000001</v>
      </c>
      <c r="M437" s="20">
        <v>28.241005999999999</v>
      </c>
      <c r="N437" s="20">
        <v>8.6469881999999991</v>
      </c>
      <c r="O437" s="20">
        <v>86.915143999999998</v>
      </c>
      <c r="P437" s="20">
        <v>20.512705</v>
      </c>
      <c r="Q437" s="20">
        <f t="shared" si="12"/>
        <v>144.31584319999999</v>
      </c>
      <c r="R437" s="20">
        <v>424.16404999999997</v>
      </c>
      <c r="S437" s="20">
        <v>12.248049999999999</v>
      </c>
      <c r="T437" s="20">
        <v>30.170265000000001</v>
      </c>
      <c r="U437" s="20">
        <v>33.606681000000002</v>
      </c>
      <c r="V437" s="20">
        <v>5.0195737999999999</v>
      </c>
      <c r="X437" s="20">
        <f t="shared" si="13"/>
        <v>69.288038974705998</v>
      </c>
    </row>
    <row r="438" spans="2:24">
      <c r="B438" s="23">
        <v>0.68243055555649335</v>
      </c>
      <c r="C438" s="20">
        <v>3217.0189</v>
      </c>
      <c r="D438" s="20">
        <v>8.7122822000000006</v>
      </c>
      <c r="E438" s="20">
        <v>5.1842036</v>
      </c>
      <c r="F438" s="20">
        <v>0</v>
      </c>
      <c r="G438" s="20">
        <v>-0.47168251</v>
      </c>
      <c r="H438" s="20">
        <v>20.214143</v>
      </c>
      <c r="I438" s="20">
        <v>0</v>
      </c>
      <c r="J438" s="20">
        <v>0</v>
      </c>
      <c r="K438" s="20">
        <v>0.19022376999999999</v>
      </c>
      <c r="L438" s="20">
        <v>1507.9929</v>
      </c>
      <c r="M438" s="20">
        <v>30.846250999999999</v>
      </c>
      <c r="N438" s="20">
        <v>8.2930916000000003</v>
      </c>
      <c r="O438" s="20">
        <v>84.497664999999998</v>
      </c>
      <c r="P438" s="20">
        <v>20.407862000000002</v>
      </c>
      <c r="Q438" s="20">
        <f t="shared" si="12"/>
        <v>144.0448696</v>
      </c>
      <c r="R438" s="20">
        <v>418.12682000000001</v>
      </c>
      <c r="S438" s="20">
        <v>13.896485999999999</v>
      </c>
      <c r="T438" s="20">
        <v>29.941852000000001</v>
      </c>
      <c r="U438" s="20">
        <v>33.406959000000001</v>
      </c>
      <c r="V438" s="20">
        <v>5.0502196000000001</v>
      </c>
      <c r="X438" s="20">
        <f t="shared" si="13"/>
        <v>68.890708832566006</v>
      </c>
    </row>
    <row r="439" spans="2:24">
      <c r="B439" s="23">
        <v>0.68292824074160308</v>
      </c>
      <c r="C439" s="20">
        <v>3199.1554000000001</v>
      </c>
      <c r="D439" s="20">
        <v>8.8469236000000002</v>
      </c>
      <c r="E439" s="20">
        <v>5.3088679000000001</v>
      </c>
      <c r="F439" s="20">
        <v>0</v>
      </c>
      <c r="G439" s="20">
        <v>-0.53915024</v>
      </c>
      <c r="H439" s="20">
        <v>20.034074</v>
      </c>
      <c r="I439" s="20">
        <v>0</v>
      </c>
      <c r="J439" s="20">
        <v>0</v>
      </c>
      <c r="K439" s="20">
        <v>0.15083041</v>
      </c>
      <c r="L439" s="20">
        <v>1473.9786999999999</v>
      </c>
      <c r="M439" s="20">
        <v>22.737093000000002</v>
      </c>
      <c r="N439" s="20">
        <v>8.8606993999999997</v>
      </c>
      <c r="O439" s="20">
        <v>84.680671000000004</v>
      </c>
      <c r="P439" s="20">
        <v>20.616672999999999</v>
      </c>
      <c r="Q439" s="20">
        <f t="shared" si="12"/>
        <v>136.89513640000001</v>
      </c>
      <c r="R439" s="20">
        <v>417.77443</v>
      </c>
      <c r="S439" s="20">
        <v>14.155792</v>
      </c>
      <c r="T439" s="20">
        <v>29.838895999999998</v>
      </c>
      <c r="U439" s="20">
        <v>33.117724000000003</v>
      </c>
      <c r="V439" s="20">
        <v>4.9778282999999997</v>
      </c>
      <c r="X439" s="20">
        <f t="shared" si="13"/>
        <v>68.420246957407002</v>
      </c>
    </row>
    <row r="440" spans="2:24">
      <c r="B440" s="23">
        <v>0.68346064814977581</v>
      </c>
      <c r="C440" s="20">
        <v>3256.9757</v>
      </c>
      <c r="D440" s="20">
        <v>9.1654458999999999</v>
      </c>
      <c r="E440" s="20">
        <v>5.4060034000000003</v>
      </c>
      <c r="F440" s="20">
        <v>0</v>
      </c>
      <c r="G440" s="20">
        <v>-0.40292225999999998</v>
      </c>
      <c r="H440" s="20">
        <v>20.262544999999999</v>
      </c>
      <c r="I440" s="20">
        <v>0</v>
      </c>
      <c r="J440" s="20">
        <v>0</v>
      </c>
      <c r="K440" s="20">
        <v>0.1346791</v>
      </c>
      <c r="L440" s="20">
        <v>1505.393</v>
      </c>
      <c r="M440" s="20">
        <v>23.465008000000001</v>
      </c>
      <c r="N440" s="20">
        <v>8.7972713999999996</v>
      </c>
      <c r="O440" s="20">
        <v>86.291695000000004</v>
      </c>
      <c r="P440" s="20">
        <v>21.047104999999998</v>
      </c>
      <c r="Q440" s="20">
        <f t="shared" si="12"/>
        <v>139.6010794</v>
      </c>
      <c r="R440" s="20">
        <v>427.52528999999998</v>
      </c>
      <c r="S440" s="20">
        <v>14.571448999999999</v>
      </c>
      <c r="T440" s="20">
        <v>29.801186000000001</v>
      </c>
      <c r="U440" s="20">
        <v>32.980620000000002</v>
      </c>
      <c r="V440" s="20">
        <v>4.8691586999999998</v>
      </c>
      <c r="X440" s="20">
        <f t="shared" si="13"/>
        <v>68.146075397954007</v>
      </c>
    </row>
    <row r="441" spans="2:24">
      <c r="B441" s="23">
        <v>0.68399305555794854</v>
      </c>
      <c r="C441" s="20">
        <v>3304.5967000000001</v>
      </c>
      <c r="D441" s="20">
        <v>9.4005120000000009</v>
      </c>
      <c r="E441" s="20">
        <v>5.2841025999999998</v>
      </c>
      <c r="F441" s="20">
        <v>0</v>
      </c>
      <c r="G441" s="20">
        <v>-0.32978416999999999</v>
      </c>
      <c r="H441" s="20">
        <v>20.461853999999999</v>
      </c>
      <c r="I441" s="20">
        <v>0</v>
      </c>
      <c r="J441" s="20">
        <v>0</v>
      </c>
      <c r="K441" s="20">
        <v>0.17115470999999999</v>
      </c>
      <c r="L441" s="20">
        <v>1500.6811</v>
      </c>
      <c r="M441" s="20">
        <v>11.258342000000001</v>
      </c>
      <c r="N441" s="20">
        <v>8.9904091000000008</v>
      </c>
      <c r="O441" s="20">
        <v>88.843131</v>
      </c>
      <c r="P441" s="20">
        <v>21.765899999999998</v>
      </c>
      <c r="Q441" s="20">
        <f t="shared" si="12"/>
        <v>130.85778209999998</v>
      </c>
      <c r="R441" s="20">
        <v>435.78071</v>
      </c>
      <c r="S441" s="20">
        <v>14.684615000000001</v>
      </c>
      <c r="T441" s="20">
        <v>29.886906</v>
      </c>
      <c r="U441" s="20">
        <v>32.837246</v>
      </c>
      <c r="V441" s="20">
        <v>4.9053934000000003</v>
      </c>
      <c r="X441" s="20">
        <f t="shared" si="13"/>
        <v>68.128126203623992</v>
      </c>
    </row>
    <row r="442" spans="2:24">
      <c r="B442" s="23">
        <v>0.68449074074305827</v>
      </c>
      <c r="C442" s="20">
        <v>3330.4922000000001</v>
      </c>
      <c r="D442" s="20">
        <v>9.0172667999999998</v>
      </c>
      <c r="E442" s="20">
        <v>4.5669640999999999</v>
      </c>
      <c r="F442" s="20">
        <v>0</v>
      </c>
      <c r="G442" s="20">
        <v>-0.38195466</v>
      </c>
      <c r="H442" s="20">
        <v>20.418261000000001</v>
      </c>
      <c r="I442" s="20">
        <v>0</v>
      </c>
      <c r="J442" s="20">
        <v>0</v>
      </c>
      <c r="K442" s="20">
        <v>0.15461405</v>
      </c>
      <c r="L442" s="20">
        <v>1579.3110999999999</v>
      </c>
      <c r="M442" s="20">
        <v>28.593420999999999</v>
      </c>
      <c r="N442" s="20">
        <v>8.3747491000000007</v>
      </c>
      <c r="O442" s="20">
        <v>89.080134000000001</v>
      </c>
      <c r="P442" s="20">
        <v>22.60811</v>
      </c>
      <c r="Q442" s="20">
        <f t="shared" si="12"/>
        <v>148.65641410000001</v>
      </c>
      <c r="R442" s="20">
        <v>440.55288000000002</v>
      </c>
      <c r="S442" s="20">
        <v>13.584231000000001</v>
      </c>
      <c r="T442" s="20">
        <v>29.892787999999999</v>
      </c>
      <c r="U442" s="20">
        <v>32.833452000000001</v>
      </c>
      <c r="V442" s="20">
        <v>5.0613878999999997</v>
      </c>
      <c r="X442" s="20">
        <f t="shared" si="13"/>
        <v>68.298209809639005</v>
      </c>
    </row>
    <row r="443" spans="2:24">
      <c r="B443" s="23">
        <v>0.684988425928168</v>
      </c>
      <c r="C443" s="20">
        <v>3248.9886999999999</v>
      </c>
      <c r="D443" s="20">
        <v>8.1505603000000004</v>
      </c>
      <c r="E443" s="20">
        <v>5.0252267000000002</v>
      </c>
      <c r="F443" s="20">
        <v>0</v>
      </c>
      <c r="G443" s="20">
        <v>-0.50803039000000005</v>
      </c>
      <c r="H443" s="20">
        <v>20.24691</v>
      </c>
      <c r="I443" s="20">
        <v>0</v>
      </c>
      <c r="J443" s="20">
        <v>0</v>
      </c>
      <c r="K443" s="20">
        <v>0.19298952999999999</v>
      </c>
      <c r="L443" s="20">
        <v>1488.5246999999999</v>
      </c>
      <c r="M443" s="20">
        <v>16.941148999999999</v>
      </c>
      <c r="N443" s="20">
        <v>9.2783108999999993</v>
      </c>
      <c r="O443" s="20">
        <v>86.824140999999997</v>
      </c>
      <c r="P443" s="20">
        <v>23.115003999999999</v>
      </c>
      <c r="Q443" s="20">
        <f t="shared" si="12"/>
        <v>136.1586049</v>
      </c>
      <c r="R443" s="20">
        <v>431.10498000000001</v>
      </c>
      <c r="S443" s="20">
        <v>13.175787</v>
      </c>
      <c r="T443" s="20">
        <v>29.977198999999999</v>
      </c>
      <c r="U443" s="20">
        <v>32.941858000000003</v>
      </c>
      <c r="V443" s="20">
        <v>5.0084853000000003</v>
      </c>
      <c r="X443" s="20">
        <f t="shared" si="13"/>
        <v>68.419537844803997</v>
      </c>
    </row>
    <row r="444" spans="2:24">
      <c r="B444" s="23">
        <v>0.68548611111327773</v>
      </c>
      <c r="C444" s="20">
        <v>3184.3146000000002</v>
      </c>
      <c r="D444" s="20">
        <v>7.0827923000000004</v>
      </c>
      <c r="E444" s="20">
        <v>5.6205020000000001</v>
      </c>
      <c r="F444" s="20">
        <v>0</v>
      </c>
      <c r="G444" s="20">
        <v>-0.50366065000000004</v>
      </c>
      <c r="H444" s="20">
        <v>20.289878999999999</v>
      </c>
      <c r="I444" s="20">
        <v>0</v>
      </c>
      <c r="J444" s="20">
        <v>0</v>
      </c>
      <c r="K444" s="20">
        <v>0.27155790000000002</v>
      </c>
      <c r="L444" s="20">
        <v>1523.9503999999999</v>
      </c>
      <c r="M444" s="20">
        <v>32.655571000000002</v>
      </c>
      <c r="N444" s="20">
        <v>8.8428576000000003</v>
      </c>
      <c r="O444" s="20">
        <v>85.952742999999998</v>
      </c>
      <c r="P444" s="20">
        <v>23.41628</v>
      </c>
      <c r="Q444" s="20">
        <f t="shared" si="12"/>
        <v>150.86745160000001</v>
      </c>
      <c r="R444" s="20">
        <v>426.93432000000001</v>
      </c>
      <c r="S444" s="20">
        <v>12.703294</v>
      </c>
      <c r="T444" s="20">
        <v>30.099983000000002</v>
      </c>
      <c r="U444" s="20">
        <v>33.109152999999999</v>
      </c>
      <c r="V444" s="20">
        <v>5.0669724</v>
      </c>
      <c r="X444" s="20">
        <f t="shared" si="13"/>
        <v>68.766568081614992</v>
      </c>
    </row>
    <row r="445" spans="2:24">
      <c r="B445" s="23">
        <v>0.68598379629838746</v>
      </c>
      <c r="C445" s="20">
        <v>3128.6089999999999</v>
      </c>
      <c r="D445" s="20">
        <v>6.4538608000000002</v>
      </c>
      <c r="E445" s="20">
        <v>4.2218514999999996</v>
      </c>
      <c r="F445" s="20">
        <v>0</v>
      </c>
      <c r="G445" s="20">
        <v>-0.49943281</v>
      </c>
      <c r="H445" s="20">
        <v>20.378162</v>
      </c>
      <c r="I445" s="20">
        <v>0</v>
      </c>
      <c r="J445" s="20">
        <v>0</v>
      </c>
      <c r="K445" s="20">
        <v>0.27577272000000003</v>
      </c>
      <c r="L445" s="20">
        <v>1525.4848</v>
      </c>
      <c r="M445" s="20">
        <v>31.917209</v>
      </c>
      <c r="N445" s="20">
        <v>8.0344467000000002</v>
      </c>
      <c r="O445" s="20">
        <v>85.388031999999995</v>
      </c>
      <c r="P445" s="20">
        <v>22.984580000000001</v>
      </c>
      <c r="Q445" s="20">
        <f t="shared" si="12"/>
        <v>148.32426770000001</v>
      </c>
      <c r="R445" s="20">
        <v>420.48703999999998</v>
      </c>
      <c r="S445" s="20">
        <v>10.675712000000001</v>
      </c>
      <c r="T445" s="20">
        <v>29.997820000000001</v>
      </c>
      <c r="U445" s="20">
        <v>33.042923999999999</v>
      </c>
      <c r="V445" s="20">
        <v>5.0669724</v>
      </c>
      <c r="X445" s="20">
        <f t="shared" si="13"/>
        <v>68.592108799390999</v>
      </c>
    </row>
    <row r="446" spans="2:24">
      <c r="B446" s="23">
        <v>0.68649305555300089</v>
      </c>
      <c r="C446" s="20">
        <v>3150.2851000000001</v>
      </c>
      <c r="D446" s="20">
        <v>6.125451</v>
      </c>
      <c r="E446" s="20">
        <v>2.0117688999999999</v>
      </c>
      <c r="F446" s="20">
        <v>0</v>
      </c>
      <c r="G446" s="20">
        <v>-0.44789166000000002</v>
      </c>
      <c r="H446" s="20">
        <v>20.438694999999999</v>
      </c>
      <c r="I446" s="20">
        <v>0</v>
      </c>
      <c r="J446" s="20">
        <v>0</v>
      </c>
      <c r="K446" s="20">
        <v>0.27585570999999998</v>
      </c>
      <c r="L446" s="20">
        <v>1639.0713000000001</v>
      </c>
      <c r="M446" s="20">
        <v>45.653559000000001</v>
      </c>
      <c r="N446" s="20">
        <v>6.5302635000000002</v>
      </c>
      <c r="O446" s="20">
        <v>87.556246000000002</v>
      </c>
      <c r="P446" s="20">
        <v>23.564798</v>
      </c>
      <c r="Q446" s="20">
        <f t="shared" si="12"/>
        <v>163.3048665</v>
      </c>
      <c r="R446" s="20">
        <v>430.87056999999999</v>
      </c>
      <c r="S446" s="20">
        <v>8.1372198999999998</v>
      </c>
      <c r="T446" s="20">
        <v>29.933776000000002</v>
      </c>
      <c r="U446" s="20">
        <v>32.998004999999999</v>
      </c>
      <c r="V446" s="20">
        <v>5.0084853000000003</v>
      </c>
      <c r="X446" s="20">
        <f t="shared" si="13"/>
        <v>68.439186536535004</v>
      </c>
    </row>
    <row r="447" spans="2:24">
      <c r="B447" s="23">
        <v>0.68699074073811062</v>
      </c>
      <c r="C447" s="20">
        <v>3085.9549999999999</v>
      </c>
      <c r="D447" s="20">
        <v>6.0558801999999998</v>
      </c>
      <c r="E447" s="20">
        <v>1.5610596000000001</v>
      </c>
      <c r="F447" s="20">
        <v>0</v>
      </c>
      <c r="G447" s="20">
        <v>-0.43802392000000001</v>
      </c>
      <c r="H447" s="20">
        <v>20.297170999999999</v>
      </c>
      <c r="I447" s="20">
        <v>0</v>
      </c>
      <c r="J447" s="20">
        <v>0</v>
      </c>
      <c r="K447" s="20">
        <v>0.21737738000000001</v>
      </c>
      <c r="L447" s="20">
        <v>1560.2157999999999</v>
      </c>
      <c r="M447" s="20">
        <v>29.886433</v>
      </c>
      <c r="N447" s="20">
        <v>7.6155445000000004</v>
      </c>
      <c r="O447" s="20">
        <v>85.124108000000007</v>
      </c>
      <c r="P447" s="20">
        <v>23.535416000000001</v>
      </c>
      <c r="Q447" s="20">
        <f t="shared" si="12"/>
        <v>146.16150150000001</v>
      </c>
      <c r="R447" s="20">
        <v>420.54644000000002</v>
      </c>
      <c r="S447" s="20">
        <v>7.6169397999999999</v>
      </c>
      <c r="T447" s="20">
        <v>29.73761</v>
      </c>
      <c r="U447" s="20">
        <v>32.852803999999999</v>
      </c>
      <c r="V447" s="20">
        <v>4.9525449999999998</v>
      </c>
      <c r="X447" s="20">
        <f t="shared" si="13"/>
        <v>68.025723270556</v>
      </c>
    </row>
    <row r="448" spans="2:24">
      <c r="B448" s="23">
        <v>0.68748842592322035</v>
      </c>
      <c r="C448" s="20">
        <v>3011.6156000000001</v>
      </c>
      <c r="D448" s="20">
        <v>6.5866179999999996</v>
      </c>
      <c r="E448" s="20">
        <v>2.8867497000000002</v>
      </c>
      <c r="F448" s="20">
        <v>0</v>
      </c>
      <c r="G448" s="20">
        <v>-0.49366444999999998</v>
      </c>
      <c r="H448" s="20">
        <v>19.93272</v>
      </c>
      <c r="I448" s="20">
        <v>0</v>
      </c>
      <c r="J448" s="20">
        <v>0</v>
      </c>
      <c r="K448" s="20">
        <v>0.21661327999999999</v>
      </c>
      <c r="L448" s="20">
        <v>1514.7049999999999</v>
      </c>
      <c r="M448" s="20">
        <v>29.175308000000001</v>
      </c>
      <c r="N448" s="20">
        <v>7.2978603</v>
      </c>
      <c r="O448" s="20">
        <v>83.366743</v>
      </c>
      <c r="P448" s="20">
        <v>23.364538</v>
      </c>
      <c r="Q448" s="20">
        <f t="shared" si="12"/>
        <v>143.20444929999999</v>
      </c>
      <c r="R448" s="20">
        <v>411.06292999999999</v>
      </c>
      <c r="S448" s="20">
        <v>9.4733677000000007</v>
      </c>
      <c r="T448" s="20">
        <v>29.548102</v>
      </c>
      <c r="U448" s="20">
        <v>32.846612</v>
      </c>
      <c r="V448" s="20">
        <v>5.0140295999999998</v>
      </c>
      <c r="X448" s="20">
        <f t="shared" si="13"/>
        <v>67.879556345352995</v>
      </c>
    </row>
    <row r="449" spans="2:24">
      <c r="B449" s="23">
        <v>0.68798611110833008</v>
      </c>
      <c r="C449" s="20">
        <v>2956.4</v>
      </c>
      <c r="D449" s="20">
        <v>7.3153202999999998</v>
      </c>
      <c r="E449" s="20">
        <v>3.2085903</v>
      </c>
      <c r="F449" s="20">
        <v>0</v>
      </c>
      <c r="G449" s="20">
        <v>-0.48070970000000002</v>
      </c>
      <c r="H449" s="20">
        <v>19.647131000000002</v>
      </c>
      <c r="I449" s="20">
        <v>0</v>
      </c>
      <c r="J449" s="20">
        <v>0</v>
      </c>
      <c r="K449" s="20">
        <v>0.2003578</v>
      </c>
      <c r="L449" s="20">
        <v>1504.3400999999999</v>
      </c>
      <c r="M449" s="20">
        <v>31.902349000000001</v>
      </c>
      <c r="N449" s="20">
        <v>6.8989915999999996</v>
      </c>
      <c r="O449" s="20">
        <v>82.627114000000006</v>
      </c>
      <c r="P449" s="20">
        <v>23.103650999999999</v>
      </c>
      <c r="Q449" s="20">
        <f t="shared" si="12"/>
        <v>144.53210560000002</v>
      </c>
      <c r="R449" s="20">
        <v>404.49394999999998</v>
      </c>
      <c r="S449" s="20">
        <v>10.523911</v>
      </c>
      <c r="T449" s="20">
        <v>29.655488999999999</v>
      </c>
      <c r="U449" s="20">
        <v>32.769756999999998</v>
      </c>
      <c r="V449" s="20">
        <v>4.9325143000000002</v>
      </c>
      <c r="X449" s="20">
        <f t="shared" si="13"/>
        <v>67.82232898062999</v>
      </c>
    </row>
    <row r="450" spans="2:24">
      <c r="B450" s="23">
        <v>0.68848379629343981</v>
      </c>
      <c r="C450" s="20">
        <v>2889.1745000000001</v>
      </c>
      <c r="D450" s="20">
        <v>8.0803937999999995</v>
      </c>
      <c r="E450" s="20">
        <v>2.6449090000000002</v>
      </c>
      <c r="F450" s="20">
        <v>0</v>
      </c>
      <c r="G450" s="20">
        <v>-0.49492926999999998</v>
      </c>
      <c r="H450" s="20">
        <v>19.452978000000002</v>
      </c>
      <c r="I450" s="20">
        <v>0</v>
      </c>
      <c r="J450" s="20">
        <v>0</v>
      </c>
      <c r="K450" s="20">
        <v>0.26823951000000001</v>
      </c>
      <c r="L450" s="20">
        <v>1498.8798999999999</v>
      </c>
      <c r="M450" s="20">
        <v>43.178776999999997</v>
      </c>
      <c r="N450" s="20">
        <v>6.2450834000000004</v>
      </c>
      <c r="O450" s="20">
        <v>81.128180999999998</v>
      </c>
      <c r="P450" s="20">
        <v>22.559570000000001</v>
      </c>
      <c r="Q450" s="20">
        <f t="shared" si="12"/>
        <v>153.11161140000002</v>
      </c>
      <c r="R450" s="20">
        <v>394.99049000000002</v>
      </c>
      <c r="S450" s="20">
        <v>10.725303</v>
      </c>
      <c r="T450" s="20">
        <v>29.592670999999999</v>
      </c>
      <c r="U450" s="20">
        <v>32.681265000000003</v>
      </c>
      <c r="V450" s="20">
        <v>5.0222977000000002</v>
      </c>
      <c r="X450" s="20">
        <f t="shared" si="13"/>
        <v>67.754417990543999</v>
      </c>
    </row>
    <row r="451" spans="2:24">
      <c r="B451" s="23">
        <v>0.68899305555532919</v>
      </c>
      <c r="C451" s="20">
        <v>2886.0153</v>
      </c>
      <c r="D451" s="20">
        <v>8.1938245999999992</v>
      </c>
      <c r="E451" s="20">
        <v>2.5622701999999999</v>
      </c>
      <c r="F451" s="20">
        <v>0</v>
      </c>
      <c r="G451" s="20">
        <v>-0.51011848999999998</v>
      </c>
      <c r="H451" s="20">
        <v>19.619945000000001</v>
      </c>
      <c r="I451" s="20">
        <v>0</v>
      </c>
      <c r="J451" s="20">
        <v>0</v>
      </c>
      <c r="K451" s="20">
        <v>0.22763243</v>
      </c>
      <c r="L451" s="20">
        <v>1502.4281000000001</v>
      </c>
      <c r="M451" s="20">
        <v>39.417425000000001</v>
      </c>
      <c r="N451" s="20">
        <v>6.7287868</v>
      </c>
      <c r="O451" s="20">
        <v>81.566947999999996</v>
      </c>
      <c r="P451" s="20">
        <v>23.064696999999999</v>
      </c>
      <c r="Q451" s="20">
        <f t="shared" si="12"/>
        <v>150.7778568</v>
      </c>
      <c r="R451" s="20">
        <v>400.82821999999999</v>
      </c>
      <c r="S451" s="20">
        <v>10.756095</v>
      </c>
      <c r="T451" s="20">
        <v>29.804193000000001</v>
      </c>
      <c r="U451" s="20">
        <v>32.460670999999998</v>
      </c>
      <c r="V451" s="20">
        <v>5.0502196000000001</v>
      </c>
      <c r="X451" s="20">
        <f t="shared" si="13"/>
        <v>67.773090690554014</v>
      </c>
    </row>
    <row r="452" spans="2:24">
      <c r="B452" s="23">
        <v>0.68949074074043892</v>
      </c>
      <c r="C452" s="20">
        <v>2828.9056</v>
      </c>
      <c r="D452" s="20">
        <v>7.8523154999999996</v>
      </c>
      <c r="E452" s="20">
        <v>3.4986738000000002</v>
      </c>
      <c r="F452" s="20">
        <v>0</v>
      </c>
      <c r="G452" s="20">
        <v>-0.42564539000000001</v>
      </c>
      <c r="H452" s="20">
        <v>19.656379000000001</v>
      </c>
      <c r="I452" s="20">
        <v>0</v>
      </c>
      <c r="J452" s="20">
        <v>0</v>
      </c>
      <c r="K452" s="20">
        <v>0.21587834</v>
      </c>
      <c r="L452" s="20">
        <v>1424.7455</v>
      </c>
      <c r="M452" s="20">
        <v>33.511119000000001</v>
      </c>
      <c r="N452" s="20">
        <v>7.5242589999999998</v>
      </c>
      <c r="O452" s="20">
        <v>78.497521000000006</v>
      </c>
      <c r="P452" s="20">
        <v>22.792425999999999</v>
      </c>
      <c r="Q452" s="20">
        <f t="shared" si="12"/>
        <v>142.32532500000002</v>
      </c>
      <c r="R452" s="20">
        <v>388.85629</v>
      </c>
      <c r="S452" s="20">
        <v>11.350989</v>
      </c>
      <c r="T452" s="20">
        <v>29.65371</v>
      </c>
      <c r="U452" s="20">
        <v>32.470014999999997</v>
      </c>
      <c r="V452" s="20">
        <v>5.1644259999999997</v>
      </c>
      <c r="X452" s="20">
        <f t="shared" si="13"/>
        <v>67.731963501525001</v>
      </c>
    </row>
    <row r="453" spans="2:24">
      <c r="B453" s="23">
        <v>0.68998842592554865</v>
      </c>
      <c r="C453" s="20">
        <v>2814.9034999999999</v>
      </c>
      <c r="D453" s="20">
        <v>7.7287869000000002</v>
      </c>
      <c r="E453" s="20">
        <v>4.0337360999999996</v>
      </c>
      <c r="F453" s="20">
        <v>0</v>
      </c>
      <c r="G453" s="20">
        <v>-0.48767700000000003</v>
      </c>
      <c r="H453" s="20">
        <v>19.527101999999999</v>
      </c>
      <c r="I453" s="20">
        <v>0</v>
      </c>
      <c r="J453" s="20">
        <v>0</v>
      </c>
      <c r="K453" s="20">
        <v>0.1158858</v>
      </c>
      <c r="L453" s="20">
        <v>1403.1592000000001</v>
      </c>
      <c r="M453" s="20">
        <v>31.088674000000001</v>
      </c>
      <c r="N453" s="20">
        <v>7.6851082000000002</v>
      </c>
      <c r="O453" s="20">
        <v>77.517949999999999</v>
      </c>
      <c r="P453" s="20">
        <v>22.877517999999998</v>
      </c>
      <c r="Q453" s="20">
        <f t="shared" si="12"/>
        <v>139.16925019999999</v>
      </c>
      <c r="R453" s="20">
        <v>387.38970999999998</v>
      </c>
      <c r="S453" s="20">
        <v>11.762523</v>
      </c>
      <c r="T453" s="20">
        <v>29.567843</v>
      </c>
      <c r="U453" s="20">
        <v>32.794131999999998</v>
      </c>
      <c r="V453" s="20">
        <v>5.0558038999999999</v>
      </c>
      <c r="X453" s="20">
        <f t="shared" si="13"/>
        <v>67.857770130700004</v>
      </c>
    </row>
    <row r="454" spans="2:24">
      <c r="B454" s="23">
        <v>0.69048611111065838</v>
      </c>
      <c r="C454" s="20">
        <v>2754.3951000000002</v>
      </c>
      <c r="D454" s="20">
        <v>7.8902064000000003</v>
      </c>
      <c r="E454" s="20">
        <v>4.2806512999999997</v>
      </c>
      <c r="F454" s="20">
        <v>0</v>
      </c>
      <c r="G454" s="20">
        <v>-0.52264566999999995</v>
      </c>
      <c r="H454" s="20">
        <v>19.179562000000001</v>
      </c>
      <c r="I454" s="20">
        <v>0</v>
      </c>
      <c r="J454" s="20">
        <v>0</v>
      </c>
      <c r="K454" s="20">
        <v>0.20621735999999999</v>
      </c>
      <c r="L454" s="20">
        <v>1326.6993</v>
      </c>
      <c r="M454" s="20">
        <v>27.670704000000001</v>
      </c>
      <c r="N454" s="20">
        <v>8.2389232000000003</v>
      </c>
      <c r="O454" s="20">
        <v>73.646669000000003</v>
      </c>
      <c r="P454" s="20">
        <v>21.943781999999999</v>
      </c>
      <c r="Q454" s="20">
        <f t="shared" si="12"/>
        <v>131.50007820000002</v>
      </c>
      <c r="R454" s="20">
        <v>369.80412000000001</v>
      </c>
      <c r="S454" s="20">
        <v>12.170858000000001</v>
      </c>
      <c r="T454" s="20">
        <v>29.384136000000002</v>
      </c>
      <c r="U454" s="20">
        <v>32.817366999999997</v>
      </c>
      <c r="V454" s="20">
        <v>5.1701300000000003</v>
      </c>
      <c r="X454" s="20">
        <f t="shared" si="13"/>
        <v>67.79721293275901</v>
      </c>
    </row>
    <row r="455" spans="2:24">
      <c r="B455" s="23">
        <v>0.69099537037254777</v>
      </c>
      <c r="C455" s="20">
        <v>2695.8735000000001</v>
      </c>
      <c r="D455" s="20">
        <v>8.4059805999999995</v>
      </c>
      <c r="E455" s="20">
        <v>4.2909484000000004</v>
      </c>
      <c r="F455" s="20">
        <v>0</v>
      </c>
      <c r="G455" s="20">
        <v>-0.54252433</v>
      </c>
      <c r="H455" s="20">
        <v>19.005378</v>
      </c>
      <c r="I455" s="20">
        <v>0</v>
      </c>
      <c r="J455" s="20">
        <v>0</v>
      </c>
      <c r="K455" s="20">
        <v>0.21760795999999999</v>
      </c>
      <c r="L455" s="20">
        <v>1299.6238000000001</v>
      </c>
      <c r="M455" s="20">
        <v>24.762855999999999</v>
      </c>
      <c r="N455" s="20">
        <v>7.8471698999999999</v>
      </c>
      <c r="O455" s="20">
        <v>71.531749000000005</v>
      </c>
      <c r="P455" s="20">
        <v>21.507293000000001</v>
      </c>
      <c r="Q455" s="20">
        <f t="shared" si="12"/>
        <v>125.64906790000001</v>
      </c>
      <c r="R455" s="20">
        <v>361.18833999999998</v>
      </c>
      <c r="S455" s="20">
        <v>12.696929000000001</v>
      </c>
      <c r="T455" s="20">
        <v>29.205069000000002</v>
      </c>
      <c r="U455" s="20">
        <v>32.560012</v>
      </c>
      <c r="V455" s="20">
        <v>5.1169009000000001</v>
      </c>
      <c r="X455" s="20">
        <f t="shared" si="13"/>
        <v>67.298503968752996</v>
      </c>
    </row>
    <row r="456" spans="2:24">
      <c r="B456" s="23">
        <v>0.6914930555576575</v>
      </c>
      <c r="C456" s="20">
        <v>2714.7613999999999</v>
      </c>
      <c r="D456" s="20">
        <v>8.6932778000000006</v>
      </c>
      <c r="E456" s="20">
        <v>3.7549389</v>
      </c>
      <c r="F456" s="20">
        <v>0</v>
      </c>
      <c r="G456" s="20">
        <v>-0.42954857000000002</v>
      </c>
      <c r="H456" s="20">
        <v>18.875513000000002</v>
      </c>
      <c r="I456" s="20">
        <v>0</v>
      </c>
      <c r="J456" s="20">
        <v>0</v>
      </c>
      <c r="K456" s="20">
        <v>0.22448962</v>
      </c>
      <c r="L456" s="20">
        <v>1342.2959000000001</v>
      </c>
      <c r="M456" s="20">
        <v>28.347127</v>
      </c>
      <c r="N456" s="20">
        <v>7.1670463</v>
      </c>
      <c r="O456" s="20">
        <v>73.000209999999996</v>
      </c>
      <c r="P456" s="20">
        <v>21.921794999999999</v>
      </c>
      <c r="Q456" s="20">
        <f t="shared" ref="Q456:Q519" si="14">M456+N456+O456+P456</f>
        <v>130.43617829999999</v>
      </c>
      <c r="R456" s="20">
        <v>369.07213000000002</v>
      </c>
      <c r="S456" s="20">
        <v>12.448217</v>
      </c>
      <c r="T456" s="20">
        <v>29.277149999999999</v>
      </c>
      <c r="U456" s="20">
        <v>32.029252999999997</v>
      </c>
      <c r="V456" s="20">
        <v>5.0863984999999996</v>
      </c>
      <c r="X456" s="20">
        <f t="shared" ref="X456:X519" si="15">(SUM(C456:S456)-Q456-R456)/10000+SUM(T456:V456)</f>
        <v>66.815907536604996</v>
      </c>
    </row>
    <row r="457" spans="2:24">
      <c r="B457" s="23">
        <v>0.69199074074276723</v>
      </c>
      <c r="C457" s="20">
        <v>2749.7786000000001</v>
      </c>
      <c r="D457" s="20">
        <v>8.5947555999999992</v>
      </c>
      <c r="E457" s="20">
        <v>3.7651894000000001</v>
      </c>
      <c r="F457" s="20">
        <v>0</v>
      </c>
      <c r="G457" s="20">
        <v>-0.48446326000000001</v>
      </c>
      <c r="H457" s="20">
        <v>18.876995000000001</v>
      </c>
      <c r="I457" s="20">
        <v>0</v>
      </c>
      <c r="J457" s="20">
        <v>0</v>
      </c>
      <c r="K457" s="20">
        <v>0.27057685999999997</v>
      </c>
      <c r="L457" s="20">
        <v>1359.0020999999999</v>
      </c>
      <c r="M457" s="20">
        <v>29.629669</v>
      </c>
      <c r="N457" s="20">
        <v>7.7615572999999998</v>
      </c>
      <c r="O457" s="20">
        <v>75.582712999999998</v>
      </c>
      <c r="P457" s="20">
        <v>23.087627999999999</v>
      </c>
      <c r="Q457" s="20">
        <f t="shared" si="14"/>
        <v>136.06156730000001</v>
      </c>
      <c r="R457" s="20">
        <v>380.60599000000002</v>
      </c>
      <c r="S457" s="20">
        <v>12.359945</v>
      </c>
      <c r="T457" s="20">
        <v>29.295977000000001</v>
      </c>
      <c r="U457" s="20">
        <v>32.047682999999999</v>
      </c>
      <c r="V457" s="20">
        <v>5.2425693999999998</v>
      </c>
      <c r="X457" s="20">
        <f t="shared" si="15"/>
        <v>67.01505192658999</v>
      </c>
    </row>
    <row r="458" spans="2:24">
      <c r="B458" s="23">
        <v>0.69248842592787696</v>
      </c>
      <c r="C458" s="20">
        <v>2769.6931</v>
      </c>
      <c r="D458" s="20">
        <v>7.9109468999999999</v>
      </c>
      <c r="E458" s="20">
        <v>4.2587282999999996</v>
      </c>
      <c r="F458" s="20">
        <v>0</v>
      </c>
      <c r="G458" s="20">
        <v>-0.47620945999999997</v>
      </c>
      <c r="H458" s="20">
        <v>18.876117000000001</v>
      </c>
      <c r="I458" s="20">
        <v>0</v>
      </c>
      <c r="J458" s="20">
        <v>0</v>
      </c>
      <c r="K458" s="20">
        <v>0.29690936000000001</v>
      </c>
      <c r="L458" s="20">
        <v>1366.8742</v>
      </c>
      <c r="M458" s="20">
        <v>29.216332999999999</v>
      </c>
      <c r="N458" s="20">
        <v>7.8116206999999998</v>
      </c>
      <c r="O458" s="20">
        <v>76.703450000000004</v>
      </c>
      <c r="P458" s="20">
        <v>23.870982000000001</v>
      </c>
      <c r="Q458" s="20">
        <f t="shared" si="14"/>
        <v>137.60238570000001</v>
      </c>
      <c r="R458" s="20">
        <v>385.72393</v>
      </c>
      <c r="S458" s="20">
        <v>12.169675</v>
      </c>
      <c r="T458" s="20">
        <v>29.241536</v>
      </c>
      <c r="U458" s="20">
        <v>32.016680999999998</v>
      </c>
      <c r="V458" s="20">
        <v>5.1225652000000004</v>
      </c>
      <c r="X458" s="20">
        <f t="shared" si="15"/>
        <v>66.812502785280003</v>
      </c>
    </row>
    <row r="459" spans="2:24">
      <c r="B459" s="23">
        <v>0.69298611111298669</v>
      </c>
      <c r="C459" s="20">
        <v>2772.5947000000001</v>
      </c>
      <c r="D459" s="20">
        <v>7.1477890999999998</v>
      </c>
      <c r="E459" s="20">
        <v>4.8521488000000002</v>
      </c>
      <c r="F459" s="20">
        <v>0</v>
      </c>
      <c r="G459" s="20">
        <v>-0.49321742000000002</v>
      </c>
      <c r="H459" s="20">
        <v>19.053166000000001</v>
      </c>
      <c r="I459" s="20">
        <v>0</v>
      </c>
      <c r="J459" s="20">
        <v>0</v>
      </c>
      <c r="K459" s="20">
        <v>0.26252124999999998</v>
      </c>
      <c r="L459" s="20">
        <v>1345.15</v>
      </c>
      <c r="M459" s="20">
        <v>16.738310999999999</v>
      </c>
      <c r="N459" s="20">
        <v>8.2452340999999993</v>
      </c>
      <c r="O459" s="20">
        <v>78.146703000000002</v>
      </c>
      <c r="P459" s="20">
        <v>25.089109000000001</v>
      </c>
      <c r="Q459" s="20">
        <f t="shared" si="14"/>
        <v>128.2193571</v>
      </c>
      <c r="R459" s="20">
        <v>387.06563</v>
      </c>
      <c r="S459" s="20">
        <v>11.999938</v>
      </c>
      <c r="T459" s="20">
        <v>29.211393000000001</v>
      </c>
      <c r="U459" s="20">
        <v>32.374417000000001</v>
      </c>
      <c r="V459" s="20">
        <v>5.3208273999999998</v>
      </c>
      <c r="X459" s="20">
        <f t="shared" si="15"/>
        <v>67.335516040283011</v>
      </c>
    </row>
    <row r="460" spans="2:24">
      <c r="B460" s="23">
        <v>0.69348379629809642</v>
      </c>
      <c r="C460" s="20">
        <v>2732.4956999999999</v>
      </c>
      <c r="D460" s="20">
        <v>6.9570682000000001</v>
      </c>
      <c r="E460" s="20">
        <v>4.9319949000000003</v>
      </c>
      <c r="F460" s="20">
        <v>0</v>
      </c>
      <c r="G460" s="20">
        <v>-0.5074419</v>
      </c>
      <c r="H460" s="20">
        <v>19.107420999999999</v>
      </c>
      <c r="I460" s="20">
        <v>0</v>
      </c>
      <c r="J460" s="20">
        <v>0</v>
      </c>
      <c r="K460" s="20">
        <v>0.15671059000000001</v>
      </c>
      <c r="L460" s="20">
        <v>1362.2756999999999</v>
      </c>
      <c r="M460" s="20">
        <v>18.316198</v>
      </c>
      <c r="N460" s="20">
        <v>7.6882928000000001</v>
      </c>
      <c r="O460" s="20">
        <v>77.512383</v>
      </c>
      <c r="P460" s="20">
        <v>25.473890000000001</v>
      </c>
      <c r="Q460" s="20">
        <f t="shared" si="14"/>
        <v>128.9907638</v>
      </c>
      <c r="R460" s="20">
        <v>384.93691000000001</v>
      </c>
      <c r="S460" s="20">
        <v>11.889063</v>
      </c>
      <c r="T460" s="20">
        <v>29.209819</v>
      </c>
      <c r="U460" s="20">
        <v>32.357671000000003</v>
      </c>
      <c r="V460" s="20">
        <v>5.1833783999999996</v>
      </c>
      <c r="X460" s="20">
        <f t="shared" si="15"/>
        <v>67.177498097959003</v>
      </c>
    </row>
    <row r="461" spans="2:24">
      <c r="B461" s="23">
        <v>0.69399305555270985</v>
      </c>
      <c r="C461" s="20">
        <v>2739.6019000000001</v>
      </c>
      <c r="D461" s="20">
        <v>7.5104585999999998</v>
      </c>
      <c r="E461" s="20">
        <v>4.1809827000000004</v>
      </c>
      <c r="F461" s="20">
        <v>0</v>
      </c>
      <c r="G461" s="20">
        <v>-0.41598939000000001</v>
      </c>
      <c r="H461" s="20">
        <v>19.095602</v>
      </c>
      <c r="I461" s="20">
        <v>0</v>
      </c>
      <c r="J461" s="20">
        <v>0</v>
      </c>
      <c r="K461" s="20">
        <v>0.14739076000000001</v>
      </c>
      <c r="L461" s="20">
        <v>1434.5992000000001</v>
      </c>
      <c r="M461" s="20">
        <v>24.827604000000001</v>
      </c>
      <c r="N461" s="20">
        <v>7.5114597999999999</v>
      </c>
      <c r="O461" s="20">
        <v>79.312966000000003</v>
      </c>
      <c r="P461" s="20">
        <v>25.918403999999999</v>
      </c>
      <c r="Q461" s="20">
        <f t="shared" si="14"/>
        <v>137.57043380000002</v>
      </c>
      <c r="R461" s="20">
        <v>396.11477000000002</v>
      </c>
      <c r="S461" s="20">
        <v>11.691440999999999</v>
      </c>
      <c r="T461" s="20">
        <v>29.334883999999999</v>
      </c>
      <c r="U461" s="20">
        <v>32.311723000000001</v>
      </c>
      <c r="V461" s="20">
        <v>5.1225652000000004</v>
      </c>
      <c r="X461" s="20">
        <f t="shared" si="15"/>
        <v>67.204570341947004</v>
      </c>
    </row>
    <row r="462" spans="2:24">
      <c r="B462" s="23">
        <v>0.69449074073781958</v>
      </c>
      <c r="C462" s="20">
        <v>2690.8006999999998</v>
      </c>
      <c r="D462" s="20">
        <v>8.4453672999999991</v>
      </c>
      <c r="E462" s="20">
        <v>3.8605426</v>
      </c>
      <c r="F462" s="20">
        <v>0</v>
      </c>
      <c r="G462" s="20">
        <v>-0.4809216</v>
      </c>
      <c r="H462" s="20">
        <v>19.323371000000002</v>
      </c>
      <c r="I462" s="20">
        <v>0</v>
      </c>
      <c r="J462" s="20">
        <v>0</v>
      </c>
      <c r="K462" s="20">
        <v>0.24990724</v>
      </c>
      <c r="L462" s="20">
        <v>1411.6869999999999</v>
      </c>
      <c r="M462" s="20">
        <v>32.483542</v>
      </c>
      <c r="N462" s="20">
        <v>8.2074408999999999</v>
      </c>
      <c r="O462" s="20">
        <v>76.524906999999999</v>
      </c>
      <c r="P462" s="20">
        <v>25.202681999999999</v>
      </c>
      <c r="Q462" s="20">
        <f t="shared" si="14"/>
        <v>142.41857190000002</v>
      </c>
      <c r="R462" s="20">
        <v>386.40994000000001</v>
      </c>
      <c r="S462" s="20">
        <v>12.305910000000001</v>
      </c>
      <c r="T462" s="20">
        <v>29.200323000000001</v>
      </c>
      <c r="U462" s="20">
        <v>32.101162000000002</v>
      </c>
      <c r="V462" s="20">
        <v>5.1282294999999998</v>
      </c>
      <c r="X462" s="20">
        <f t="shared" si="15"/>
        <v>66.858575544844001</v>
      </c>
    </row>
    <row r="463" spans="2:24">
      <c r="B463" s="23">
        <v>0.69498842592292931</v>
      </c>
      <c r="C463" s="20">
        <v>2700.3859000000002</v>
      </c>
      <c r="D463" s="20">
        <v>9.0741011</v>
      </c>
      <c r="E463" s="20">
        <v>4.2067997999999998</v>
      </c>
      <c r="F463" s="20">
        <v>0</v>
      </c>
      <c r="G463" s="20">
        <v>-0.58703939999999999</v>
      </c>
      <c r="H463" s="20">
        <v>19.329301999999998</v>
      </c>
      <c r="I463" s="20">
        <v>0</v>
      </c>
      <c r="J463" s="20">
        <v>0</v>
      </c>
      <c r="K463" s="20">
        <v>0.25095483000000002</v>
      </c>
      <c r="L463" s="20">
        <v>1360.4398000000001</v>
      </c>
      <c r="M463" s="20">
        <v>21.076343999999999</v>
      </c>
      <c r="N463" s="20">
        <v>8.3167582000000007</v>
      </c>
      <c r="O463" s="20">
        <v>74.931906999999995</v>
      </c>
      <c r="P463" s="20">
        <v>25.160419999999998</v>
      </c>
      <c r="Q463" s="20">
        <f t="shared" si="14"/>
        <v>129.4854292</v>
      </c>
      <c r="R463" s="20">
        <v>376.41088000000002</v>
      </c>
      <c r="S463" s="20">
        <v>13.280901</v>
      </c>
      <c r="T463" s="20">
        <v>29.064456</v>
      </c>
      <c r="U463" s="20">
        <v>31.956078000000002</v>
      </c>
      <c r="V463" s="20">
        <v>5.1644259999999997</v>
      </c>
      <c r="X463" s="20">
        <f t="shared" si="15"/>
        <v>66.608546614852997</v>
      </c>
    </row>
    <row r="464" spans="2:24">
      <c r="B464" s="23">
        <v>0.69548611110803904</v>
      </c>
      <c r="C464" s="20">
        <v>2684.0057000000002</v>
      </c>
      <c r="D464" s="20">
        <v>9.2859862999999994</v>
      </c>
      <c r="E464" s="20">
        <v>4.8668241999999999</v>
      </c>
      <c r="F464" s="20">
        <v>0</v>
      </c>
      <c r="G464" s="20">
        <v>-0.44932053</v>
      </c>
      <c r="H464" s="20">
        <v>19.008929999999999</v>
      </c>
      <c r="I464" s="20">
        <v>0</v>
      </c>
      <c r="J464" s="20">
        <v>0</v>
      </c>
      <c r="K464" s="20">
        <v>0.22272554999999999</v>
      </c>
      <c r="L464" s="20">
        <v>1295.4564</v>
      </c>
      <c r="M464" s="20">
        <v>17.926822000000001</v>
      </c>
      <c r="N464" s="20">
        <v>9.1679072999999995</v>
      </c>
      <c r="O464" s="20">
        <v>73.807851999999997</v>
      </c>
      <c r="P464" s="20">
        <v>25.228617</v>
      </c>
      <c r="Q464" s="20">
        <f t="shared" si="14"/>
        <v>126.13119829999999</v>
      </c>
      <c r="R464" s="20">
        <v>365.43572</v>
      </c>
      <c r="S464" s="20">
        <v>14.152811</v>
      </c>
      <c r="T464" s="20">
        <v>29.071867000000001</v>
      </c>
      <c r="U464" s="20">
        <v>31.940771999999999</v>
      </c>
      <c r="V464" s="20">
        <v>5.2425693999999998</v>
      </c>
      <c r="X464" s="20">
        <f t="shared" si="15"/>
        <v>66.670476525482002</v>
      </c>
    </row>
    <row r="465" spans="2:24">
      <c r="B465" s="23">
        <v>0.69598379629314877</v>
      </c>
      <c r="C465" s="20">
        <v>2653.3825000000002</v>
      </c>
      <c r="D465" s="20">
        <v>8.7002804000000005</v>
      </c>
      <c r="E465" s="20">
        <v>5.5764769000000003</v>
      </c>
      <c r="F465" s="20">
        <v>0</v>
      </c>
      <c r="G465" s="20">
        <v>-0.48000030999999999</v>
      </c>
      <c r="H465" s="20">
        <v>18.810670999999999</v>
      </c>
      <c r="I465" s="20">
        <v>0</v>
      </c>
      <c r="J465" s="20">
        <v>0</v>
      </c>
      <c r="K465" s="20">
        <v>0.12945672</v>
      </c>
      <c r="L465" s="20">
        <v>1278.0128</v>
      </c>
      <c r="M465" s="20">
        <v>10.345832</v>
      </c>
      <c r="N465" s="20">
        <v>9.4475864999999999</v>
      </c>
      <c r="O465" s="20">
        <v>73.436499999999995</v>
      </c>
      <c r="P465" s="20">
        <v>25.177634999999999</v>
      </c>
      <c r="Q465" s="20">
        <f t="shared" si="14"/>
        <v>118.40755349999999</v>
      </c>
      <c r="R465" s="20">
        <v>362.81491</v>
      </c>
      <c r="S465" s="20">
        <v>14.276757</v>
      </c>
      <c r="T465" s="20">
        <v>29.203778</v>
      </c>
      <c r="U465" s="20">
        <v>31.933468999999999</v>
      </c>
      <c r="V465" s="20">
        <v>5.3688561999999997</v>
      </c>
      <c r="X465" s="20">
        <f t="shared" si="15"/>
        <v>66.915784849521003</v>
      </c>
    </row>
    <row r="466" spans="2:24">
      <c r="B466" s="23">
        <v>0.69649305555503815</v>
      </c>
      <c r="C466" s="20">
        <v>2600.0113999999999</v>
      </c>
      <c r="D466" s="20">
        <v>7.9071711000000002</v>
      </c>
      <c r="E466" s="20">
        <v>5.8176758</v>
      </c>
      <c r="F466" s="20">
        <v>0</v>
      </c>
      <c r="G466" s="20">
        <v>-0.43823876</v>
      </c>
      <c r="H466" s="20">
        <v>18.914308999999999</v>
      </c>
      <c r="I466" s="20">
        <v>0</v>
      </c>
      <c r="J466" s="20">
        <v>0</v>
      </c>
      <c r="K466" s="20">
        <v>0.21598421000000001</v>
      </c>
      <c r="L466" s="20">
        <v>1275.7633000000001</v>
      </c>
      <c r="M466" s="20">
        <v>17.875778</v>
      </c>
      <c r="N466" s="20">
        <v>9.8838431999999994</v>
      </c>
      <c r="O466" s="20">
        <v>73.298283999999995</v>
      </c>
      <c r="P466" s="20">
        <v>24.948150999999999</v>
      </c>
      <c r="Q466" s="20">
        <f t="shared" si="14"/>
        <v>126.00605619999999</v>
      </c>
      <c r="R466" s="20">
        <v>362.07943</v>
      </c>
      <c r="S466" s="20">
        <v>13.724847</v>
      </c>
      <c r="T466" s="20">
        <v>29.169516000000002</v>
      </c>
      <c r="U466" s="20">
        <v>31.899073000000001</v>
      </c>
      <c r="V466" s="20">
        <v>5.3629521999999996</v>
      </c>
      <c r="X466" s="20">
        <f t="shared" si="15"/>
        <v>66.836333450455001</v>
      </c>
    </row>
    <row r="467" spans="2:24">
      <c r="B467" s="23">
        <v>0.69699074074014788</v>
      </c>
      <c r="C467" s="20">
        <v>2552.3761</v>
      </c>
      <c r="D467" s="20">
        <v>7.5013072999999997</v>
      </c>
      <c r="E467" s="20">
        <v>6.1270785999999999</v>
      </c>
      <c r="F467" s="20">
        <v>0</v>
      </c>
      <c r="G467" s="20">
        <v>-0.52525814000000004</v>
      </c>
      <c r="H467" s="20">
        <v>18.962748000000001</v>
      </c>
      <c r="I467" s="20">
        <v>0</v>
      </c>
      <c r="J467" s="20">
        <v>0</v>
      </c>
      <c r="K467" s="20">
        <v>0.31918988999999998</v>
      </c>
      <c r="L467" s="20">
        <v>1237.3198</v>
      </c>
      <c r="M467" s="20">
        <v>17.199413</v>
      </c>
      <c r="N467" s="20">
        <v>9.8404583999999993</v>
      </c>
      <c r="O467" s="20">
        <v>71.492908</v>
      </c>
      <c r="P467" s="20">
        <v>24.435101</v>
      </c>
      <c r="Q467" s="20">
        <f t="shared" si="14"/>
        <v>122.9678804</v>
      </c>
      <c r="R467" s="20">
        <v>353.95589000000001</v>
      </c>
      <c r="S467" s="20">
        <v>13.628386000000001</v>
      </c>
      <c r="T467" s="20">
        <v>29.019054000000001</v>
      </c>
      <c r="U467" s="20">
        <v>31.865742999999998</v>
      </c>
      <c r="V467" s="20">
        <v>5.2599225000000001</v>
      </c>
      <c r="X467" s="20">
        <f t="shared" si="15"/>
        <v>66.540587223204994</v>
      </c>
    </row>
    <row r="468" spans="2:24">
      <c r="B468" s="23">
        <v>0.69748842592525762</v>
      </c>
      <c r="C468" s="20">
        <v>2575.2265000000002</v>
      </c>
      <c r="D468" s="20">
        <v>7.3534277000000001</v>
      </c>
      <c r="E468" s="20">
        <v>6.4728402999999997</v>
      </c>
      <c r="F468" s="20">
        <v>0</v>
      </c>
      <c r="G468" s="20">
        <v>-0.53640748999999999</v>
      </c>
      <c r="H468" s="20">
        <v>18.741717999999999</v>
      </c>
      <c r="I468" s="20">
        <v>0</v>
      </c>
      <c r="J468" s="20">
        <v>0</v>
      </c>
      <c r="K468" s="20">
        <v>0.27612003000000002</v>
      </c>
      <c r="L468" s="20">
        <v>1236.973</v>
      </c>
      <c r="M468" s="20">
        <v>24.231645</v>
      </c>
      <c r="N468" s="20">
        <v>10.162298</v>
      </c>
      <c r="O468" s="20">
        <v>72.365869000000004</v>
      </c>
      <c r="P468" s="20">
        <v>24.376804</v>
      </c>
      <c r="Q468" s="20">
        <f t="shared" si="14"/>
        <v>131.136616</v>
      </c>
      <c r="R468" s="20">
        <v>357.94076999999999</v>
      </c>
      <c r="S468" s="20">
        <v>13.826268000000001</v>
      </c>
      <c r="T468" s="20">
        <v>28.949909000000002</v>
      </c>
      <c r="U468" s="20">
        <v>31.919312999999999</v>
      </c>
      <c r="V468" s="20">
        <v>5.1145202000000003</v>
      </c>
      <c r="X468" s="20">
        <f t="shared" si="15"/>
        <v>66.382689208253993</v>
      </c>
    </row>
    <row r="469" spans="2:24">
      <c r="B469" s="23">
        <v>0.69798611111036735</v>
      </c>
      <c r="C469" s="20">
        <v>2579.7401</v>
      </c>
      <c r="D469" s="20">
        <v>7.6976789999999999</v>
      </c>
      <c r="E469" s="20">
        <v>6.1948309999999998</v>
      </c>
      <c r="F469" s="20">
        <v>0</v>
      </c>
      <c r="G469" s="20">
        <v>-0.56302932999999999</v>
      </c>
      <c r="H469" s="20">
        <v>18.591484999999999</v>
      </c>
      <c r="I469" s="20">
        <v>0</v>
      </c>
      <c r="J469" s="20">
        <v>0</v>
      </c>
      <c r="K469" s="20">
        <v>0.19078112</v>
      </c>
      <c r="L469" s="20">
        <v>1241.009</v>
      </c>
      <c r="M469" s="20">
        <v>25.770289999999999</v>
      </c>
      <c r="N469" s="20">
        <v>9.4308516999999998</v>
      </c>
      <c r="O469" s="20">
        <v>71.965393000000006</v>
      </c>
      <c r="P469" s="20">
        <v>24.629791000000001</v>
      </c>
      <c r="Q469" s="20">
        <f t="shared" si="14"/>
        <v>131.79632570000001</v>
      </c>
      <c r="R469" s="20">
        <v>356.25126999999998</v>
      </c>
      <c r="S469" s="20">
        <v>13.89251</v>
      </c>
      <c r="T469" s="20">
        <v>28.999112</v>
      </c>
      <c r="U469" s="20">
        <v>31.746103999999999</v>
      </c>
      <c r="V469" s="20">
        <v>5.2904201999999998</v>
      </c>
      <c r="X469" s="20">
        <f t="shared" si="15"/>
        <v>66.435491168249001</v>
      </c>
    </row>
    <row r="470" spans="2:24">
      <c r="B470" s="23">
        <v>0.69849537037225673</v>
      </c>
      <c r="C470" s="20">
        <v>2576.1983</v>
      </c>
      <c r="D470" s="20">
        <v>8.5541350999999999</v>
      </c>
      <c r="E470" s="20">
        <v>5.5562924999999996</v>
      </c>
      <c r="F470" s="20">
        <v>0</v>
      </c>
      <c r="G470" s="20">
        <v>-0.54271108000000001</v>
      </c>
      <c r="H470" s="20">
        <v>18.303756</v>
      </c>
      <c r="I470" s="20">
        <v>0</v>
      </c>
      <c r="J470" s="20">
        <v>0</v>
      </c>
      <c r="K470" s="20">
        <v>0.12682731999999999</v>
      </c>
      <c r="L470" s="20">
        <v>1244.4982</v>
      </c>
      <c r="M470" s="20">
        <v>25.503582000000002</v>
      </c>
      <c r="N470" s="20">
        <v>9.1348581000000006</v>
      </c>
      <c r="O470" s="20">
        <v>70.812517999999997</v>
      </c>
      <c r="P470" s="20">
        <v>24.908128999999999</v>
      </c>
      <c r="Q470" s="20">
        <f t="shared" si="14"/>
        <v>130.35908710000001</v>
      </c>
      <c r="R470" s="20">
        <v>353.9117</v>
      </c>
      <c r="S470" s="20">
        <v>14.110428000000001</v>
      </c>
      <c r="T470" s="20">
        <v>29.032167000000001</v>
      </c>
      <c r="U470" s="20">
        <v>31.695899000000001</v>
      </c>
      <c r="V470" s="20">
        <v>5.3747600999999996</v>
      </c>
      <c r="X470" s="20">
        <f t="shared" si="15"/>
        <v>66.502542531494001</v>
      </c>
    </row>
    <row r="471" spans="2:24">
      <c r="B471" s="23">
        <v>0.69899305555736646</v>
      </c>
      <c r="C471" s="20">
        <v>2492.4373999999998</v>
      </c>
      <c r="D471" s="20">
        <v>9.7084337000000005</v>
      </c>
      <c r="E471" s="20">
        <v>5.0132529999999997</v>
      </c>
      <c r="F471" s="20">
        <v>0</v>
      </c>
      <c r="G471" s="20">
        <v>-0.49770098000000002</v>
      </c>
      <c r="H471" s="20">
        <v>17.867327</v>
      </c>
      <c r="I471" s="20">
        <v>0</v>
      </c>
      <c r="J471" s="20">
        <v>0</v>
      </c>
      <c r="K471" s="20">
        <v>0.23706431</v>
      </c>
      <c r="L471" s="20">
        <v>1183.7408</v>
      </c>
      <c r="M471" s="20">
        <v>18.384395000000001</v>
      </c>
      <c r="N471" s="20">
        <v>8.5428197000000008</v>
      </c>
      <c r="O471" s="20">
        <v>67.573173999999995</v>
      </c>
      <c r="P471" s="20">
        <v>24.706178000000001</v>
      </c>
      <c r="Q471" s="20">
        <f t="shared" si="14"/>
        <v>119.2065667</v>
      </c>
      <c r="R471" s="20">
        <v>336.85656</v>
      </c>
      <c r="S471" s="20">
        <v>14.721686999999999</v>
      </c>
      <c r="T471" s="20">
        <v>28.615604000000001</v>
      </c>
      <c r="U471" s="20">
        <v>31.167825000000001</v>
      </c>
      <c r="V471" s="20">
        <v>5.2680503999999999</v>
      </c>
      <c r="X471" s="20">
        <f t="shared" si="15"/>
        <v>65.435722883073012</v>
      </c>
    </row>
    <row r="472" spans="2:24">
      <c r="B472" s="23">
        <v>0.69949074074247619</v>
      </c>
      <c r="C472" s="20">
        <v>2494.4773</v>
      </c>
      <c r="D472" s="20">
        <v>9.9753717999999996</v>
      </c>
      <c r="E472" s="20">
        <v>5.0828657000000002</v>
      </c>
      <c r="F472" s="20">
        <v>0</v>
      </c>
      <c r="G472" s="20">
        <v>-0.48196127</v>
      </c>
      <c r="H472" s="20">
        <v>17.781096999999999</v>
      </c>
      <c r="I472" s="20">
        <v>0</v>
      </c>
      <c r="J472" s="20">
        <v>0</v>
      </c>
      <c r="K472" s="20">
        <v>0.20450046999999999</v>
      </c>
      <c r="L472" s="20">
        <v>1187.0003999999999</v>
      </c>
      <c r="M472" s="20">
        <v>18.396729000000001</v>
      </c>
      <c r="N472" s="20">
        <v>8.6869025000000004</v>
      </c>
      <c r="O472" s="20">
        <v>68.311657999999994</v>
      </c>
      <c r="P472" s="20">
        <v>25.261068999999999</v>
      </c>
      <c r="Q472" s="20">
        <f t="shared" si="14"/>
        <v>120.65635849999998</v>
      </c>
      <c r="R472" s="20">
        <v>338.98710999999997</v>
      </c>
      <c r="S472" s="20">
        <v>15.058237</v>
      </c>
      <c r="T472" s="20">
        <v>28.493387999999999</v>
      </c>
      <c r="U472" s="20">
        <v>31.308561999999998</v>
      </c>
      <c r="V472" s="20">
        <v>5.3384197999999996</v>
      </c>
      <c r="X472" s="20">
        <f t="shared" si="15"/>
        <v>65.525345216920002</v>
      </c>
    </row>
    <row r="473" spans="2:24">
      <c r="B473" s="23">
        <v>0.69998842592758592</v>
      </c>
      <c r="C473" s="20">
        <v>2502.8935999999999</v>
      </c>
      <c r="D473" s="20">
        <v>8.7498305999999992</v>
      </c>
      <c r="E473" s="20">
        <v>5.2502975000000003</v>
      </c>
      <c r="F473" s="20">
        <v>0</v>
      </c>
      <c r="G473" s="20">
        <v>-0.45201467000000001</v>
      </c>
      <c r="H473" s="20">
        <v>18.011320999999999</v>
      </c>
      <c r="I473" s="20">
        <v>0</v>
      </c>
      <c r="J473" s="20">
        <v>0</v>
      </c>
      <c r="K473" s="20">
        <v>0.22344541000000001</v>
      </c>
      <c r="L473" s="20">
        <v>1216.5064</v>
      </c>
      <c r="M473" s="20">
        <v>18.257539000000001</v>
      </c>
      <c r="N473" s="20">
        <v>8.7713935000000003</v>
      </c>
      <c r="O473" s="20">
        <v>71.997085999999996</v>
      </c>
      <c r="P473" s="20">
        <v>26.322130999999999</v>
      </c>
      <c r="Q473" s="20">
        <f t="shared" si="14"/>
        <v>125.34814949999999</v>
      </c>
      <c r="R473" s="20">
        <v>350.34089999999998</v>
      </c>
      <c r="S473" s="20">
        <v>14.000128</v>
      </c>
      <c r="T473" s="20">
        <v>28.397881999999999</v>
      </c>
      <c r="U473" s="20">
        <v>31.251301000000002</v>
      </c>
      <c r="V473" s="20">
        <v>5.4051451999999998</v>
      </c>
      <c r="X473" s="20">
        <f t="shared" si="15"/>
        <v>65.443381315734001</v>
      </c>
    </row>
    <row r="474" spans="2:24">
      <c r="B474" s="23">
        <v>0.70048611111269565</v>
      </c>
      <c r="C474" s="20">
        <v>2499.2399</v>
      </c>
      <c r="D474" s="20">
        <v>7.2258316000000002</v>
      </c>
      <c r="E474" s="20">
        <v>5.2079810999999996</v>
      </c>
      <c r="F474" s="20">
        <v>0</v>
      </c>
      <c r="G474" s="20">
        <v>-0.55924887999999995</v>
      </c>
      <c r="H474" s="20">
        <v>18.413122000000001</v>
      </c>
      <c r="I474" s="20">
        <v>0</v>
      </c>
      <c r="J474" s="20">
        <v>0</v>
      </c>
      <c r="K474" s="20">
        <v>0.17578282000000001</v>
      </c>
      <c r="L474" s="20">
        <v>1274.9103</v>
      </c>
      <c r="M474" s="20">
        <v>26.410152</v>
      </c>
      <c r="N474" s="20">
        <v>8.1714157000000007</v>
      </c>
      <c r="O474" s="20">
        <v>74.367536999999999</v>
      </c>
      <c r="P474" s="20">
        <v>27.198877</v>
      </c>
      <c r="Q474" s="20">
        <f t="shared" si="14"/>
        <v>136.1479817</v>
      </c>
      <c r="R474" s="20">
        <v>359.98545999999999</v>
      </c>
      <c r="S474" s="20">
        <v>12.433813000000001</v>
      </c>
      <c r="T474" s="20">
        <v>28.556284999999999</v>
      </c>
      <c r="U474" s="20">
        <v>31.596015000000001</v>
      </c>
      <c r="V474" s="20">
        <v>5.5257744999999998</v>
      </c>
      <c r="X474" s="20">
        <f t="shared" si="15"/>
        <v>66.073394046333988</v>
      </c>
    </row>
    <row r="475" spans="2:24">
      <c r="B475" s="23">
        <v>0.70099537036730908</v>
      </c>
      <c r="C475" s="20">
        <v>2493.4962999999998</v>
      </c>
      <c r="D475" s="20">
        <v>6.664523</v>
      </c>
      <c r="E475" s="20">
        <v>5.1017055999999998</v>
      </c>
      <c r="F475" s="20">
        <v>0</v>
      </c>
      <c r="G475" s="20">
        <v>-0.50688140999999998</v>
      </c>
      <c r="H475" s="20">
        <v>18.380483000000002</v>
      </c>
      <c r="I475" s="20">
        <v>0</v>
      </c>
      <c r="J475" s="20">
        <v>0</v>
      </c>
      <c r="K475" s="20">
        <v>0.28462507999999997</v>
      </c>
      <c r="L475" s="20">
        <v>1272.7899</v>
      </c>
      <c r="M475" s="20">
        <v>26.667113000000001</v>
      </c>
      <c r="N475" s="20">
        <v>8.7216263000000005</v>
      </c>
      <c r="O475" s="20">
        <v>75.122163999999998</v>
      </c>
      <c r="P475" s="20">
        <v>27.678871000000001</v>
      </c>
      <c r="Q475" s="20">
        <f t="shared" si="14"/>
        <v>138.18977430000001</v>
      </c>
      <c r="R475" s="20">
        <v>361.54901000000001</v>
      </c>
      <c r="S475" s="20">
        <v>11.766228999999999</v>
      </c>
      <c r="T475" s="20">
        <v>28.487103999999999</v>
      </c>
      <c r="U475" s="20">
        <v>31.423781999999999</v>
      </c>
      <c r="V475" s="20">
        <v>5.4174867000000004</v>
      </c>
      <c r="X475" s="20">
        <f t="shared" si="15"/>
        <v>65.722989365857003</v>
      </c>
    </row>
    <row r="476" spans="2:24">
      <c r="B476" s="23">
        <v>0.70149305555241881</v>
      </c>
      <c r="C476" s="20">
        <v>2511.7934</v>
      </c>
      <c r="D476" s="20">
        <v>6.9255541000000003</v>
      </c>
      <c r="E476" s="20">
        <v>5.2265008999999996</v>
      </c>
      <c r="F476" s="20">
        <v>0</v>
      </c>
      <c r="G476" s="20">
        <v>-0.43009662999999998</v>
      </c>
      <c r="H476" s="20">
        <v>18.313255000000002</v>
      </c>
      <c r="I476" s="20">
        <v>0</v>
      </c>
      <c r="J476" s="20">
        <v>0</v>
      </c>
      <c r="K476" s="20">
        <v>0.34467824000000002</v>
      </c>
      <c r="L476" s="20">
        <v>1245.0329999999999</v>
      </c>
      <c r="M476" s="20">
        <v>26.807974000000002</v>
      </c>
      <c r="N476" s="20">
        <v>8.9242176999999998</v>
      </c>
      <c r="O476" s="20">
        <v>72.860097999999994</v>
      </c>
      <c r="P476" s="20">
        <v>28.070779000000002</v>
      </c>
      <c r="Q476" s="20">
        <f t="shared" si="14"/>
        <v>136.6630687</v>
      </c>
      <c r="R476" s="20">
        <v>354.53739000000002</v>
      </c>
      <c r="S476" s="20">
        <v>12.152055000000001</v>
      </c>
      <c r="T476" s="20">
        <v>28.406927</v>
      </c>
      <c r="U476" s="20">
        <v>31.483393</v>
      </c>
      <c r="V476" s="20">
        <v>5.2425693999999998</v>
      </c>
      <c r="X476" s="20">
        <f t="shared" si="15"/>
        <v>65.526491541531001</v>
      </c>
    </row>
    <row r="477" spans="2:24">
      <c r="B477" s="23">
        <v>0.70199074073752854</v>
      </c>
      <c r="C477" s="20">
        <v>2528.6687999999999</v>
      </c>
      <c r="D477" s="20">
        <v>7.8205673000000004</v>
      </c>
      <c r="E477" s="20">
        <v>5.1743421999999999</v>
      </c>
      <c r="F477" s="20">
        <v>0</v>
      </c>
      <c r="G477" s="20">
        <v>-0.49710822999999998</v>
      </c>
      <c r="H477" s="20">
        <v>18.142337000000001</v>
      </c>
      <c r="I477" s="20">
        <v>0</v>
      </c>
      <c r="J477" s="20">
        <v>0</v>
      </c>
      <c r="K477" s="20">
        <v>0.38016875999999999</v>
      </c>
      <c r="L477" s="20">
        <v>1215.8585</v>
      </c>
      <c r="M477" s="20">
        <v>27.282070999999998</v>
      </c>
      <c r="N477" s="20">
        <v>9.1556461000000002</v>
      </c>
      <c r="O477" s="20">
        <v>71.188973000000004</v>
      </c>
      <c r="P477" s="20">
        <v>28.383728000000001</v>
      </c>
      <c r="Q477" s="20">
        <f t="shared" si="14"/>
        <v>136.01041810000001</v>
      </c>
      <c r="R477" s="20">
        <v>347.52109000000002</v>
      </c>
      <c r="S477" s="20">
        <v>12.994910000000001</v>
      </c>
      <c r="T477" s="20">
        <v>28.366413000000001</v>
      </c>
      <c r="U477" s="20">
        <v>31.242367000000002</v>
      </c>
      <c r="V477" s="20">
        <v>5.2845956999999997</v>
      </c>
      <c r="X477" s="20">
        <f t="shared" si="15"/>
        <v>65.285830993513002</v>
      </c>
    </row>
    <row r="478" spans="2:24">
      <c r="B478" s="23">
        <v>0.70248842592263827</v>
      </c>
      <c r="C478" s="20">
        <v>2514.6734000000001</v>
      </c>
      <c r="D478" s="20">
        <v>8.6038409999999992</v>
      </c>
      <c r="E478" s="20">
        <v>4.8744531999999996</v>
      </c>
      <c r="F478" s="20">
        <v>0</v>
      </c>
      <c r="G478" s="20">
        <v>-0.54897143000000004</v>
      </c>
      <c r="H478" s="20">
        <v>18.121303000000001</v>
      </c>
      <c r="I478" s="20">
        <v>0</v>
      </c>
      <c r="J478" s="20">
        <v>0</v>
      </c>
      <c r="K478" s="20">
        <v>0.30803024000000001</v>
      </c>
      <c r="L478" s="20">
        <v>1185.4559999999999</v>
      </c>
      <c r="M478" s="20">
        <v>17.916319000000001</v>
      </c>
      <c r="N478" s="20">
        <v>8.6385302999999993</v>
      </c>
      <c r="O478" s="20">
        <v>68.499215000000007</v>
      </c>
      <c r="P478" s="20">
        <v>28.068314999999998</v>
      </c>
      <c r="Q478" s="20">
        <f t="shared" si="14"/>
        <v>123.12237930000001</v>
      </c>
      <c r="R478" s="20">
        <v>338.38902000000002</v>
      </c>
      <c r="S478" s="20">
        <v>13.478294</v>
      </c>
      <c r="T478" s="20">
        <v>28.493942000000001</v>
      </c>
      <c r="U478" s="20">
        <v>31.227350999999999</v>
      </c>
      <c r="V478" s="20">
        <v>5.4051451999999998</v>
      </c>
      <c r="X478" s="20">
        <f t="shared" si="15"/>
        <v>65.513247072930994</v>
      </c>
    </row>
    <row r="479" spans="2:24">
      <c r="B479" s="23">
        <v>0.702986111107748</v>
      </c>
      <c r="C479" s="20">
        <v>2439.7523000000001</v>
      </c>
      <c r="D479" s="20">
        <v>9.0119720999999995</v>
      </c>
      <c r="E479" s="20">
        <v>4.9270810999999997</v>
      </c>
      <c r="F479" s="20">
        <v>0</v>
      </c>
      <c r="G479" s="20">
        <v>-0.42420780000000002</v>
      </c>
      <c r="H479" s="20">
        <v>17.96688</v>
      </c>
      <c r="I479" s="20">
        <v>0</v>
      </c>
      <c r="J479" s="20">
        <v>0</v>
      </c>
      <c r="K479" s="20">
        <v>0.27402404000000002</v>
      </c>
      <c r="L479" s="20">
        <v>1137.9648999999999</v>
      </c>
      <c r="M479" s="20">
        <v>8.4798311000000002</v>
      </c>
      <c r="N479" s="20">
        <v>8.8330675999999997</v>
      </c>
      <c r="O479" s="20">
        <v>65.788036000000005</v>
      </c>
      <c r="P479" s="20">
        <v>27.488623</v>
      </c>
      <c r="Q479" s="20">
        <f t="shared" si="14"/>
        <v>110.58955770000001</v>
      </c>
      <c r="R479" s="20">
        <v>327.9126</v>
      </c>
      <c r="S479" s="20">
        <v>13.939052999999999</v>
      </c>
      <c r="T479" s="20">
        <v>28.343883000000002</v>
      </c>
      <c r="U479" s="20">
        <v>30.998871000000001</v>
      </c>
      <c r="V479" s="20">
        <v>5.4174512999999997</v>
      </c>
      <c r="X479" s="20">
        <f t="shared" si="15"/>
        <v>65.133605456013996</v>
      </c>
    </row>
    <row r="480" spans="2:24">
      <c r="B480" s="23">
        <v>0.70349537036963739</v>
      </c>
      <c r="C480" s="20">
        <v>2395.9434999999999</v>
      </c>
      <c r="D480" s="20">
        <v>8.9434673</v>
      </c>
      <c r="E480" s="20">
        <v>5.2557700000000001</v>
      </c>
      <c r="F480" s="20">
        <v>0</v>
      </c>
      <c r="G480" s="20">
        <v>-0.55071431000000004</v>
      </c>
      <c r="H480" s="20">
        <v>17.687224000000001</v>
      </c>
      <c r="I480" s="20">
        <v>0</v>
      </c>
      <c r="J480" s="20">
        <v>0</v>
      </c>
      <c r="K480" s="20">
        <v>0.20572921</v>
      </c>
      <c r="L480" s="20">
        <v>1128.259</v>
      </c>
      <c r="M480" s="20">
        <v>0.27399046999999999</v>
      </c>
      <c r="N480" s="20">
        <v>8.7249292999999994</v>
      </c>
      <c r="O480" s="20">
        <v>64.908529000000001</v>
      </c>
      <c r="P480" s="20">
        <v>26.809201999999999</v>
      </c>
      <c r="Q480" s="20">
        <f t="shared" si="14"/>
        <v>100.71665077</v>
      </c>
      <c r="R480" s="20">
        <v>325.52866</v>
      </c>
      <c r="S480" s="20">
        <v>14.199237</v>
      </c>
      <c r="T480" s="20">
        <v>28.394418000000002</v>
      </c>
      <c r="U480" s="20">
        <v>30.986239999999999</v>
      </c>
      <c r="V480" s="20">
        <v>5.4234701000000003</v>
      </c>
      <c r="X480" s="20">
        <f t="shared" si="15"/>
        <v>65.171194086396994</v>
      </c>
    </row>
    <row r="481" spans="2:24">
      <c r="B481" s="23">
        <v>0.70399305555474712</v>
      </c>
      <c r="C481" s="20">
        <v>2344.2604000000001</v>
      </c>
      <c r="D481" s="20">
        <v>8.7824711999999998</v>
      </c>
      <c r="E481" s="20">
        <v>5.5343627</v>
      </c>
      <c r="F481" s="20">
        <v>0</v>
      </c>
      <c r="G481" s="20">
        <v>-0.52322542999999999</v>
      </c>
      <c r="H481" s="20">
        <v>17.448785999999998</v>
      </c>
      <c r="I481" s="20">
        <v>0</v>
      </c>
      <c r="J481" s="20">
        <v>0</v>
      </c>
      <c r="K481" s="20">
        <v>0.22507621</v>
      </c>
      <c r="L481" s="20">
        <v>1097.6719000000001</v>
      </c>
      <c r="M481" s="20">
        <v>7.4676716000000001</v>
      </c>
      <c r="N481" s="20">
        <v>8.9928670999999998</v>
      </c>
      <c r="O481" s="20">
        <v>63.948771000000001</v>
      </c>
      <c r="P481" s="20">
        <v>26.300028000000001</v>
      </c>
      <c r="Q481" s="20">
        <f t="shared" si="14"/>
        <v>106.70933769999999</v>
      </c>
      <c r="R481" s="20">
        <v>317.17887000000002</v>
      </c>
      <c r="S481" s="20">
        <v>14.316834</v>
      </c>
      <c r="T481" s="20">
        <v>28.257487000000001</v>
      </c>
      <c r="U481" s="20">
        <v>30.968589000000001</v>
      </c>
      <c r="V481" s="20">
        <v>5.4776886999999999</v>
      </c>
      <c r="X481" s="20">
        <f t="shared" si="15"/>
        <v>65.063207294238012</v>
      </c>
    </row>
    <row r="482" spans="2:24">
      <c r="B482" s="23">
        <v>0.70449074073985685</v>
      </c>
      <c r="C482" s="20">
        <v>2372.2939000000001</v>
      </c>
      <c r="D482" s="20">
        <v>9.2015858999999995</v>
      </c>
      <c r="E482" s="20">
        <v>5.6643923000000003</v>
      </c>
      <c r="F482" s="20">
        <v>0</v>
      </c>
      <c r="G482" s="20">
        <v>-0.49709636000000001</v>
      </c>
      <c r="H482" s="20">
        <v>17.514925000000002</v>
      </c>
      <c r="I482" s="20">
        <v>0</v>
      </c>
      <c r="J482" s="20">
        <v>0</v>
      </c>
      <c r="K482" s="20">
        <v>0.18623081</v>
      </c>
      <c r="L482" s="20">
        <v>1096.1170999999999</v>
      </c>
      <c r="M482" s="20">
        <v>7.7428181</v>
      </c>
      <c r="N482" s="20">
        <v>8.7816027999999999</v>
      </c>
      <c r="O482" s="20">
        <v>64.745581000000001</v>
      </c>
      <c r="P482" s="20">
        <v>26.225833999999999</v>
      </c>
      <c r="Q482" s="20">
        <f t="shared" si="14"/>
        <v>107.4958359</v>
      </c>
      <c r="R482" s="20">
        <v>315.74615999999997</v>
      </c>
      <c r="S482" s="20">
        <v>14.865978</v>
      </c>
      <c r="T482" s="20">
        <v>28.513604999999998</v>
      </c>
      <c r="U482" s="20">
        <v>31.101835999999999</v>
      </c>
      <c r="V482" s="20">
        <v>5.4776886999999999</v>
      </c>
      <c r="X482" s="20">
        <f t="shared" si="15"/>
        <v>65.455413985154991</v>
      </c>
    </row>
    <row r="483" spans="2:24">
      <c r="B483" s="23">
        <v>0.70498842592496658</v>
      </c>
      <c r="C483" s="20">
        <v>2441.8283999999999</v>
      </c>
      <c r="D483" s="20">
        <v>9.2951887000000006</v>
      </c>
      <c r="E483" s="20">
        <v>5.4404408999999996</v>
      </c>
      <c r="F483" s="20">
        <v>0</v>
      </c>
      <c r="G483" s="20">
        <v>-0.47987819999999998</v>
      </c>
      <c r="H483" s="20">
        <v>17.516762</v>
      </c>
      <c r="I483" s="20">
        <v>0</v>
      </c>
      <c r="J483" s="20">
        <v>0</v>
      </c>
      <c r="K483" s="20">
        <v>0.22206390000000001</v>
      </c>
      <c r="L483" s="20">
        <v>1103.2165</v>
      </c>
      <c r="M483" s="20">
        <v>15.218289</v>
      </c>
      <c r="N483" s="20">
        <v>8.8313970000000008</v>
      </c>
      <c r="O483" s="20">
        <v>65.642518999999993</v>
      </c>
      <c r="P483" s="20">
        <v>27.109310000000001</v>
      </c>
      <c r="Q483" s="20">
        <f t="shared" si="14"/>
        <v>116.80151499999999</v>
      </c>
      <c r="R483" s="20">
        <v>317.07040999999998</v>
      </c>
      <c r="S483" s="20">
        <v>14.73563</v>
      </c>
      <c r="T483" s="20">
        <v>28.675727999999999</v>
      </c>
      <c r="U483" s="20">
        <v>31.260954999999999</v>
      </c>
      <c r="V483" s="20">
        <v>5.4957599000000004</v>
      </c>
      <c r="X483" s="20">
        <f t="shared" si="15"/>
        <v>65.803300562229992</v>
      </c>
    </row>
    <row r="484" spans="2:24">
      <c r="B484" s="23">
        <v>0.70548611111007631</v>
      </c>
      <c r="C484" s="20">
        <v>2449.3559</v>
      </c>
      <c r="D484" s="20">
        <v>8.7084817999999995</v>
      </c>
      <c r="E484" s="20">
        <v>5.3097921000000001</v>
      </c>
      <c r="F484" s="20">
        <v>0</v>
      </c>
      <c r="G484" s="20">
        <v>-0.42112418000000001</v>
      </c>
      <c r="H484" s="20">
        <v>17.489138000000001</v>
      </c>
      <c r="I484" s="20">
        <v>0</v>
      </c>
      <c r="J484" s="20">
        <v>0</v>
      </c>
      <c r="K484" s="20">
        <v>0.34985243999999999</v>
      </c>
      <c r="L484" s="20">
        <v>1112.8194000000001</v>
      </c>
      <c r="M484" s="20">
        <v>8.0198748000000002</v>
      </c>
      <c r="N484" s="20">
        <v>8.8137975999999991</v>
      </c>
      <c r="O484" s="20">
        <v>66.445998000000003</v>
      </c>
      <c r="P484" s="20">
        <v>27.810245999999999</v>
      </c>
      <c r="Q484" s="20">
        <f t="shared" si="14"/>
        <v>111.08991639999999</v>
      </c>
      <c r="R484" s="20">
        <v>323.32261</v>
      </c>
      <c r="S484" s="20">
        <v>14.018274</v>
      </c>
      <c r="T484" s="20">
        <v>28.702496</v>
      </c>
      <c r="U484" s="20">
        <v>30.999226</v>
      </c>
      <c r="V484" s="20">
        <v>5.3511436000000003</v>
      </c>
      <c r="X484" s="20">
        <f t="shared" si="15"/>
        <v>65.424737563055999</v>
      </c>
    </row>
    <row r="485" spans="2:24">
      <c r="B485" s="23">
        <v>0.70599537037196569</v>
      </c>
      <c r="C485" s="20">
        <v>2372.1266999999998</v>
      </c>
      <c r="D485" s="20">
        <v>8.0455094000000003</v>
      </c>
      <c r="E485" s="20">
        <v>5.5190463000000003</v>
      </c>
      <c r="F485" s="20">
        <v>0</v>
      </c>
      <c r="G485" s="20">
        <v>-0.52731024999999998</v>
      </c>
      <c r="H485" s="20">
        <v>17.502326</v>
      </c>
      <c r="I485" s="20">
        <v>0</v>
      </c>
      <c r="J485" s="20">
        <v>0</v>
      </c>
      <c r="K485" s="20">
        <v>0.31747681</v>
      </c>
      <c r="L485" s="20">
        <v>1117.8689999999999</v>
      </c>
      <c r="M485" s="20">
        <v>7.9954799000000003</v>
      </c>
      <c r="N485" s="20">
        <v>8.9146789000000002</v>
      </c>
      <c r="O485" s="20">
        <v>65.898964000000007</v>
      </c>
      <c r="P485" s="20">
        <v>27.799379999999999</v>
      </c>
      <c r="Q485" s="20">
        <f t="shared" si="14"/>
        <v>110.60850280000001</v>
      </c>
      <c r="R485" s="20">
        <v>324.91957000000002</v>
      </c>
      <c r="S485" s="20">
        <v>13.564556</v>
      </c>
      <c r="T485" s="20">
        <v>28.669243999999999</v>
      </c>
      <c r="U485" s="20">
        <v>30.898872000000001</v>
      </c>
      <c r="V485" s="20">
        <v>5.5501882</v>
      </c>
      <c r="X485" s="20">
        <f t="shared" si="15"/>
        <v>65.482806780705999</v>
      </c>
    </row>
    <row r="486" spans="2:24">
      <c r="B486" s="23">
        <v>0.70649305555707542</v>
      </c>
      <c r="C486" s="20">
        <v>2307.1612</v>
      </c>
      <c r="D486" s="20">
        <v>7.6118613000000002</v>
      </c>
      <c r="E486" s="20">
        <v>5.6549769999999997</v>
      </c>
      <c r="F486" s="20">
        <v>0</v>
      </c>
      <c r="G486" s="20">
        <v>-0.48647057999999999</v>
      </c>
      <c r="H486" s="20">
        <v>17.633863000000002</v>
      </c>
      <c r="I486" s="20">
        <v>0</v>
      </c>
      <c r="J486" s="20">
        <v>0</v>
      </c>
      <c r="K486" s="20">
        <v>0.31150779000000001</v>
      </c>
      <c r="L486" s="20">
        <v>1121.8507999999999</v>
      </c>
      <c r="M486" s="20">
        <v>0.19024574</v>
      </c>
      <c r="N486" s="20">
        <v>8.9675501999999998</v>
      </c>
      <c r="O486" s="20">
        <v>66.411955000000006</v>
      </c>
      <c r="P486" s="20">
        <v>27.91216</v>
      </c>
      <c r="Q486" s="20">
        <f t="shared" si="14"/>
        <v>103.48191094000001</v>
      </c>
      <c r="R486" s="20">
        <v>328.66732000000002</v>
      </c>
      <c r="S486" s="20">
        <v>13.266838</v>
      </c>
      <c r="T486" s="20">
        <v>28.62058</v>
      </c>
      <c r="U486" s="20">
        <v>30.846328</v>
      </c>
      <c r="V486" s="20">
        <v>5.7375410999999996</v>
      </c>
      <c r="X486" s="20">
        <f t="shared" si="15"/>
        <v>65.562097748745003</v>
      </c>
    </row>
    <row r="487" spans="2:24">
      <c r="B487" s="23">
        <v>0.70699074074218515</v>
      </c>
      <c r="C487" s="20">
        <v>2259.4735000000001</v>
      </c>
      <c r="D487" s="20">
        <v>7.4737977999999998</v>
      </c>
      <c r="E487" s="20">
        <v>5.3655157000000004</v>
      </c>
      <c r="F487" s="20">
        <v>0</v>
      </c>
      <c r="G487" s="20">
        <v>-0.51333863999999996</v>
      </c>
      <c r="H487" s="20">
        <v>17.622983999999999</v>
      </c>
      <c r="I487" s="20">
        <v>0</v>
      </c>
      <c r="J487" s="20">
        <v>0</v>
      </c>
      <c r="K487" s="20">
        <v>0.17252581</v>
      </c>
      <c r="L487" s="20">
        <v>1125.6949</v>
      </c>
      <c r="M487" s="20">
        <v>7.4826645000000003</v>
      </c>
      <c r="N487" s="20">
        <v>8.8519793</v>
      </c>
      <c r="O487" s="20">
        <v>66.399905000000004</v>
      </c>
      <c r="P487" s="20">
        <v>27.756225000000001</v>
      </c>
      <c r="Q487" s="20">
        <f t="shared" si="14"/>
        <v>110.4907738</v>
      </c>
      <c r="R487" s="20">
        <v>325.15341999999998</v>
      </c>
      <c r="S487" s="20">
        <v>12.839313000000001</v>
      </c>
      <c r="T487" s="20">
        <v>28.583472</v>
      </c>
      <c r="U487" s="20">
        <v>30.951816000000001</v>
      </c>
      <c r="V487" s="20">
        <v>5.7060284000000001</v>
      </c>
      <c r="X487" s="20">
        <f t="shared" si="15"/>
        <v>65.595178397147009</v>
      </c>
    </row>
    <row r="488" spans="2:24">
      <c r="B488" s="23">
        <v>0.70748842592729488</v>
      </c>
      <c r="C488" s="20">
        <v>2249.3476000000001</v>
      </c>
      <c r="D488" s="20">
        <v>7.6617395000000004</v>
      </c>
      <c r="E488" s="20">
        <v>4.8999581000000001</v>
      </c>
      <c r="F488" s="20">
        <v>0</v>
      </c>
      <c r="G488" s="20">
        <v>-0.53755280000000005</v>
      </c>
      <c r="H488" s="20">
        <v>17.480729</v>
      </c>
      <c r="I488" s="20">
        <v>0</v>
      </c>
      <c r="J488" s="20">
        <v>0</v>
      </c>
      <c r="K488" s="20">
        <v>0.16552372000000001</v>
      </c>
      <c r="L488" s="20">
        <v>1099.367</v>
      </c>
      <c r="M488" s="20">
        <v>7.4924419999999996</v>
      </c>
      <c r="N488" s="20">
        <v>8.6544118000000001</v>
      </c>
      <c r="O488" s="20">
        <v>65.438605999999993</v>
      </c>
      <c r="P488" s="20">
        <v>27.140633999999999</v>
      </c>
      <c r="Q488" s="20">
        <f t="shared" si="14"/>
        <v>108.7260938</v>
      </c>
      <c r="R488" s="20">
        <v>316.62018</v>
      </c>
      <c r="S488" s="20">
        <v>12.561698</v>
      </c>
      <c r="T488" s="20">
        <v>28.541611</v>
      </c>
      <c r="U488" s="20">
        <v>30.866505</v>
      </c>
      <c r="V488" s="20">
        <v>5.5139440999999998</v>
      </c>
      <c r="X488" s="20">
        <f t="shared" si="15"/>
        <v>65.272027378931995</v>
      </c>
    </row>
    <row r="489" spans="2:24">
      <c r="B489" s="23">
        <v>0.70798611111240461</v>
      </c>
      <c r="C489" s="20">
        <v>2283.1653999999999</v>
      </c>
      <c r="D489" s="20">
        <v>7.6775368999999998</v>
      </c>
      <c r="E489" s="20">
        <v>4.7789334999999999</v>
      </c>
      <c r="F489" s="20">
        <v>0</v>
      </c>
      <c r="G489" s="20">
        <v>-0.55146782999999999</v>
      </c>
      <c r="H489" s="20">
        <v>17.624298</v>
      </c>
      <c r="I489" s="20">
        <v>0</v>
      </c>
      <c r="J489" s="20">
        <v>0</v>
      </c>
      <c r="K489" s="20">
        <v>0.12816395</v>
      </c>
      <c r="L489" s="20">
        <v>1105.7624000000001</v>
      </c>
      <c r="M489" s="20">
        <v>15.335333</v>
      </c>
      <c r="N489" s="20">
        <v>8.5266795000000002</v>
      </c>
      <c r="O489" s="20">
        <v>65.686770999999993</v>
      </c>
      <c r="P489" s="20">
        <v>27.241040999999999</v>
      </c>
      <c r="Q489" s="20">
        <f t="shared" si="14"/>
        <v>116.78982449999998</v>
      </c>
      <c r="R489" s="20">
        <v>316.12211000000002</v>
      </c>
      <c r="S489" s="20">
        <v>12.456469999999999</v>
      </c>
      <c r="T489" s="20">
        <v>28.474352</v>
      </c>
      <c r="U489" s="20">
        <v>30.681107000000001</v>
      </c>
      <c r="V489" s="20">
        <v>5.4776886999999999</v>
      </c>
      <c r="X489" s="20">
        <f t="shared" si="15"/>
        <v>64.987930855901993</v>
      </c>
    </row>
    <row r="490" spans="2:24">
      <c r="B490" s="23">
        <v>0.70849537036701804</v>
      </c>
      <c r="C490" s="20">
        <v>2325.0291999999999</v>
      </c>
      <c r="D490" s="20">
        <v>7.4458254999999998</v>
      </c>
      <c r="E490" s="20">
        <v>5.1887045000000001</v>
      </c>
      <c r="F490" s="20">
        <v>0</v>
      </c>
      <c r="G490" s="20">
        <v>-0.55259932</v>
      </c>
      <c r="H490" s="20">
        <v>17.580052999999999</v>
      </c>
      <c r="I490" s="20">
        <v>0</v>
      </c>
      <c r="J490" s="20">
        <v>0</v>
      </c>
      <c r="K490" s="20">
        <v>7.9594570000000003E-2</v>
      </c>
      <c r="L490" s="20">
        <v>1137.4967999999999</v>
      </c>
      <c r="M490" s="20">
        <v>15.047464</v>
      </c>
      <c r="N490" s="20">
        <v>8.8268705000000001</v>
      </c>
      <c r="O490" s="20">
        <v>67.772498999999996</v>
      </c>
      <c r="P490" s="20">
        <v>27.457594</v>
      </c>
      <c r="Q490" s="20">
        <f t="shared" si="14"/>
        <v>119.1044275</v>
      </c>
      <c r="R490" s="20">
        <v>328.5772</v>
      </c>
      <c r="S490" s="20">
        <v>12.63453</v>
      </c>
      <c r="T490" s="20">
        <v>28.425682999999999</v>
      </c>
      <c r="U490" s="20">
        <v>30.490570000000002</v>
      </c>
      <c r="V490" s="20">
        <v>5.3098156000000003</v>
      </c>
      <c r="X490" s="20">
        <f t="shared" si="15"/>
        <v>64.588469253574985</v>
      </c>
    </row>
    <row r="491" spans="2:24">
      <c r="B491" s="23">
        <v>0.70899305555212777</v>
      </c>
      <c r="C491" s="20">
        <v>2360.4515000000001</v>
      </c>
      <c r="D491" s="20">
        <v>6.8509918000000001</v>
      </c>
      <c r="E491" s="20">
        <v>5.5413718999999997</v>
      </c>
      <c r="F491" s="20">
        <v>0</v>
      </c>
      <c r="G491" s="20">
        <v>-0.49113435</v>
      </c>
      <c r="H491" s="20">
        <v>17.609573999999999</v>
      </c>
      <c r="I491" s="20">
        <v>0</v>
      </c>
      <c r="J491" s="20">
        <v>0</v>
      </c>
      <c r="K491" s="20">
        <v>0.11996749</v>
      </c>
      <c r="L491" s="20">
        <v>1193.0691999999999</v>
      </c>
      <c r="M491" s="20">
        <v>23.537482000000001</v>
      </c>
      <c r="N491" s="20">
        <v>8.7754595999999996</v>
      </c>
      <c r="O491" s="20">
        <v>69.674991000000006</v>
      </c>
      <c r="P491" s="20">
        <v>28.705224999999999</v>
      </c>
      <c r="Q491" s="20">
        <f t="shared" si="14"/>
        <v>130.69315760000001</v>
      </c>
      <c r="R491" s="20">
        <v>343.22138000000001</v>
      </c>
      <c r="S491" s="20">
        <v>12.392364000000001</v>
      </c>
      <c r="T491" s="20">
        <v>28.465954</v>
      </c>
      <c r="U491" s="20">
        <v>30.384889000000001</v>
      </c>
      <c r="V491" s="20">
        <v>5.4837122999999997</v>
      </c>
      <c r="X491" s="20">
        <f t="shared" si="15"/>
        <v>64.707178999243993</v>
      </c>
    </row>
    <row r="492" spans="2:24">
      <c r="B492" s="23">
        <v>0.7094907407372375</v>
      </c>
      <c r="C492" s="20">
        <v>2344.9151000000002</v>
      </c>
      <c r="D492" s="20">
        <v>7.3631357</v>
      </c>
      <c r="E492" s="20">
        <v>5.5066962000000004</v>
      </c>
      <c r="F492" s="20">
        <v>0</v>
      </c>
      <c r="G492" s="20">
        <v>-0.51155978999999996</v>
      </c>
      <c r="H492" s="20">
        <v>17.279537000000001</v>
      </c>
      <c r="I492" s="20">
        <v>0</v>
      </c>
      <c r="J492" s="20">
        <v>0</v>
      </c>
      <c r="K492" s="20">
        <v>0.1273609</v>
      </c>
      <c r="L492" s="20">
        <v>1199.5624</v>
      </c>
      <c r="M492" s="20">
        <v>23.014717000000001</v>
      </c>
      <c r="N492" s="20">
        <v>8.8005437999999998</v>
      </c>
      <c r="O492" s="20">
        <v>69.371495999999993</v>
      </c>
      <c r="P492" s="20">
        <v>28.982192000000001</v>
      </c>
      <c r="Q492" s="20">
        <f t="shared" si="14"/>
        <v>130.16894880000001</v>
      </c>
      <c r="R492" s="20">
        <v>344.07382999999999</v>
      </c>
      <c r="S492" s="20">
        <v>12.869832000000001</v>
      </c>
      <c r="T492" s="20">
        <v>28.454650000000001</v>
      </c>
      <c r="U492" s="20">
        <v>30.5276</v>
      </c>
      <c r="V492" s="20">
        <v>5.4294542000000003</v>
      </c>
      <c r="X492" s="20">
        <f t="shared" si="15"/>
        <v>64.783432345080996</v>
      </c>
    </row>
    <row r="493" spans="2:24">
      <c r="B493" s="23">
        <v>0.70999999999912689</v>
      </c>
      <c r="C493" s="20">
        <v>2339.0432000000001</v>
      </c>
      <c r="D493" s="20">
        <v>8.7668268000000005</v>
      </c>
      <c r="E493" s="20">
        <v>5.2817957</v>
      </c>
      <c r="F493" s="20">
        <v>0</v>
      </c>
      <c r="G493" s="20">
        <v>-0.56699911000000003</v>
      </c>
      <c r="H493" s="20">
        <v>16.882351</v>
      </c>
      <c r="I493" s="20">
        <v>0</v>
      </c>
      <c r="J493" s="20">
        <v>0</v>
      </c>
      <c r="K493" s="20">
        <v>0.21336065000000001</v>
      </c>
      <c r="L493" s="20">
        <v>1166.2445</v>
      </c>
      <c r="M493" s="20">
        <v>23.811598</v>
      </c>
      <c r="N493" s="20">
        <v>8.2820757999999994</v>
      </c>
      <c r="O493" s="20">
        <v>66.916556</v>
      </c>
      <c r="P493" s="20">
        <v>29.453126999999999</v>
      </c>
      <c r="Q493" s="20">
        <f t="shared" si="14"/>
        <v>128.46335679999999</v>
      </c>
      <c r="R493" s="20">
        <v>331.12257</v>
      </c>
      <c r="S493" s="20">
        <v>14.048622</v>
      </c>
      <c r="T493" s="20">
        <v>28.406849999999999</v>
      </c>
      <c r="U493" s="20">
        <v>30.7667</v>
      </c>
      <c r="V493" s="20">
        <v>5.6040920999999999</v>
      </c>
      <c r="X493" s="20">
        <f t="shared" si="15"/>
        <v>65.145479801383999</v>
      </c>
    </row>
    <row r="494" spans="2:24">
      <c r="B494" s="23">
        <v>0.71048611111473292</v>
      </c>
      <c r="C494" s="20">
        <v>2350.7064</v>
      </c>
      <c r="D494" s="20">
        <v>9.2894842999999998</v>
      </c>
      <c r="E494" s="20">
        <v>4.9095259999999996</v>
      </c>
      <c r="F494" s="20">
        <v>0</v>
      </c>
      <c r="G494" s="20">
        <v>-0.51458886000000004</v>
      </c>
      <c r="H494" s="20">
        <v>16.603325999999999</v>
      </c>
      <c r="I494" s="20">
        <v>0</v>
      </c>
      <c r="J494" s="20">
        <v>0</v>
      </c>
      <c r="K494" s="20">
        <v>0.20561059000000001</v>
      </c>
      <c r="L494" s="20">
        <v>1132.2409</v>
      </c>
      <c r="M494" s="20">
        <v>24.142845999999999</v>
      </c>
      <c r="N494" s="20">
        <v>8.0428239000000001</v>
      </c>
      <c r="O494" s="20">
        <v>65.837562000000005</v>
      </c>
      <c r="P494" s="20">
        <v>29.835978000000001</v>
      </c>
      <c r="Q494" s="20">
        <f t="shared" si="14"/>
        <v>127.85920990000001</v>
      </c>
      <c r="R494" s="20">
        <v>320.67568</v>
      </c>
      <c r="S494" s="20">
        <v>14.199009999999999</v>
      </c>
      <c r="T494" s="20">
        <v>28.180426000000001</v>
      </c>
      <c r="U494" s="20">
        <v>30.824764999999999</v>
      </c>
      <c r="V494" s="20">
        <v>5.6700005999999998</v>
      </c>
      <c r="X494" s="20">
        <f t="shared" si="15"/>
        <v>65.040741487792985</v>
      </c>
    </row>
    <row r="495" spans="2:24">
      <c r="B495" s="23">
        <v>0.71099537036934635</v>
      </c>
      <c r="C495" s="20">
        <v>2342.4994000000002</v>
      </c>
      <c r="D495" s="20">
        <v>8.4485103000000006</v>
      </c>
      <c r="E495" s="20">
        <v>4.7676182000000003</v>
      </c>
      <c r="F495" s="20">
        <v>0</v>
      </c>
      <c r="G495" s="20">
        <v>-0.58062596</v>
      </c>
      <c r="H495" s="20">
        <v>16.666205000000001</v>
      </c>
      <c r="I495" s="20">
        <v>0</v>
      </c>
      <c r="J495" s="20">
        <v>0</v>
      </c>
      <c r="K495" s="20">
        <v>0.22892680000000001</v>
      </c>
      <c r="L495" s="20">
        <v>1113.6704999999999</v>
      </c>
      <c r="M495" s="20">
        <v>23.947167</v>
      </c>
      <c r="N495" s="20">
        <v>8.2094278000000003</v>
      </c>
      <c r="O495" s="20">
        <v>65.188748000000004</v>
      </c>
      <c r="P495" s="20">
        <v>29.994727999999999</v>
      </c>
      <c r="Q495" s="20">
        <f t="shared" si="14"/>
        <v>127.34007079999999</v>
      </c>
      <c r="R495" s="20">
        <v>317.00119999999998</v>
      </c>
      <c r="S495" s="20">
        <v>13.216129</v>
      </c>
      <c r="T495" s="20">
        <v>28.183505</v>
      </c>
      <c r="U495" s="20">
        <v>30.755773999999999</v>
      </c>
      <c r="V495" s="20">
        <v>5.5501882</v>
      </c>
      <c r="X495" s="20">
        <f t="shared" si="15"/>
        <v>64.852092873413994</v>
      </c>
    </row>
    <row r="496" spans="2:24">
      <c r="B496" s="23">
        <v>0.71149305555445608</v>
      </c>
      <c r="C496" s="20">
        <v>2319.9458</v>
      </c>
      <c r="D496" s="20">
        <v>7.4344150000000004</v>
      </c>
      <c r="E496" s="20">
        <v>4.9922791000000002</v>
      </c>
      <c r="F496" s="20">
        <v>0</v>
      </c>
      <c r="G496" s="20">
        <v>-0.4982876</v>
      </c>
      <c r="H496" s="20">
        <v>16.890150999999999</v>
      </c>
      <c r="I496" s="20">
        <v>0</v>
      </c>
      <c r="J496" s="20">
        <v>0</v>
      </c>
      <c r="K496" s="20">
        <v>0.16445433000000001</v>
      </c>
      <c r="L496" s="20">
        <v>1083.8317</v>
      </c>
      <c r="M496" s="20">
        <v>16.25873</v>
      </c>
      <c r="N496" s="20">
        <v>8.9330704000000001</v>
      </c>
      <c r="O496" s="20">
        <v>63.874924</v>
      </c>
      <c r="P496" s="20">
        <v>29.312908</v>
      </c>
      <c r="Q496" s="20">
        <f t="shared" si="14"/>
        <v>118.37963239999999</v>
      </c>
      <c r="R496" s="20">
        <v>311.78345999999999</v>
      </c>
      <c r="S496" s="20">
        <v>12.426693999999999</v>
      </c>
      <c r="T496" s="20">
        <v>28.079367999999999</v>
      </c>
      <c r="U496" s="20">
        <v>30.789508999999999</v>
      </c>
      <c r="V496" s="20">
        <v>5.4354383000000004</v>
      </c>
      <c r="X496" s="20">
        <f t="shared" si="15"/>
        <v>64.660671983822994</v>
      </c>
    </row>
    <row r="497" spans="2:24">
      <c r="B497" s="23">
        <v>0.71199074073956581</v>
      </c>
      <c r="C497" s="20">
        <v>2289.7307000000001</v>
      </c>
      <c r="D497" s="20">
        <v>7.4528251000000001</v>
      </c>
      <c r="E497" s="20">
        <v>5.1799917999999998</v>
      </c>
      <c r="F497" s="20">
        <v>0</v>
      </c>
      <c r="G497" s="20">
        <v>-0.48295366000000001</v>
      </c>
      <c r="H497" s="20">
        <v>17.080117000000001</v>
      </c>
      <c r="I497" s="20">
        <v>0</v>
      </c>
      <c r="J497" s="20">
        <v>0</v>
      </c>
      <c r="K497" s="20">
        <v>0.15459001</v>
      </c>
      <c r="L497" s="20">
        <v>1084.9350999999999</v>
      </c>
      <c r="M497" s="20">
        <v>15.391647000000001</v>
      </c>
      <c r="N497" s="20">
        <v>9.2991679999999999</v>
      </c>
      <c r="O497" s="20">
        <v>64.036910000000006</v>
      </c>
      <c r="P497" s="20">
        <v>28.753786999999999</v>
      </c>
      <c r="Q497" s="20">
        <f t="shared" si="14"/>
        <v>117.48151200000001</v>
      </c>
      <c r="R497" s="20">
        <v>311.79633000000001</v>
      </c>
      <c r="S497" s="20">
        <v>12.632816999999999</v>
      </c>
      <c r="T497" s="20">
        <v>28.12914</v>
      </c>
      <c r="U497" s="20">
        <v>30.575669000000001</v>
      </c>
      <c r="V497" s="20">
        <v>5.4957529000000003</v>
      </c>
      <c r="X497" s="20">
        <f t="shared" si="15"/>
        <v>64.553978369924991</v>
      </c>
    </row>
    <row r="498" spans="2:24">
      <c r="B498" s="23">
        <v>0.71248842592467554</v>
      </c>
      <c r="C498" s="20">
        <v>2252.4358999999999</v>
      </c>
      <c r="D498" s="20">
        <v>7.8422627</v>
      </c>
      <c r="E498" s="20">
        <v>5.1437321999999996</v>
      </c>
      <c r="F498" s="20">
        <v>0</v>
      </c>
      <c r="G498" s="20">
        <v>-0.51562666000000001</v>
      </c>
      <c r="H498" s="20">
        <v>17.001936000000001</v>
      </c>
      <c r="I498" s="20">
        <v>0</v>
      </c>
      <c r="J498" s="20">
        <v>0</v>
      </c>
      <c r="K498" s="20">
        <v>0.20065991</v>
      </c>
      <c r="L498" s="20">
        <v>1066.5111999999999</v>
      </c>
      <c r="M498" s="20">
        <v>16.068321000000001</v>
      </c>
      <c r="N498" s="20">
        <v>8.8730309999999992</v>
      </c>
      <c r="O498" s="20">
        <v>63.528694000000002</v>
      </c>
      <c r="P498" s="20">
        <v>28.088419999999999</v>
      </c>
      <c r="Q498" s="20">
        <f t="shared" si="14"/>
        <v>116.558466</v>
      </c>
      <c r="R498" s="20">
        <v>306.85984999999999</v>
      </c>
      <c r="S498" s="20">
        <v>12.985995000000001</v>
      </c>
      <c r="T498" s="20">
        <v>27.963079</v>
      </c>
      <c r="U498" s="20">
        <v>30.496155999999999</v>
      </c>
      <c r="V498" s="20">
        <v>5.8564921999999999</v>
      </c>
      <c r="X498" s="20">
        <f t="shared" si="15"/>
        <v>64.663543652515003</v>
      </c>
    </row>
    <row r="499" spans="2:24">
      <c r="B499" s="23">
        <v>0.71299768518656492</v>
      </c>
      <c r="C499" s="20">
        <v>2306.5940000000001</v>
      </c>
      <c r="D499" s="20">
        <v>7.7383712999999998</v>
      </c>
      <c r="E499" s="20">
        <v>4.8992277</v>
      </c>
      <c r="F499" s="20">
        <v>0</v>
      </c>
      <c r="G499" s="20">
        <v>-0.44579660999999998</v>
      </c>
      <c r="H499" s="20">
        <v>17.241821999999999</v>
      </c>
      <c r="I499" s="20">
        <v>0</v>
      </c>
      <c r="J499" s="20">
        <v>0</v>
      </c>
      <c r="K499" s="20">
        <v>0.23107177000000001</v>
      </c>
      <c r="L499" s="20">
        <v>1168.1628000000001</v>
      </c>
      <c r="M499" s="20">
        <v>27.169937999999998</v>
      </c>
      <c r="N499" s="20">
        <v>8.5153546000000002</v>
      </c>
      <c r="O499" s="20">
        <v>67.713470000000001</v>
      </c>
      <c r="P499" s="20">
        <v>29.958309</v>
      </c>
      <c r="Q499" s="20">
        <f t="shared" si="14"/>
        <v>133.35707159999998</v>
      </c>
      <c r="R499" s="20">
        <v>331.43984</v>
      </c>
      <c r="S499" s="20">
        <v>12.637599</v>
      </c>
      <c r="T499" s="20">
        <v>28.135953000000001</v>
      </c>
      <c r="U499" s="20">
        <v>30.385384999999999</v>
      </c>
      <c r="V499" s="20">
        <v>5.6588523999999998</v>
      </c>
      <c r="X499" s="20">
        <f t="shared" si="15"/>
        <v>64.545232016675996</v>
      </c>
    </row>
    <row r="500" spans="2:24">
      <c r="B500" s="23">
        <v>0.71349537037167465</v>
      </c>
      <c r="C500" s="20">
        <v>2289.4376999999999</v>
      </c>
      <c r="D500" s="20">
        <v>7.7362903000000003</v>
      </c>
      <c r="E500" s="20">
        <v>5.0745849999999999</v>
      </c>
      <c r="F500" s="20">
        <v>0</v>
      </c>
      <c r="G500" s="20">
        <v>-0.55633189000000005</v>
      </c>
      <c r="H500" s="20">
        <v>17.590707999999999</v>
      </c>
      <c r="I500" s="20">
        <v>0</v>
      </c>
      <c r="J500" s="20">
        <v>0</v>
      </c>
      <c r="K500" s="20">
        <v>0.24272945000000001</v>
      </c>
      <c r="L500" s="20">
        <v>1179.2361000000001</v>
      </c>
      <c r="M500" s="20">
        <v>27.089642000000001</v>
      </c>
      <c r="N500" s="20">
        <v>8.4509784999999997</v>
      </c>
      <c r="O500" s="20">
        <v>68.440285000000003</v>
      </c>
      <c r="P500" s="20">
        <v>31.106351</v>
      </c>
      <c r="Q500" s="20">
        <f t="shared" si="14"/>
        <v>135.0872565</v>
      </c>
      <c r="R500" s="20">
        <v>339.33569</v>
      </c>
      <c r="S500" s="20">
        <v>12.810874999999999</v>
      </c>
      <c r="T500" s="20">
        <v>28.188880000000001</v>
      </c>
      <c r="U500" s="20">
        <v>30.722415999999999</v>
      </c>
      <c r="V500" s="20">
        <v>5.6588523999999998</v>
      </c>
      <c r="X500" s="20">
        <f t="shared" si="15"/>
        <v>64.934814391235989</v>
      </c>
    </row>
    <row r="501" spans="2:24">
      <c r="B501" s="23">
        <v>0.71399305555678438</v>
      </c>
      <c r="C501" s="20">
        <v>2128.3366999999998</v>
      </c>
      <c r="D501" s="20">
        <v>8.0052616000000008</v>
      </c>
      <c r="E501" s="20">
        <v>5.6197499000000004</v>
      </c>
      <c r="F501" s="20">
        <v>0</v>
      </c>
      <c r="G501" s="20">
        <v>-0.56878280999999997</v>
      </c>
      <c r="H501" s="20">
        <v>17.284106000000001</v>
      </c>
      <c r="I501" s="20">
        <v>0</v>
      </c>
      <c r="J501" s="20">
        <v>0</v>
      </c>
      <c r="K501" s="20">
        <v>0.18467631000000001</v>
      </c>
      <c r="L501" s="20">
        <v>1103.3326999999999</v>
      </c>
      <c r="M501" s="20">
        <v>19.286394999999999</v>
      </c>
      <c r="N501" s="20">
        <v>8.0381707000000002</v>
      </c>
      <c r="O501" s="20">
        <v>63.683188999999999</v>
      </c>
      <c r="P501" s="20">
        <v>30.100805999999999</v>
      </c>
      <c r="Q501" s="20">
        <f t="shared" si="14"/>
        <v>121.1085607</v>
      </c>
      <c r="R501" s="20">
        <v>318.35354999999998</v>
      </c>
      <c r="S501" s="20">
        <v>13.625011000000001</v>
      </c>
      <c r="T501" s="20">
        <v>27.938476000000001</v>
      </c>
      <c r="U501" s="20">
        <v>30.736882999999999</v>
      </c>
      <c r="V501" s="20">
        <v>5.9579162999999999</v>
      </c>
      <c r="X501" s="20">
        <f t="shared" si="15"/>
        <v>64.972968098269988</v>
      </c>
    </row>
    <row r="502" spans="2:24">
      <c r="B502" s="23">
        <v>0.71449074074189411</v>
      </c>
      <c r="C502" s="20">
        <v>1923.7873999999999</v>
      </c>
      <c r="D502" s="20">
        <v>8.2649281000000006</v>
      </c>
      <c r="E502" s="20">
        <v>5.9462197000000003</v>
      </c>
      <c r="F502" s="20">
        <v>0</v>
      </c>
      <c r="G502" s="20">
        <v>-0.51300190999999995</v>
      </c>
      <c r="H502" s="20">
        <v>16.449532000000001</v>
      </c>
      <c r="I502" s="20">
        <v>0</v>
      </c>
      <c r="J502" s="20">
        <v>0</v>
      </c>
      <c r="K502" s="20">
        <v>0.16448085000000001</v>
      </c>
      <c r="L502" s="20">
        <v>965.11545999999998</v>
      </c>
      <c r="M502" s="20">
        <v>8.1099537000000002</v>
      </c>
      <c r="N502" s="20">
        <v>7.6862462999999996</v>
      </c>
      <c r="O502" s="20">
        <v>57.287612000000003</v>
      </c>
      <c r="P502" s="20">
        <v>28.199148000000001</v>
      </c>
      <c r="Q502" s="20">
        <f t="shared" si="14"/>
        <v>101.28296</v>
      </c>
      <c r="R502" s="20">
        <v>280.18259999999998</v>
      </c>
      <c r="S502" s="20">
        <v>14.211148</v>
      </c>
      <c r="T502" s="20">
        <v>27.686150000000001</v>
      </c>
      <c r="U502" s="20">
        <v>30.740227999999998</v>
      </c>
      <c r="V502" s="20">
        <v>6.1083438000000001</v>
      </c>
      <c r="X502" s="20">
        <f t="shared" si="15"/>
        <v>64.838192712674001</v>
      </c>
    </row>
    <row r="503" spans="2:24">
      <c r="B503" s="23">
        <v>0.71498842592700385</v>
      </c>
      <c r="C503" s="20">
        <v>1705.5391999999999</v>
      </c>
      <c r="D503" s="20">
        <v>8.5073177999999992</v>
      </c>
      <c r="E503" s="20">
        <v>6.3104547999999996</v>
      </c>
      <c r="F503" s="20">
        <v>0</v>
      </c>
      <c r="G503" s="20">
        <v>-0.60488498000000002</v>
      </c>
      <c r="H503" s="20">
        <v>15.148054</v>
      </c>
      <c r="I503" s="20">
        <v>0</v>
      </c>
      <c r="J503" s="20">
        <v>0</v>
      </c>
      <c r="K503" s="20">
        <v>0.22979264999999999</v>
      </c>
      <c r="L503" s="20">
        <v>811.73086999999998</v>
      </c>
      <c r="M503" s="20">
        <v>0</v>
      </c>
      <c r="N503" s="20">
        <v>7.5464529999999996</v>
      </c>
      <c r="O503" s="20">
        <v>49.080598999999999</v>
      </c>
      <c r="P503" s="20">
        <v>25.072953999999999</v>
      </c>
      <c r="Q503" s="20">
        <f t="shared" si="14"/>
        <v>81.700006000000002</v>
      </c>
      <c r="R503" s="20">
        <v>236.74617000000001</v>
      </c>
      <c r="S503" s="20">
        <v>14.817773000000001</v>
      </c>
      <c r="T503" s="20">
        <v>27.174057999999999</v>
      </c>
      <c r="U503" s="20">
        <v>30.687743999999999</v>
      </c>
      <c r="V503" s="20">
        <v>6.2161131999999997</v>
      </c>
      <c r="X503" s="20">
        <f t="shared" si="15"/>
        <v>64.342253058326989</v>
      </c>
    </row>
    <row r="504" spans="2:24">
      <c r="B504" s="23">
        <v>0.71549768518161727</v>
      </c>
      <c r="C504" s="20">
        <v>1660.193</v>
      </c>
      <c r="D504" s="20">
        <v>8.6177440999999995</v>
      </c>
      <c r="E504" s="20">
        <v>6.5742849999999997</v>
      </c>
      <c r="F504" s="20">
        <v>0</v>
      </c>
      <c r="G504" s="20">
        <v>-0.56184299000000004</v>
      </c>
      <c r="H504" s="20">
        <v>14.465672</v>
      </c>
      <c r="I504" s="20">
        <v>0</v>
      </c>
      <c r="J504" s="20">
        <v>0</v>
      </c>
      <c r="K504" s="20">
        <v>0.29921013000000002</v>
      </c>
      <c r="L504" s="20">
        <v>775.33429000000001</v>
      </c>
      <c r="M504" s="20">
        <v>0</v>
      </c>
      <c r="N504" s="20">
        <v>8.0152666999999997</v>
      </c>
      <c r="O504" s="20">
        <v>47.364483</v>
      </c>
      <c r="P504" s="20">
        <v>24.091009</v>
      </c>
      <c r="Q504" s="20">
        <f t="shared" si="14"/>
        <v>79.470758700000005</v>
      </c>
      <c r="R504" s="20">
        <v>227.05171000000001</v>
      </c>
      <c r="S504" s="20">
        <v>15.192029</v>
      </c>
      <c r="T504" s="20">
        <v>27.163333999999999</v>
      </c>
      <c r="U504" s="20">
        <v>30.677112999999999</v>
      </c>
      <c r="V504" s="20">
        <v>6.0497643999999999</v>
      </c>
      <c r="X504" s="20">
        <f t="shared" si="15"/>
        <v>64.146169914593997</v>
      </c>
    </row>
    <row r="505" spans="2:24">
      <c r="B505" s="23">
        <v>0.71599537037400296</v>
      </c>
      <c r="C505" s="20">
        <v>1662.6667</v>
      </c>
      <c r="D505" s="20">
        <v>8.9686012000000002</v>
      </c>
      <c r="E505" s="20">
        <v>7.5783094999999996</v>
      </c>
      <c r="F505" s="20">
        <v>0</v>
      </c>
      <c r="G505" s="20">
        <v>-0.59618746</v>
      </c>
      <c r="H505" s="20">
        <v>14.775822</v>
      </c>
      <c r="I505" s="20">
        <v>0</v>
      </c>
      <c r="J505" s="20">
        <v>0</v>
      </c>
      <c r="K505" s="20">
        <v>0.3479352</v>
      </c>
      <c r="L505" s="20">
        <v>771.00370999999996</v>
      </c>
      <c r="M505" s="20">
        <v>0</v>
      </c>
      <c r="N505" s="20">
        <v>9.3743583000000008</v>
      </c>
      <c r="O505" s="20">
        <v>48.689897000000002</v>
      </c>
      <c r="P505" s="20">
        <v>23.554192</v>
      </c>
      <c r="Q505" s="20">
        <f t="shared" si="14"/>
        <v>81.6184473</v>
      </c>
      <c r="R505" s="20">
        <v>234.94400999999999</v>
      </c>
      <c r="S505" s="20">
        <v>16.546911000000001</v>
      </c>
      <c r="T505" s="20">
        <v>27.311841000000001</v>
      </c>
      <c r="U505" s="20">
        <v>30.866365999999999</v>
      </c>
      <c r="V505" s="20">
        <v>5.6588523999999998</v>
      </c>
      <c r="X505" s="20">
        <f t="shared" si="15"/>
        <v>64.093350424874004</v>
      </c>
    </row>
    <row r="506" spans="2:24">
      <c r="B506" s="23">
        <v>0.71649305555911269</v>
      </c>
      <c r="C506" s="20">
        <v>2214.7215999999999</v>
      </c>
      <c r="D506" s="20">
        <v>8.9112863000000004</v>
      </c>
      <c r="E506" s="20">
        <v>7.3206243000000004</v>
      </c>
      <c r="F506" s="20">
        <v>0</v>
      </c>
      <c r="G506" s="20">
        <v>-0.38510736000000001</v>
      </c>
      <c r="H506" s="20">
        <v>16.697647</v>
      </c>
      <c r="I506" s="20">
        <v>0</v>
      </c>
      <c r="J506" s="20">
        <v>0</v>
      </c>
      <c r="K506" s="20">
        <v>0.32567182</v>
      </c>
      <c r="L506" s="20">
        <v>1186.5256999999999</v>
      </c>
      <c r="M506" s="20">
        <v>15.588708</v>
      </c>
      <c r="N506" s="20">
        <v>10.122035</v>
      </c>
      <c r="O506" s="20">
        <v>70.205528999999999</v>
      </c>
      <c r="P506" s="20">
        <v>29.783331</v>
      </c>
      <c r="Q506" s="20">
        <f t="shared" si="14"/>
        <v>125.699603</v>
      </c>
      <c r="R506" s="20">
        <v>346.00261</v>
      </c>
      <c r="S506" s="20">
        <v>16.231911</v>
      </c>
      <c r="T506" s="20">
        <v>28.334344999999999</v>
      </c>
      <c r="U506" s="20">
        <v>30.776062</v>
      </c>
      <c r="V506" s="20">
        <v>4.7814439000000002</v>
      </c>
      <c r="X506" s="20">
        <f t="shared" si="15"/>
        <v>64.249455793605989</v>
      </c>
    </row>
    <row r="507" spans="2:24">
      <c r="B507" s="23">
        <v>0.71699074074422242</v>
      </c>
      <c r="C507" s="20">
        <v>2799.0790999999999</v>
      </c>
      <c r="D507" s="20">
        <v>8.5930812999999997</v>
      </c>
      <c r="E507" s="20">
        <v>5.9186481999999998</v>
      </c>
      <c r="F507" s="20">
        <v>0</v>
      </c>
      <c r="G507" s="20">
        <v>-0.36759047</v>
      </c>
      <c r="H507" s="20">
        <v>19.325043000000001</v>
      </c>
      <c r="I507" s="20">
        <v>0</v>
      </c>
      <c r="J507" s="20">
        <v>0</v>
      </c>
      <c r="K507" s="20">
        <v>0.25074344999999998</v>
      </c>
      <c r="L507" s="20">
        <v>1553.3330000000001</v>
      </c>
      <c r="M507" s="20">
        <v>29.327476999999998</v>
      </c>
      <c r="N507" s="20">
        <v>11.590795999999999</v>
      </c>
      <c r="O507" s="20">
        <v>89.612843999999996</v>
      </c>
      <c r="P507" s="20">
        <v>36.951405999999999</v>
      </c>
      <c r="Q507" s="20">
        <f t="shared" si="14"/>
        <v>167.48252299999999</v>
      </c>
      <c r="R507" s="20">
        <v>449.71485000000001</v>
      </c>
      <c r="S507" s="20">
        <v>14.511729000000001</v>
      </c>
      <c r="T507" s="20">
        <v>29.345821000000001</v>
      </c>
      <c r="U507" s="20">
        <v>30.831890000000001</v>
      </c>
      <c r="V507" s="20">
        <v>4.8072641999999997</v>
      </c>
      <c r="X507" s="20">
        <f t="shared" si="15"/>
        <v>65.441787827748001</v>
      </c>
    </row>
    <row r="508" spans="2:24">
      <c r="B508" s="23">
        <v>0.71748842592933215</v>
      </c>
      <c r="C508" s="20">
        <v>3177.7208999999998</v>
      </c>
      <c r="D508" s="20">
        <v>8.6223892000000006</v>
      </c>
      <c r="E508" s="20">
        <v>4.0110213999999997</v>
      </c>
      <c r="F508" s="20">
        <v>0</v>
      </c>
      <c r="G508" s="20">
        <v>-0.35345105999999998</v>
      </c>
      <c r="H508" s="20">
        <v>20.888736000000002</v>
      </c>
      <c r="I508" s="20">
        <v>0</v>
      </c>
      <c r="J508" s="20">
        <v>0</v>
      </c>
      <c r="K508" s="20">
        <v>0.36646297</v>
      </c>
      <c r="L508" s="20">
        <v>1803.7587000000001</v>
      </c>
      <c r="M508" s="20">
        <v>45.435025000000003</v>
      </c>
      <c r="N508" s="20">
        <v>10.259344</v>
      </c>
      <c r="O508" s="20">
        <v>99.448085000000006</v>
      </c>
      <c r="P508" s="20">
        <v>41.882938000000003</v>
      </c>
      <c r="Q508" s="20">
        <f t="shared" si="14"/>
        <v>197.02539200000001</v>
      </c>
      <c r="R508" s="20">
        <v>502.5498</v>
      </c>
      <c r="S508" s="20">
        <v>12.633411000000001</v>
      </c>
      <c r="T508" s="20">
        <v>30.194790999999999</v>
      </c>
      <c r="U508" s="20">
        <v>30.782368000000002</v>
      </c>
      <c r="V508" s="20">
        <v>5.0893097999999997</v>
      </c>
      <c r="X508" s="20">
        <f t="shared" si="15"/>
        <v>66.588936156150993</v>
      </c>
    </row>
    <row r="509" spans="2:24">
      <c r="B509" s="23">
        <v>0.71799768518394558</v>
      </c>
      <c r="C509" s="20">
        <v>3015.8784000000001</v>
      </c>
      <c r="D509" s="20">
        <v>8.8606920000000002</v>
      </c>
      <c r="E509" s="20">
        <v>2.8861264000000002</v>
      </c>
      <c r="F509" s="20">
        <v>0</v>
      </c>
      <c r="G509" s="20">
        <v>-0.46268397</v>
      </c>
      <c r="H509" s="20">
        <v>20.662825999999999</v>
      </c>
      <c r="I509" s="20">
        <v>0</v>
      </c>
      <c r="J509" s="20">
        <v>0</v>
      </c>
      <c r="K509" s="20">
        <v>0.28532774</v>
      </c>
      <c r="L509" s="20">
        <v>1617.9447</v>
      </c>
      <c r="M509" s="20">
        <v>29.612165999999998</v>
      </c>
      <c r="N509" s="20">
        <v>9.9667697999999998</v>
      </c>
      <c r="O509" s="20">
        <v>90.721936999999997</v>
      </c>
      <c r="P509" s="20">
        <v>41.259639</v>
      </c>
      <c r="Q509" s="20">
        <f t="shared" si="14"/>
        <v>171.56051179999997</v>
      </c>
      <c r="R509" s="20">
        <v>457.21006999999997</v>
      </c>
      <c r="S509" s="20">
        <v>11.746817999999999</v>
      </c>
      <c r="T509" s="20">
        <v>30.059898</v>
      </c>
      <c r="U509" s="20">
        <v>30.456009999999999</v>
      </c>
      <c r="V509" s="20">
        <v>5.1731587000000001</v>
      </c>
      <c r="X509" s="20">
        <f t="shared" si="15"/>
        <v>66.174002971796995</v>
      </c>
    </row>
    <row r="510" spans="2:24">
      <c r="B510" s="23">
        <v>0.71849537036905531</v>
      </c>
      <c r="C510" s="20">
        <v>2774.5540999999998</v>
      </c>
      <c r="D510" s="20">
        <v>10.007099999999999</v>
      </c>
      <c r="E510" s="20">
        <v>3.6251891999999999</v>
      </c>
      <c r="F510" s="20">
        <v>0</v>
      </c>
      <c r="G510" s="20">
        <v>-0.45058482</v>
      </c>
      <c r="H510" s="20">
        <v>19.786386</v>
      </c>
      <c r="I510" s="20">
        <v>0</v>
      </c>
      <c r="J510" s="20">
        <v>0</v>
      </c>
      <c r="K510" s="20">
        <v>0.34981904000000003</v>
      </c>
      <c r="L510" s="20">
        <v>1400.1102000000001</v>
      </c>
      <c r="M510" s="20">
        <v>24.230475999999999</v>
      </c>
      <c r="N510" s="20">
        <v>8.8278538999999991</v>
      </c>
      <c r="O510" s="20">
        <v>79.775547000000003</v>
      </c>
      <c r="P510" s="20">
        <v>39.004962999999996</v>
      </c>
      <c r="Q510" s="20">
        <f t="shared" si="14"/>
        <v>151.83883990000001</v>
      </c>
      <c r="R510" s="20">
        <v>395.27066000000002</v>
      </c>
      <c r="S510" s="20">
        <v>13.632289999999999</v>
      </c>
      <c r="T510" s="20">
        <v>29.805311</v>
      </c>
      <c r="U510" s="20">
        <v>30.304174</v>
      </c>
      <c r="V510" s="20">
        <v>5.4234701000000003</v>
      </c>
      <c r="X510" s="20">
        <f t="shared" si="15"/>
        <v>65.970300433931996</v>
      </c>
    </row>
    <row r="511" spans="2:24">
      <c r="B511" s="23">
        <v>0.71899305555416504</v>
      </c>
      <c r="C511" s="20">
        <v>2692.7469999999998</v>
      </c>
      <c r="D511" s="20">
        <v>10.851298</v>
      </c>
      <c r="E511" s="20">
        <v>4.7632889</v>
      </c>
      <c r="F511" s="20">
        <v>0</v>
      </c>
      <c r="G511" s="20">
        <v>-0.45769747999999999</v>
      </c>
      <c r="H511" s="20">
        <v>18.977601</v>
      </c>
      <c r="I511" s="20">
        <v>0</v>
      </c>
      <c r="J511" s="20">
        <v>0</v>
      </c>
      <c r="K511" s="20">
        <v>0.17665059999999999</v>
      </c>
      <c r="L511" s="20">
        <v>1220.7185999999999</v>
      </c>
      <c r="M511" s="20">
        <v>15.764289</v>
      </c>
      <c r="N511" s="20">
        <v>9.3732711999999996</v>
      </c>
      <c r="O511" s="20">
        <v>75.932609999999997</v>
      </c>
      <c r="P511" s="20">
        <v>35.503587000000003</v>
      </c>
      <c r="Q511" s="20">
        <f t="shared" si="14"/>
        <v>136.57375719999999</v>
      </c>
      <c r="R511" s="20">
        <v>359.50864000000001</v>
      </c>
      <c r="S511" s="20">
        <v>15.614587</v>
      </c>
      <c r="T511" s="20">
        <v>29.558049</v>
      </c>
      <c r="U511" s="20">
        <v>30.237137000000001</v>
      </c>
      <c r="V511" s="20">
        <v>5.8204693000000001</v>
      </c>
      <c r="X511" s="20">
        <f t="shared" si="15"/>
        <v>66.025651808521999</v>
      </c>
    </row>
    <row r="512" spans="2:24">
      <c r="B512" s="23">
        <v>0.71949074073927477</v>
      </c>
      <c r="C512" s="20">
        <v>2918.5129999999999</v>
      </c>
      <c r="D512" s="20">
        <v>9.7923898000000005</v>
      </c>
      <c r="E512" s="20">
        <v>5.8429479999999998</v>
      </c>
      <c r="F512" s="20">
        <v>0</v>
      </c>
      <c r="G512" s="20">
        <v>-0.46221198000000002</v>
      </c>
      <c r="H512" s="20">
        <v>19.126809000000002</v>
      </c>
      <c r="I512" s="20">
        <v>0</v>
      </c>
      <c r="J512" s="20">
        <v>0</v>
      </c>
      <c r="K512" s="20">
        <v>0.22822226000000001</v>
      </c>
      <c r="L512" s="20">
        <v>1238.1446000000001</v>
      </c>
      <c r="M512" s="20">
        <v>26.722784999999998</v>
      </c>
      <c r="N512" s="20">
        <v>8.7733979000000009</v>
      </c>
      <c r="O512" s="20">
        <v>81.457786999999996</v>
      </c>
      <c r="P512" s="20">
        <v>31.824055999999999</v>
      </c>
      <c r="Q512" s="20">
        <f t="shared" si="14"/>
        <v>148.77802589999999</v>
      </c>
      <c r="R512" s="20">
        <v>362.76769999999999</v>
      </c>
      <c r="S512" s="20">
        <v>15.635338000000001</v>
      </c>
      <c r="T512" s="20">
        <v>29.647175000000001</v>
      </c>
      <c r="U512" s="20">
        <v>31.880313000000001</v>
      </c>
      <c r="V512" s="20">
        <v>5.6762629000000002</v>
      </c>
      <c r="X512" s="20">
        <f t="shared" si="15"/>
        <v>67.639310812098003</v>
      </c>
    </row>
    <row r="513" spans="2:24">
      <c r="B513" s="23">
        <v>0.7199884259243845</v>
      </c>
      <c r="C513" s="20">
        <v>3431.74</v>
      </c>
      <c r="D513" s="20">
        <v>7.7039051000000001</v>
      </c>
      <c r="E513" s="20">
        <v>5.2614359000000004</v>
      </c>
      <c r="F513" s="20">
        <v>0</v>
      </c>
      <c r="G513" s="20">
        <v>-0.51549871999999997</v>
      </c>
      <c r="H513" s="20">
        <v>20.007717</v>
      </c>
      <c r="I513" s="20">
        <v>0</v>
      </c>
      <c r="J513" s="20">
        <v>0</v>
      </c>
      <c r="K513" s="20">
        <v>0.13713211</v>
      </c>
      <c r="L513" s="20">
        <v>1491.1411000000001</v>
      </c>
      <c r="M513" s="20">
        <v>32.255119000000001</v>
      </c>
      <c r="N513" s="20">
        <v>8.8496071999999995</v>
      </c>
      <c r="O513" s="20">
        <v>101.43104</v>
      </c>
      <c r="P513" s="20">
        <v>32.042318999999999</v>
      </c>
      <c r="Q513" s="20">
        <f t="shared" si="14"/>
        <v>174.5780852</v>
      </c>
      <c r="R513" s="20">
        <v>431.23820000000001</v>
      </c>
      <c r="S513" s="20">
        <v>12.965341</v>
      </c>
      <c r="T513" s="20">
        <v>29.912776000000001</v>
      </c>
      <c r="U513" s="20">
        <v>33.964621000000001</v>
      </c>
      <c r="V513" s="20">
        <v>5.4596171</v>
      </c>
      <c r="X513" s="20">
        <f t="shared" si="15"/>
        <v>69.851316021759004</v>
      </c>
    </row>
    <row r="514" spans="2:24">
      <c r="B514" s="23">
        <v>0.72049768518627388</v>
      </c>
      <c r="C514" s="20">
        <v>3946.2887000000001</v>
      </c>
      <c r="D514" s="20">
        <v>5.6891913000000001</v>
      </c>
      <c r="E514" s="20">
        <v>3.6718822000000002</v>
      </c>
      <c r="F514" s="20">
        <v>0</v>
      </c>
      <c r="G514" s="20">
        <v>-0.45430513</v>
      </c>
      <c r="H514" s="20">
        <v>21.482216000000001</v>
      </c>
      <c r="I514" s="20">
        <v>0</v>
      </c>
      <c r="J514" s="20">
        <v>0</v>
      </c>
      <c r="K514" s="20">
        <v>0.12362503</v>
      </c>
      <c r="L514" s="20">
        <v>1762.0639000000001</v>
      </c>
      <c r="M514" s="20">
        <v>39.575662999999999</v>
      </c>
      <c r="N514" s="20">
        <v>9.1832809999999991</v>
      </c>
      <c r="O514" s="20">
        <v>119.17234000000001</v>
      </c>
      <c r="P514" s="20">
        <v>34.932749000000001</v>
      </c>
      <c r="Q514" s="20">
        <f t="shared" si="14"/>
        <v>202.86403300000001</v>
      </c>
      <c r="R514" s="20">
        <v>501.23086999999998</v>
      </c>
      <c r="S514" s="20">
        <v>9.3610734999999998</v>
      </c>
      <c r="T514" s="20">
        <v>29.952824</v>
      </c>
      <c r="U514" s="20">
        <v>35.831389999999999</v>
      </c>
      <c r="V514" s="20">
        <v>5.4896896999999996</v>
      </c>
      <c r="X514" s="20">
        <f t="shared" si="15"/>
        <v>71.86901273158999</v>
      </c>
    </row>
    <row r="515" spans="2:24">
      <c r="B515" s="23">
        <v>0.72099537037138361</v>
      </c>
      <c r="C515" s="20">
        <v>4202.8143</v>
      </c>
      <c r="D515" s="20">
        <v>4.9763149999999996</v>
      </c>
      <c r="E515" s="20">
        <v>1.7624436000000001</v>
      </c>
      <c r="F515" s="20">
        <v>0</v>
      </c>
      <c r="G515" s="20">
        <v>-0.43271245000000003</v>
      </c>
      <c r="H515" s="20">
        <v>22.625378000000001</v>
      </c>
      <c r="I515" s="20">
        <v>0</v>
      </c>
      <c r="J515" s="20">
        <v>6.6441570000000004E-3</v>
      </c>
      <c r="K515" s="20">
        <v>0.14107104000000001</v>
      </c>
      <c r="L515" s="20">
        <v>1911.7116000000001</v>
      </c>
      <c r="M515" s="20">
        <v>43.876683</v>
      </c>
      <c r="N515" s="20">
        <v>8.6818842000000007</v>
      </c>
      <c r="O515" s="20">
        <v>128.48383999999999</v>
      </c>
      <c r="P515" s="20">
        <v>38.692639999999997</v>
      </c>
      <c r="Q515" s="20">
        <f t="shared" si="14"/>
        <v>219.7350472</v>
      </c>
      <c r="R515" s="20">
        <v>540.2518</v>
      </c>
      <c r="S515" s="20">
        <v>6.7387585000000003</v>
      </c>
      <c r="T515" s="20">
        <v>30.009164999999999</v>
      </c>
      <c r="U515" s="20">
        <v>36.294057000000002</v>
      </c>
      <c r="V515" s="20">
        <v>5.2787712999999998</v>
      </c>
      <c r="X515" s="20">
        <f t="shared" si="15"/>
        <v>72.219001184504705</v>
      </c>
    </row>
    <row r="516" spans="2:24">
      <c r="B516" s="23">
        <v>0.72149305555649335</v>
      </c>
      <c r="C516" s="20">
        <v>4084.6446000000001</v>
      </c>
      <c r="D516" s="20">
        <v>4.9432489000000004</v>
      </c>
      <c r="E516" s="20">
        <v>1.1824266000000001</v>
      </c>
      <c r="F516" s="20">
        <v>0</v>
      </c>
      <c r="G516" s="20">
        <v>-0.47863329999999998</v>
      </c>
      <c r="H516" s="20">
        <v>22.866764</v>
      </c>
      <c r="I516" s="20">
        <v>0</v>
      </c>
      <c r="J516" s="20">
        <v>0</v>
      </c>
      <c r="K516" s="20">
        <v>0.14229412</v>
      </c>
      <c r="L516" s="20">
        <v>1850.8204000000001</v>
      </c>
      <c r="M516" s="20">
        <v>41.945171000000002</v>
      </c>
      <c r="N516" s="20">
        <v>8.8741091000000001</v>
      </c>
      <c r="O516" s="20">
        <v>125.14746</v>
      </c>
      <c r="P516" s="20">
        <v>38.749592</v>
      </c>
      <c r="Q516" s="20">
        <f t="shared" si="14"/>
        <v>214.71633209999999</v>
      </c>
      <c r="R516" s="20">
        <v>528.23649999999998</v>
      </c>
      <c r="S516" s="20">
        <v>6.1256754999999998</v>
      </c>
      <c r="T516" s="20">
        <v>29.767277</v>
      </c>
      <c r="U516" s="20">
        <v>35.998154999999997</v>
      </c>
      <c r="V516" s="20">
        <v>5.2671234</v>
      </c>
      <c r="X516" s="20">
        <f t="shared" si="15"/>
        <v>71.651051710792004</v>
      </c>
    </row>
    <row r="517" spans="2:24">
      <c r="B517" s="23">
        <v>0.72199074074160308</v>
      </c>
      <c r="C517" s="20">
        <v>3927.8843000000002</v>
      </c>
      <c r="D517" s="20">
        <v>4.8727637000000001</v>
      </c>
      <c r="E517" s="20">
        <v>1.8140609999999999</v>
      </c>
      <c r="F517" s="20">
        <v>0</v>
      </c>
      <c r="G517" s="20">
        <v>-0.4572833</v>
      </c>
      <c r="H517" s="20">
        <v>22.714357</v>
      </c>
      <c r="I517" s="20">
        <v>0</v>
      </c>
      <c r="J517" s="20">
        <v>0</v>
      </c>
      <c r="K517" s="20">
        <v>0.17366941999999999</v>
      </c>
      <c r="L517" s="20">
        <v>1786.7992999999999</v>
      </c>
      <c r="M517" s="20">
        <v>40.459823999999998</v>
      </c>
      <c r="N517" s="20">
        <v>8.2416353999999998</v>
      </c>
      <c r="O517" s="20">
        <v>119.03158000000001</v>
      </c>
      <c r="P517" s="20">
        <v>37.758591000000003</v>
      </c>
      <c r="Q517" s="20">
        <f t="shared" si="14"/>
        <v>205.49163039999999</v>
      </c>
      <c r="R517" s="20">
        <v>514.48929999999996</v>
      </c>
      <c r="S517" s="20">
        <v>6.6868246999999998</v>
      </c>
      <c r="T517" s="20">
        <v>29.619823</v>
      </c>
      <c r="U517" s="20">
        <v>35.371569999999998</v>
      </c>
      <c r="V517" s="20">
        <v>5.2599225000000001</v>
      </c>
      <c r="X517" s="20">
        <f t="shared" si="15"/>
        <v>70.846913462292008</v>
      </c>
    </row>
    <row r="518" spans="2:24">
      <c r="B518" s="23">
        <v>0.72250000000349246</v>
      </c>
      <c r="C518" s="20">
        <v>3738.9758999999999</v>
      </c>
      <c r="D518" s="20">
        <v>5.3992335000000002</v>
      </c>
      <c r="E518" s="20">
        <v>2.7769300000000001</v>
      </c>
      <c r="F518" s="20">
        <v>0</v>
      </c>
      <c r="G518" s="20">
        <v>-0.43823952999999999</v>
      </c>
      <c r="H518" s="20">
        <v>22.128541999999999</v>
      </c>
      <c r="I518" s="20">
        <v>0</v>
      </c>
      <c r="J518" s="20">
        <v>0</v>
      </c>
      <c r="K518" s="20">
        <v>0.18103132999999999</v>
      </c>
      <c r="L518" s="20">
        <v>1728.0089</v>
      </c>
      <c r="M518" s="20">
        <v>40.401488000000001</v>
      </c>
      <c r="N518" s="20">
        <v>8.8912771999999993</v>
      </c>
      <c r="O518" s="20">
        <v>111.64727999999999</v>
      </c>
      <c r="P518" s="20">
        <v>35.841402000000002</v>
      </c>
      <c r="Q518" s="20">
        <f t="shared" si="14"/>
        <v>196.7814472</v>
      </c>
      <c r="R518" s="20">
        <v>494.92209000000003</v>
      </c>
      <c r="S518" s="20">
        <v>8.1761634999999995</v>
      </c>
      <c r="T518" s="20">
        <v>29.450603000000001</v>
      </c>
      <c r="U518" s="20">
        <v>34.452418000000002</v>
      </c>
      <c r="V518" s="20">
        <v>5.2178443000000003</v>
      </c>
      <c r="X518" s="20">
        <f t="shared" si="15"/>
        <v>69.6910642908</v>
      </c>
    </row>
    <row r="519" spans="2:24">
      <c r="B519" s="23">
        <v>0.72299768518860219</v>
      </c>
      <c r="C519" s="20">
        <v>3609.4113000000002</v>
      </c>
      <c r="D519" s="20">
        <v>5.9851270999999997</v>
      </c>
      <c r="E519" s="20">
        <v>2.6742373000000002</v>
      </c>
      <c r="F519" s="20">
        <v>0</v>
      </c>
      <c r="G519" s="20">
        <v>-0.46454474000000001</v>
      </c>
      <c r="H519" s="20">
        <v>21.635061</v>
      </c>
      <c r="I519" s="20">
        <v>0</v>
      </c>
      <c r="J519" s="20">
        <v>0</v>
      </c>
      <c r="K519" s="20">
        <v>0.21103527999999999</v>
      </c>
      <c r="L519" s="20">
        <v>1729.5856000000001</v>
      </c>
      <c r="M519" s="20">
        <v>47.341265</v>
      </c>
      <c r="N519" s="20">
        <v>7.3930619000000002</v>
      </c>
      <c r="O519" s="20">
        <v>104.48799</v>
      </c>
      <c r="P519" s="20">
        <v>34.318477000000001</v>
      </c>
      <c r="Q519" s="20">
        <f t="shared" si="14"/>
        <v>193.54079390000001</v>
      </c>
      <c r="R519" s="20">
        <v>478.65490999999997</v>
      </c>
      <c r="S519" s="20">
        <v>8.6593643999999994</v>
      </c>
      <c r="T519" s="20">
        <v>29.312864000000001</v>
      </c>
      <c r="U519" s="20">
        <v>33.387199000000003</v>
      </c>
      <c r="V519" s="20">
        <v>5.2787712999999998</v>
      </c>
      <c r="X519" s="20">
        <f t="shared" si="15"/>
        <v>68.535958097424</v>
      </c>
    </row>
    <row r="520" spans="2:24">
      <c r="B520" s="23">
        <v>0.72349537037371192</v>
      </c>
      <c r="C520" s="20">
        <v>3450.0544</v>
      </c>
      <c r="D520" s="20">
        <v>6.5138290000000003</v>
      </c>
      <c r="E520" s="20">
        <v>1.9041249</v>
      </c>
      <c r="F520" s="20">
        <v>0</v>
      </c>
      <c r="G520" s="20">
        <v>-0.45827621000000002</v>
      </c>
      <c r="H520" s="20">
        <v>21.051369999999999</v>
      </c>
      <c r="I520" s="20">
        <v>0</v>
      </c>
      <c r="J520" s="20">
        <v>0</v>
      </c>
      <c r="K520" s="20">
        <v>0.20208661999999999</v>
      </c>
      <c r="L520" s="20">
        <v>1694.7502999999999</v>
      </c>
      <c r="M520" s="20">
        <v>48.154572000000002</v>
      </c>
      <c r="N520" s="20">
        <v>6.8012373000000004</v>
      </c>
      <c r="O520" s="20">
        <v>98.451797999999997</v>
      </c>
      <c r="P520" s="20">
        <v>33.299698999999997</v>
      </c>
      <c r="Q520" s="20">
        <f t="shared" ref="Q520:Q583" si="16">M520+N520+O520+P520</f>
        <v>186.7073063</v>
      </c>
      <c r="R520" s="20">
        <v>460.99930000000001</v>
      </c>
      <c r="S520" s="20">
        <v>8.4179539000000005</v>
      </c>
      <c r="T520" s="20">
        <v>29.381803000000001</v>
      </c>
      <c r="U520" s="20">
        <v>32.660443999999998</v>
      </c>
      <c r="V520" s="20">
        <v>5.3325557999999997</v>
      </c>
      <c r="X520" s="20">
        <f t="shared" ref="X520:X583" si="17">(SUM(C520:S520)-Q520-R520)/10000+SUM(T520:V520)</f>
        <v>67.911717109451004</v>
      </c>
    </row>
    <row r="521" spans="2:24">
      <c r="B521" s="23">
        <v>0.72399305555882165</v>
      </c>
      <c r="C521" s="20">
        <v>3325.9171000000001</v>
      </c>
      <c r="D521" s="20">
        <v>6.8141629000000004</v>
      </c>
      <c r="E521" s="20">
        <v>2.3477809000000001</v>
      </c>
      <c r="F521" s="20">
        <v>0</v>
      </c>
      <c r="G521" s="20">
        <v>-0.46670046999999998</v>
      </c>
      <c r="H521" s="20">
        <v>20.634792999999998</v>
      </c>
      <c r="I521" s="20">
        <v>0</v>
      </c>
      <c r="J521" s="20">
        <v>0</v>
      </c>
      <c r="K521" s="20">
        <v>0.18426676</v>
      </c>
      <c r="L521" s="20">
        <v>1598.2825</v>
      </c>
      <c r="M521" s="20">
        <v>40.118721999999998</v>
      </c>
      <c r="N521" s="20">
        <v>7.6761302999999996</v>
      </c>
      <c r="O521" s="20">
        <v>93.582406000000006</v>
      </c>
      <c r="P521" s="20">
        <v>32.137430000000002</v>
      </c>
      <c r="Q521" s="20">
        <f t="shared" si="16"/>
        <v>173.51468829999999</v>
      </c>
      <c r="R521" s="20">
        <v>443.49502999999999</v>
      </c>
      <c r="S521" s="20">
        <v>9.1619437999999995</v>
      </c>
      <c r="T521" s="20">
        <v>29.376062000000001</v>
      </c>
      <c r="U521" s="20">
        <v>32.261684000000002</v>
      </c>
      <c r="V521" s="20">
        <v>5.4716649999999998</v>
      </c>
      <c r="X521" s="20">
        <f t="shared" si="17"/>
        <v>67.623050053519009</v>
      </c>
    </row>
    <row r="522" spans="2:24">
      <c r="B522" s="23">
        <v>0.72449074074393138</v>
      </c>
      <c r="C522" s="20">
        <v>3229.951</v>
      </c>
      <c r="D522" s="20">
        <v>6.9388871999999999</v>
      </c>
      <c r="E522" s="20">
        <v>3.7485268999999999</v>
      </c>
      <c r="F522" s="20">
        <v>0</v>
      </c>
      <c r="G522" s="20">
        <v>-0.35549057000000001</v>
      </c>
      <c r="H522" s="20">
        <v>20.165658000000001</v>
      </c>
      <c r="I522" s="20">
        <v>0</v>
      </c>
      <c r="J522" s="20">
        <v>0</v>
      </c>
      <c r="K522" s="20">
        <v>0.21830405999999999</v>
      </c>
      <c r="L522" s="20">
        <v>1508.4619</v>
      </c>
      <c r="M522" s="20">
        <v>34.047162</v>
      </c>
      <c r="N522" s="20">
        <v>8.4363317999999996</v>
      </c>
      <c r="O522" s="20">
        <v>89.776287999999994</v>
      </c>
      <c r="P522" s="20">
        <v>31.313348000000001</v>
      </c>
      <c r="Q522" s="20">
        <f t="shared" si="16"/>
        <v>163.57312979999998</v>
      </c>
      <c r="R522" s="20">
        <v>428.02413000000001</v>
      </c>
      <c r="S522" s="20">
        <v>10.687414</v>
      </c>
      <c r="T522" s="20">
        <v>29.369157999999999</v>
      </c>
      <c r="U522" s="20">
        <v>32.093195000000001</v>
      </c>
      <c r="V522" s="20">
        <v>5.3873129999999998</v>
      </c>
      <c r="X522" s="20">
        <f t="shared" si="17"/>
        <v>67.344004932939001</v>
      </c>
    </row>
    <row r="523" spans="2:24">
      <c r="B523" s="23">
        <v>0.72499999999854481</v>
      </c>
      <c r="C523" s="20">
        <v>3220.6354999999999</v>
      </c>
      <c r="D523" s="20">
        <v>7.3488363000000003</v>
      </c>
      <c r="E523" s="20">
        <v>5.0339907000000004</v>
      </c>
      <c r="F523" s="20">
        <v>0</v>
      </c>
      <c r="G523" s="20">
        <v>-0.38187970999999998</v>
      </c>
      <c r="H523" s="20">
        <v>19.87067</v>
      </c>
      <c r="I523" s="20">
        <v>0</v>
      </c>
      <c r="J523" s="20">
        <v>0</v>
      </c>
      <c r="K523" s="20">
        <v>0.19866971</v>
      </c>
      <c r="L523" s="20">
        <v>1487.2191</v>
      </c>
      <c r="M523" s="20">
        <v>30.345607000000001</v>
      </c>
      <c r="N523" s="20">
        <v>9.1512180999999995</v>
      </c>
      <c r="O523" s="20">
        <v>89.151549000000003</v>
      </c>
      <c r="P523" s="20">
        <v>31.500222000000001</v>
      </c>
      <c r="Q523" s="20">
        <f t="shared" si="16"/>
        <v>160.14859610000002</v>
      </c>
      <c r="R523" s="20">
        <v>427.72489999999999</v>
      </c>
      <c r="S523" s="20">
        <v>12.382827000000001</v>
      </c>
      <c r="T523" s="20">
        <v>29.347221000000001</v>
      </c>
      <c r="U523" s="20">
        <v>32.1389</v>
      </c>
      <c r="V523" s="20">
        <v>5.4414220999999996</v>
      </c>
      <c r="X523" s="20">
        <f t="shared" si="17"/>
        <v>67.418788731009997</v>
      </c>
    </row>
    <row r="524" spans="2:24">
      <c r="B524" s="23">
        <v>0.72553240740671754</v>
      </c>
      <c r="C524" s="20">
        <v>3242.1534000000001</v>
      </c>
      <c r="D524" s="20">
        <v>7.4706491000000002</v>
      </c>
      <c r="E524" s="20">
        <v>5.0040348000000003</v>
      </c>
      <c r="F524" s="20">
        <v>0</v>
      </c>
      <c r="G524" s="20">
        <v>-0.45448988000000001</v>
      </c>
      <c r="H524" s="20">
        <v>19.883247000000001</v>
      </c>
      <c r="I524" s="20">
        <v>0</v>
      </c>
      <c r="J524" s="20">
        <v>0</v>
      </c>
      <c r="K524" s="20">
        <v>0.17022033</v>
      </c>
      <c r="L524" s="20">
        <v>1589.1119000000001</v>
      </c>
      <c r="M524" s="20">
        <v>36.739173000000001</v>
      </c>
      <c r="N524" s="20">
        <v>7.6483096000000002</v>
      </c>
      <c r="O524" s="20">
        <v>91.870600999999994</v>
      </c>
      <c r="P524" s="20">
        <v>32.51388</v>
      </c>
      <c r="Q524" s="20">
        <f t="shared" si="16"/>
        <v>168.77196359999999</v>
      </c>
      <c r="R524" s="20">
        <v>447.34129999999999</v>
      </c>
      <c r="S524" s="20">
        <v>12.474684</v>
      </c>
      <c r="T524" s="20">
        <v>29.495118000000002</v>
      </c>
      <c r="U524" s="20">
        <v>32.107805999999997</v>
      </c>
      <c r="V524" s="20">
        <v>5.2904201999999998</v>
      </c>
      <c r="X524" s="20">
        <f t="shared" si="17"/>
        <v>67.397802760895004</v>
      </c>
    </row>
    <row r="525" spans="2:24">
      <c r="B525" s="23">
        <v>0.72605324073811062</v>
      </c>
      <c r="C525" s="20">
        <v>3346.4683</v>
      </c>
      <c r="D525" s="20">
        <v>7.2519254999999996</v>
      </c>
      <c r="E525" s="20">
        <v>3.7756031000000001</v>
      </c>
      <c r="F525" s="20">
        <v>0</v>
      </c>
      <c r="G525" s="20">
        <v>-0.36379350999999999</v>
      </c>
      <c r="H525" s="20">
        <v>20.167553000000002</v>
      </c>
      <c r="I525" s="20">
        <v>0</v>
      </c>
      <c r="J525" s="20">
        <v>0</v>
      </c>
      <c r="K525" s="20">
        <v>0.1612172</v>
      </c>
      <c r="L525" s="20">
        <v>1740.1610000000001</v>
      </c>
      <c r="M525" s="20">
        <v>44.461979999999997</v>
      </c>
      <c r="N525" s="20">
        <v>8.0355501</v>
      </c>
      <c r="O525" s="20">
        <v>96.875427999999999</v>
      </c>
      <c r="P525" s="20">
        <v>33.773999000000003</v>
      </c>
      <c r="Q525" s="20">
        <f t="shared" si="16"/>
        <v>183.14695710000001</v>
      </c>
      <c r="R525" s="20">
        <v>481.53386</v>
      </c>
      <c r="S525" s="20">
        <v>11.027528999999999</v>
      </c>
      <c r="T525" s="20">
        <v>29.624859000000001</v>
      </c>
      <c r="U525" s="20">
        <v>31.838778000000001</v>
      </c>
      <c r="V525" s="20">
        <v>5.2063553000000002</v>
      </c>
      <c r="X525" s="20">
        <f t="shared" si="17"/>
        <v>67.201171929139008</v>
      </c>
    </row>
    <row r="526" spans="2:24">
      <c r="B526" s="23">
        <v>0.72655092592322035</v>
      </c>
      <c r="C526" s="20">
        <v>3341.8355000000001</v>
      </c>
      <c r="D526" s="20">
        <v>7.7505585999999997</v>
      </c>
      <c r="E526" s="20">
        <v>2.0891117000000001</v>
      </c>
      <c r="F526" s="20">
        <v>0</v>
      </c>
      <c r="G526" s="20">
        <v>-0.42988261999999999</v>
      </c>
      <c r="H526" s="20">
        <v>20.363970999999999</v>
      </c>
      <c r="I526" s="20">
        <v>0</v>
      </c>
      <c r="J526" s="20">
        <v>0</v>
      </c>
      <c r="K526" s="20">
        <v>0.20641145999999999</v>
      </c>
      <c r="L526" s="20">
        <v>1762.2900999999999</v>
      </c>
      <c r="M526" s="20">
        <v>46.204706999999999</v>
      </c>
      <c r="N526" s="20">
        <v>7.1479127</v>
      </c>
      <c r="O526" s="20">
        <v>98.050227000000007</v>
      </c>
      <c r="P526" s="20">
        <v>34.207369</v>
      </c>
      <c r="Q526" s="20">
        <f t="shared" si="16"/>
        <v>185.6102157</v>
      </c>
      <c r="R526" s="20">
        <v>482.07713999999999</v>
      </c>
      <c r="S526" s="20">
        <v>9.8396702000000005</v>
      </c>
      <c r="T526" s="20">
        <v>29.633285000000001</v>
      </c>
      <c r="U526" s="20">
        <v>31.230622</v>
      </c>
      <c r="V526" s="20">
        <v>5.3932571999999999</v>
      </c>
      <c r="X526" s="20">
        <f t="shared" si="17"/>
        <v>66.79011976560399</v>
      </c>
    </row>
    <row r="527" spans="2:24">
      <c r="B527" s="23">
        <v>0.72706018518510973</v>
      </c>
      <c r="C527" s="20">
        <v>3386.0237000000002</v>
      </c>
      <c r="D527" s="20">
        <v>8.6730043000000006</v>
      </c>
      <c r="E527" s="20">
        <v>1.4551480999999999</v>
      </c>
      <c r="F527" s="20">
        <v>0</v>
      </c>
      <c r="G527" s="20">
        <v>-0.49420203000000001</v>
      </c>
      <c r="H527" s="20">
        <v>19.942748999999999</v>
      </c>
      <c r="I527" s="20">
        <v>2.1596940000000002E-3</v>
      </c>
      <c r="J527" s="20">
        <v>0</v>
      </c>
      <c r="K527" s="20">
        <v>0.16285243999999999</v>
      </c>
      <c r="L527" s="20">
        <v>1704.0278000000001</v>
      </c>
      <c r="M527" s="20">
        <v>47.054946000000001</v>
      </c>
      <c r="N527" s="20">
        <v>7.7580361</v>
      </c>
      <c r="O527" s="20">
        <v>99.266019</v>
      </c>
      <c r="P527" s="20">
        <v>32.646203</v>
      </c>
      <c r="Q527" s="20">
        <f t="shared" si="16"/>
        <v>186.72520409999998</v>
      </c>
      <c r="R527" s="20">
        <v>467.62914999999998</v>
      </c>
      <c r="S527" s="20">
        <v>10.128152</v>
      </c>
      <c r="T527" s="20">
        <v>29.510335000000001</v>
      </c>
      <c r="U527" s="20">
        <v>31.476448999999999</v>
      </c>
      <c r="V527" s="20">
        <v>5.7844341999999997</v>
      </c>
      <c r="X527" s="20">
        <f t="shared" si="17"/>
        <v>67.302882856760391</v>
      </c>
    </row>
    <row r="528" spans="2:24">
      <c r="B528" s="23">
        <v>0.72755787037021946</v>
      </c>
      <c r="C528" s="20">
        <v>3636.8788</v>
      </c>
      <c r="D528" s="20">
        <v>8.8750327000000002</v>
      </c>
      <c r="E528" s="20">
        <v>2.3204419000000001</v>
      </c>
      <c r="F528" s="20">
        <v>0</v>
      </c>
      <c r="G528" s="20">
        <v>-0.40476118999999999</v>
      </c>
      <c r="H528" s="20">
        <v>19.935683999999998</v>
      </c>
      <c r="I528" s="20">
        <v>0</v>
      </c>
      <c r="J528" s="20">
        <v>0</v>
      </c>
      <c r="K528" s="20">
        <v>0.14565070999999999</v>
      </c>
      <c r="L528" s="20">
        <v>1663.6895999999999</v>
      </c>
      <c r="M528" s="20">
        <v>41.458326999999997</v>
      </c>
      <c r="N528" s="20">
        <v>7.2141142</v>
      </c>
      <c r="O528" s="20">
        <v>105.09377000000001</v>
      </c>
      <c r="P528" s="20">
        <v>30.965330999999999</v>
      </c>
      <c r="Q528" s="20">
        <f t="shared" si="16"/>
        <v>184.73154219999998</v>
      </c>
      <c r="R528" s="20">
        <v>466.23066</v>
      </c>
      <c r="S528" s="20">
        <v>11.195475</v>
      </c>
      <c r="T528" s="20">
        <v>29.574721</v>
      </c>
      <c r="U528" s="20">
        <v>33.168339000000003</v>
      </c>
      <c r="V528" s="20">
        <v>5.8268914000000001</v>
      </c>
      <c r="X528" s="20">
        <f t="shared" si="17"/>
        <v>69.122688146531999</v>
      </c>
    </row>
    <row r="529" spans="2:24">
      <c r="B529" s="23">
        <v>0.72805555555532919</v>
      </c>
      <c r="C529" s="20">
        <v>4085.2460000000001</v>
      </c>
      <c r="D529" s="20">
        <v>7.6078321000000004</v>
      </c>
      <c r="E529" s="20">
        <v>3.2396104000000001</v>
      </c>
      <c r="F529" s="20">
        <v>0</v>
      </c>
      <c r="G529" s="20">
        <v>-0.35269159</v>
      </c>
      <c r="H529" s="20">
        <v>20.929718999999999</v>
      </c>
      <c r="I529" s="20">
        <v>0</v>
      </c>
      <c r="J529" s="20">
        <v>0</v>
      </c>
      <c r="K529" s="20">
        <v>0.19929308000000001</v>
      </c>
      <c r="L529" s="20">
        <v>1778.7805000000001</v>
      </c>
      <c r="M529" s="20">
        <v>44.914498000000002</v>
      </c>
      <c r="N529" s="20">
        <v>8.1388616000000003</v>
      </c>
      <c r="O529" s="20">
        <v>118.30961000000001</v>
      </c>
      <c r="P529" s="20">
        <v>30.422315000000001</v>
      </c>
      <c r="Q529" s="20">
        <f t="shared" si="16"/>
        <v>201.78528460000001</v>
      </c>
      <c r="R529" s="20">
        <v>505.43009000000001</v>
      </c>
      <c r="S529" s="20">
        <v>10.847441999999999</v>
      </c>
      <c r="T529" s="20">
        <v>29.624670999999999</v>
      </c>
      <c r="U529" s="20">
        <v>35.457467000000001</v>
      </c>
      <c r="V529" s="20">
        <v>5.6588523999999998</v>
      </c>
      <c r="X529" s="20">
        <f t="shared" si="17"/>
        <v>71.351818698959008</v>
      </c>
    </row>
    <row r="530" spans="2:24">
      <c r="B530" s="23">
        <v>0.72855324074043892</v>
      </c>
      <c r="C530" s="20">
        <v>4492.0603000000001</v>
      </c>
      <c r="D530" s="20">
        <v>6.0935278000000004</v>
      </c>
      <c r="E530" s="20">
        <v>4.1542564000000004</v>
      </c>
      <c r="F530" s="20">
        <v>0</v>
      </c>
      <c r="G530" s="20">
        <v>-0.40969086999999998</v>
      </c>
      <c r="H530" s="20">
        <v>22.347283000000001</v>
      </c>
      <c r="I530" s="20">
        <v>0</v>
      </c>
      <c r="J530" s="20">
        <v>1.9300273E-2</v>
      </c>
      <c r="K530" s="20">
        <v>0.26688780000000001</v>
      </c>
      <c r="L530" s="20">
        <v>1891.2840000000001</v>
      </c>
      <c r="M530" s="20">
        <v>31.109777000000001</v>
      </c>
      <c r="N530" s="20">
        <v>10.098674000000001</v>
      </c>
      <c r="O530" s="20">
        <v>131.05137999999999</v>
      </c>
      <c r="P530" s="20">
        <v>32.995386000000003</v>
      </c>
      <c r="Q530" s="20">
        <f t="shared" si="16"/>
        <v>205.25521699999999</v>
      </c>
      <c r="R530" s="20">
        <v>558.27548999999999</v>
      </c>
      <c r="S530" s="20">
        <v>10.247783999999999</v>
      </c>
      <c r="T530" s="20">
        <v>29.782218</v>
      </c>
      <c r="U530" s="20">
        <v>37.340212000000001</v>
      </c>
      <c r="V530" s="20">
        <v>5.7375410999999996</v>
      </c>
      <c r="X530" s="20">
        <f t="shared" si="17"/>
        <v>73.523102986540309</v>
      </c>
    </row>
    <row r="531" spans="2:24">
      <c r="B531" s="23">
        <v>0.72906250000232831</v>
      </c>
      <c r="C531" s="20">
        <v>4556.9746999999998</v>
      </c>
      <c r="D531" s="20">
        <v>5.3344719999999999</v>
      </c>
      <c r="E531" s="20">
        <v>4.7402750999999999</v>
      </c>
      <c r="F531" s="20">
        <v>0</v>
      </c>
      <c r="G531" s="20">
        <v>-0.34193322999999998</v>
      </c>
      <c r="H531" s="20">
        <v>23.073225000000001</v>
      </c>
      <c r="I531" s="20">
        <v>0</v>
      </c>
      <c r="J531" s="20">
        <v>5.4648848999999999E-2</v>
      </c>
      <c r="K531" s="20">
        <v>0.23968331000000001</v>
      </c>
      <c r="L531" s="20">
        <v>1962.1746000000001</v>
      </c>
      <c r="M531" s="20">
        <v>27.431899999999999</v>
      </c>
      <c r="N531" s="20">
        <v>10.854952000000001</v>
      </c>
      <c r="O531" s="20">
        <v>137.12423000000001</v>
      </c>
      <c r="P531" s="20">
        <v>35.356895999999999</v>
      </c>
      <c r="Q531" s="20">
        <f t="shared" si="16"/>
        <v>210.76797800000003</v>
      </c>
      <c r="R531" s="20">
        <v>583.87633000000005</v>
      </c>
      <c r="S531" s="20">
        <v>10.074747</v>
      </c>
      <c r="T531" s="20">
        <v>29.747788</v>
      </c>
      <c r="U531" s="20">
        <v>37.601312999999998</v>
      </c>
      <c r="V531" s="20">
        <v>5.5379811999999999</v>
      </c>
      <c r="X531" s="20">
        <f t="shared" si="17"/>
        <v>73.5643914396029</v>
      </c>
    </row>
    <row r="532" spans="2:24">
      <c r="B532" s="23">
        <v>0.72956018518743804</v>
      </c>
      <c r="C532" s="20">
        <v>4442.6076000000003</v>
      </c>
      <c r="D532" s="20">
        <v>5.1574228</v>
      </c>
      <c r="E532" s="20">
        <v>3.7386075000000001</v>
      </c>
      <c r="F532" s="20">
        <v>0</v>
      </c>
      <c r="G532" s="20">
        <v>-0.36166211999999998</v>
      </c>
      <c r="H532" s="20">
        <v>22.714946999999999</v>
      </c>
      <c r="I532" s="20">
        <v>0</v>
      </c>
      <c r="J532" s="20">
        <v>4.2043197999999997E-2</v>
      </c>
      <c r="K532" s="20">
        <v>0.11898114</v>
      </c>
      <c r="L532" s="20">
        <v>2054.2316999999998</v>
      </c>
      <c r="M532" s="20">
        <v>38.158118000000002</v>
      </c>
      <c r="N532" s="20">
        <v>9.1836374999999997</v>
      </c>
      <c r="O532" s="20">
        <v>135.59456</v>
      </c>
      <c r="P532" s="20">
        <v>36.480825000000003</v>
      </c>
      <c r="Q532" s="20">
        <f t="shared" si="16"/>
        <v>219.41714050000002</v>
      </c>
      <c r="R532" s="20">
        <v>583.82780000000002</v>
      </c>
      <c r="S532" s="20">
        <v>8.8960304000000008</v>
      </c>
      <c r="T532" s="20">
        <v>29.535267999999999</v>
      </c>
      <c r="U532" s="20">
        <v>37.263677999999999</v>
      </c>
      <c r="V532" s="20">
        <v>5.4354383000000004</v>
      </c>
      <c r="X532" s="20">
        <f t="shared" si="17"/>
        <v>72.910040581041798</v>
      </c>
    </row>
    <row r="533" spans="2:24">
      <c r="B533" s="23">
        <v>0.73005787037254777</v>
      </c>
      <c r="C533" s="20">
        <v>4189.7194</v>
      </c>
      <c r="D533" s="20">
        <v>4.7117373000000002</v>
      </c>
      <c r="E533" s="20">
        <v>1.8964742000000001</v>
      </c>
      <c r="F533" s="20">
        <v>0</v>
      </c>
      <c r="G533" s="20">
        <v>-0.40977843000000003</v>
      </c>
      <c r="H533" s="20">
        <v>22.224277000000001</v>
      </c>
      <c r="I533" s="20">
        <v>0</v>
      </c>
      <c r="J533" s="20">
        <v>3.5218912999999998E-2</v>
      </c>
      <c r="K533" s="20">
        <v>9.8021071000000001E-2</v>
      </c>
      <c r="L533" s="20">
        <v>2068.2968000000001</v>
      </c>
      <c r="M533" s="20">
        <v>54.438988999999999</v>
      </c>
      <c r="N533" s="20">
        <v>6.7321019</v>
      </c>
      <c r="O533" s="20">
        <v>128.40642</v>
      </c>
      <c r="P533" s="20">
        <v>34.785657</v>
      </c>
      <c r="Q533" s="20">
        <f t="shared" si="16"/>
        <v>224.36316790000001</v>
      </c>
      <c r="R533" s="20">
        <v>557.31505000000004</v>
      </c>
      <c r="S533" s="20">
        <v>6.6082115999999997</v>
      </c>
      <c r="T533" s="20">
        <v>29.339435000000002</v>
      </c>
      <c r="U533" s="20">
        <v>36.185749999999999</v>
      </c>
      <c r="V533" s="20">
        <v>5.3806640999999997</v>
      </c>
      <c r="X533" s="20">
        <f t="shared" si="17"/>
        <v>71.557603452955391</v>
      </c>
    </row>
    <row r="534" spans="2:24">
      <c r="B534" s="23">
        <v>0.7305555555576575</v>
      </c>
      <c r="C534" s="20">
        <v>3944.8915999999999</v>
      </c>
      <c r="D534" s="20">
        <v>4.1936850000000003</v>
      </c>
      <c r="E534" s="20">
        <v>0.35205077000000001</v>
      </c>
      <c r="F534" s="20">
        <v>0</v>
      </c>
      <c r="G534" s="20">
        <v>-0.40845942000000002</v>
      </c>
      <c r="H534" s="20">
        <v>21.968138</v>
      </c>
      <c r="I534" s="20">
        <v>0</v>
      </c>
      <c r="J534" s="20">
        <v>0</v>
      </c>
      <c r="K534" s="20">
        <v>0.13831299999999999</v>
      </c>
      <c r="L534" s="20">
        <v>1966.9550999999999</v>
      </c>
      <c r="M534" s="20">
        <v>55.301862</v>
      </c>
      <c r="N534" s="20">
        <v>7.3406180000000001</v>
      </c>
      <c r="O534" s="20">
        <v>117.99782999999999</v>
      </c>
      <c r="P534" s="20">
        <v>32.263891999999998</v>
      </c>
      <c r="Q534" s="20">
        <f t="shared" si="16"/>
        <v>212.904202</v>
      </c>
      <c r="R534" s="20">
        <v>523.59284000000002</v>
      </c>
      <c r="S534" s="20">
        <v>4.5457356999999998</v>
      </c>
      <c r="T534" s="20">
        <v>29.241271999999999</v>
      </c>
      <c r="U534" s="20">
        <v>35.042350999999996</v>
      </c>
      <c r="V534" s="20">
        <v>5.3992013999999999</v>
      </c>
      <c r="X534" s="20">
        <f t="shared" si="17"/>
        <v>70.29837843650499</v>
      </c>
    </row>
    <row r="535" spans="2:24">
      <c r="B535" s="23">
        <v>0.73105324074276723</v>
      </c>
      <c r="C535" s="20">
        <v>3685.2970999999998</v>
      </c>
      <c r="D535" s="20">
        <v>4.0631284000000001</v>
      </c>
      <c r="E535" s="20">
        <v>1.1987063</v>
      </c>
      <c r="F535" s="20">
        <v>0</v>
      </c>
      <c r="G535" s="20">
        <v>-0.45985073999999998</v>
      </c>
      <c r="H535" s="20">
        <v>21.611412000000001</v>
      </c>
      <c r="I535" s="20">
        <v>0</v>
      </c>
      <c r="J535" s="20">
        <v>0</v>
      </c>
      <c r="K535" s="20">
        <v>0.21525098000000001</v>
      </c>
      <c r="L535" s="20">
        <v>1759.3073999999999</v>
      </c>
      <c r="M535" s="20">
        <v>38.966918</v>
      </c>
      <c r="N535" s="20">
        <v>8.9139633000000007</v>
      </c>
      <c r="O535" s="20">
        <v>108.04525</v>
      </c>
      <c r="P535" s="20">
        <v>29.379788000000001</v>
      </c>
      <c r="Q535" s="20">
        <f t="shared" si="16"/>
        <v>185.3059193</v>
      </c>
      <c r="R535" s="20">
        <v>488.32495999999998</v>
      </c>
      <c r="S535" s="20">
        <v>5.2618346999999996</v>
      </c>
      <c r="T535" s="20">
        <v>29.159444000000001</v>
      </c>
      <c r="U535" s="20">
        <v>33.967868000000003</v>
      </c>
      <c r="V535" s="20">
        <v>5.4354383000000004</v>
      </c>
      <c r="X535" s="20">
        <f t="shared" si="17"/>
        <v>69.128930390093998</v>
      </c>
    </row>
    <row r="536" spans="2:24">
      <c r="B536" s="23">
        <v>0.73156249999738066</v>
      </c>
      <c r="C536" s="20">
        <v>3525.6972000000001</v>
      </c>
      <c r="D536" s="20">
        <v>4.4660073000000002</v>
      </c>
      <c r="E536" s="20">
        <v>2.0434383999999999</v>
      </c>
      <c r="F536" s="20">
        <v>0</v>
      </c>
      <c r="G536" s="20">
        <v>-0.40587512999999997</v>
      </c>
      <c r="H536" s="20">
        <v>21.090501</v>
      </c>
      <c r="I536" s="20">
        <v>1.6475709E-3</v>
      </c>
      <c r="J536" s="20">
        <v>0</v>
      </c>
      <c r="K536" s="20">
        <v>0.44414915999999999</v>
      </c>
      <c r="L536" s="20">
        <v>1632.5060000000001</v>
      </c>
      <c r="M536" s="20">
        <v>29.788179</v>
      </c>
      <c r="N536" s="20">
        <v>9.4934437000000003</v>
      </c>
      <c r="O536" s="20">
        <v>100.88755</v>
      </c>
      <c r="P536" s="20">
        <v>27.803386</v>
      </c>
      <c r="Q536" s="20">
        <f t="shared" si="16"/>
        <v>167.97255869999998</v>
      </c>
      <c r="R536" s="20">
        <v>463.25202000000002</v>
      </c>
      <c r="S536" s="20">
        <v>6.5094456999999997</v>
      </c>
      <c r="T536" s="20">
        <v>29.046375000000001</v>
      </c>
      <c r="U536" s="20">
        <v>33.139671</v>
      </c>
      <c r="V536" s="20">
        <v>5.5018167</v>
      </c>
      <c r="X536" s="20">
        <f t="shared" si="17"/>
        <v>68.223895207270104</v>
      </c>
    </row>
    <row r="537" spans="2:24">
      <c r="B537" s="23">
        <v>0.73206018518249039</v>
      </c>
      <c r="C537" s="20">
        <v>3339.0333000000001</v>
      </c>
      <c r="D537" s="20">
        <v>5.3393921999999998</v>
      </c>
      <c r="E537" s="20">
        <v>2.5803132</v>
      </c>
      <c r="F537" s="20">
        <v>0</v>
      </c>
      <c r="G537" s="20">
        <v>-0.48994813999999998</v>
      </c>
      <c r="H537" s="20">
        <v>20.316939000000001</v>
      </c>
      <c r="I537" s="20">
        <v>5.0052687E-3</v>
      </c>
      <c r="J537" s="20">
        <v>0</v>
      </c>
      <c r="K537" s="20">
        <v>0.50621890000000003</v>
      </c>
      <c r="L537" s="20">
        <v>1553.1592000000001</v>
      </c>
      <c r="M537" s="20">
        <v>27.866885</v>
      </c>
      <c r="N537" s="20">
        <v>8.6314425000000004</v>
      </c>
      <c r="O537" s="20">
        <v>94.397998999999999</v>
      </c>
      <c r="P537" s="20">
        <v>25.782025000000001</v>
      </c>
      <c r="Q537" s="20">
        <f t="shared" si="16"/>
        <v>156.67835149999999</v>
      </c>
      <c r="R537" s="20">
        <v>436.78098999999997</v>
      </c>
      <c r="S537" s="20">
        <v>7.9197053999999998</v>
      </c>
      <c r="T537" s="20">
        <v>29.033635</v>
      </c>
      <c r="U537" s="20">
        <v>32.795198999999997</v>
      </c>
      <c r="V537" s="20">
        <v>5.3865683999999998</v>
      </c>
      <c r="X537" s="20">
        <f t="shared" si="17"/>
        <v>67.723907247732868</v>
      </c>
    </row>
    <row r="538" spans="2:24">
      <c r="B538" s="23">
        <v>0.73255787036760012</v>
      </c>
      <c r="C538" s="20">
        <v>3283.1516999999999</v>
      </c>
      <c r="D538" s="20">
        <v>6.3223168999999997</v>
      </c>
      <c r="E538" s="20">
        <v>2.0904535000000002</v>
      </c>
      <c r="F538" s="20">
        <v>0</v>
      </c>
      <c r="G538" s="20">
        <v>-0.42147741999999999</v>
      </c>
      <c r="H538" s="20">
        <v>19.755452999999999</v>
      </c>
      <c r="I538" s="20">
        <v>6.2368709999999997E-3</v>
      </c>
      <c r="J538" s="20">
        <v>0</v>
      </c>
      <c r="K538" s="20">
        <v>0.51120096999999998</v>
      </c>
      <c r="L538" s="20">
        <v>1599.615</v>
      </c>
      <c r="M538" s="20">
        <v>39.428711</v>
      </c>
      <c r="N538" s="20">
        <v>7.7215201999999996</v>
      </c>
      <c r="O538" s="20">
        <v>91.124593000000004</v>
      </c>
      <c r="P538" s="20">
        <v>24.702947000000002</v>
      </c>
      <c r="Q538" s="20">
        <f t="shared" si="16"/>
        <v>162.97777120000001</v>
      </c>
      <c r="R538" s="20">
        <v>432.90282999999999</v>
      </c>
      <c r="S538" s="20">
        <v>8.4127703999999994</v>
      </c>
      <c r="T538" s="20">
        <v>29.232108</v>
      </c>
      <c r="U538" s="20">
        <v>32.247605</v>
      </c>
      <c r="V538" s="20">
        <v>5.3688561999999997</v>
      </c>
      <c r="X538" s="20">
        <f t="shared" si="17"/>
        <v>67.356811342542102</v>
      </c>
    </row>
    <row r="539" spans="2:24">
      <c r="B539" s="23">
        <v>0.73305555555270985</v>
      </c>
      <c r="C539" s="20">
        <v>3238.4355</v>
      </c>
      <c r="D539" s="20">
        <v>7.3073125000000001</v>
      </c>
      <c r="E539" s="20">
        <v>1.7875703000000001</v>
      </c>
      <c r="F539" s="20">
        <v>0</v>
      </c>
      <c r="G539" s="20">
        <v>-0.36743091999999999</v>
      </c>
      <c r="H539" s="20">
        <v>19.590329000000001</v>
      </c>
      <c r="I539" s="20">
        <v>0</v>
      </c>
      <c r="J539" s="20">
        <v>0</v>
      </c>
      <c r="K539" s="20">
        <v>0.29035200999999999</v>
      </c>
      <c r="L539" s="20">
        <v>1632.7469000000001</v>
      </c>
      <c r="M539" s="20">
        <v>43.550446999999998</v>
      </c>
      <c r="N539" s="20">
        <v>7.5463958</v>
      </c>
      <c r="O539" s="20">
        <v>89.886474000000007</v>
      </c>
      <c r="P539" s="20">
        <v>24.132529999999999</v>
      </c>
      <c r="Q539" s="20">
        <f t="shared" si="16"/>
        <v>165.11584680000001</v>
      </c>
      <c r="R539" s="20">
        <v>441.37630000000001</v>
      </c>
      <c r="S539" s="20">
        <v>9.0948828000000006</v>
      </c>
      <c r="T539" s="20">
        <v>29.066341999999999</v>
      </c>
      <c r="U539" s="20">
        <v>31.696429999999999</v>
      </c>
      <c r="V539" s="20">
        <v>5.3278736999999996</v>
      </c>
      <c r="X539" s="20">
        <f t="shared" si="17"/>
        <v>66.598045826248992</v>
      </c>
    </row>
    <row r="540" spans="2:24">
      <c r="B540" s="23">
        <v>0.73355324073781958</v>
      </c>
      <c r="C540" s="20">
        <v>3329.5445</v>
      </c>
      <c r="D540" s="20">
        <v>7.9461709999999997</v>
      </c>
      <c r="E540" s="20">
        <v>1.8632481999999999</v>
      </c>
      <c r="F540" s="20">
        <v>0</v>
      </c>
      <c r="G540" s="20">
        <v>-0.42964962000000001</v>
      </c>
      <c r="H540" s="20">
        <v>20.040181</v>
      </c>
      <c r="I540" s="20">
        <v>0</v>
      </c>
      <c r="J540" s="20">
        <v>0</v>
      </c>
      <c r="K540" s="20">
        <v>0.25280975</v>
      </c>
      <c r="L540" s="20">
        <v>1695.0858000000001</v>
      </c>
      <c r="M540" s="20">
        <v>47.284429000000003</v>
      </c>
      <c r="N540" s="20">
        <v>7.4963759999999997</v>
      </c>
      <c r="O540" s="20">
        <v>92.290656999999996</v>
      </c>
      <c r="P540" s="20">
        <v>25.378468000000002</v>
      </c>
      <c r="Q540" s="20">
        <f t="shared" si="16"/>
        <v>172.44992999999999</v>
      </c>
      <c r="R540" s="20">
        <v>458.09971000000002</v>
      </c>
      <c r="S540" s="20">
        <v>9.8094192000000007</v>
      </c>
      <c r="T540" s="20">
        <v>29.1129</v>
      </c>
      <c r="U540" s="20">
        <v>31.534865</v>
      </c>
      <c r="V540" s="20">
        <v>5.4716649999999998</v>
      </c>
      <c r="X540" s="20">
        <f t="shared" si="17"/>
        <v>66.643086240952996</v>
      </c>
    </row>
    <row r="541" spans="2:24">
      <c r="B541" s="23">
        <v>0.73408564814599231</v>
      </c>
      <c r="C541" s="20">
        <v>3155.5198999999998</v>
      </c>
      <c r="D541" s="20">
        <v>7.7572191999999998</v>
      </c>
      <c r="E541" s="20">
        <v>2.9808024</v>
      </c>
      <c r="F541" s="20">
        <v>0</v>
      </c>
      <c r="G541" s="20">
        <v>-0.56589073999999995</v>
      </c>
      <c r="H541" s="20">
        <v>20.441835000000001</v>
      </c>
      <c r="I541" s="20">
        <v>0</v>
      </c>
      <c r="J541" s="20">
        <v>0</v>
      </c>
      <c r="K541" s="20">
        <v>0.17339819000000001</v>
      </c>
      <c r="L541" s="20">
        <v>1521.1389999999999</v>
      </c>
      <c r="M541" s="20">
        <v>33.668098999999998</v>
      </c>
      <c r="N541" s="20">
        <v>8.6798041000000001</v>
      </c>
      <c r="O541" s="20">
        <v>86.042993999999993</v>
      </c>
      <c r="P541" s="20">
        <v>24.743321000000002</v>
      </c>
      <c r="Q541" s="20">
        <f t="shared" si="16"/>
        <v>153.1342181</v>
      </c>
      <c r="R541" s="20">
        <v>425.48325999999997</v>
      </c>
      <c r="S541" s="20">
        <v>10.738022000000001</v>
      </c>
      <c r="T541" s="20">
        <v>28.878831999999999</v>
      </c>
      <c r="U541" s="20">
        <v>31.894206000000001</v>
      </c>
      <c r="V541" s="20">
        <v>6.1442781000000002</v>
      </c>
      <c r="X541" s="20">
        <f t="shared" si="17"/>
        <v>67.40444795041499</v>
      </c>
    </row>
    <row r="542" spans="2:24">
      <c r="B542" s="23">
        <v>0.73461805555416504</v>
      </c>
      <c r="C542" s="20">
        <v>3155.5252</v>
      </c>
      <c r="D542" s="20">
        <v>7.4939944000000001</v>
      </c>
      <c r="E542" s="20">
        <v>3.9031861999999999</v>
      </c>
      <c r="F542" s="20">
        <v>0</v>
      </c>
      <c r="G542" s="20">
        <v>-0.51465128999999998</v>
      </c>
      <c r="H542" s="20">
        <v>20.714306000000001</v>
      </c>
      <c r="I542" s="20">
        <v>0</v>
      </c>
      <c r="J542" s="20">
        <v>0</v>
      </c>
      <c r="K542" s="20">
        <v>0.26324975</v>
      </c>
      <c r="L542" s="20">
        <v>1537.1934000000001</v>
      </c>
      <c r="M542" s="20">
        <v>36.996783999999998</v>
      </c>
      <c r="N542" s="20">
        <v>8.1898839999999993</v>
      </c>
      <c r="O542" s="20">
        <v>87.399305999999996</v>
      </c>
      <c r="P542" s="20">
        <v>25.228622999999999</v>
      </c>
      <c r="Q542" s="20">
        <f t="shared" si="16"/>
        <v>157.81459699999999</v>
      </c>
      <c r="R542" s="20">
        <v>422.90821</v>
      </c>
      <c r="S542" s="20">
        <v>11.397181</v>
      </c>
      <c r="T542" s="20">
        <v>28.984569</v>
      </c>
      <c r="U542" s="20">
        <v>33.251812000000001</v>
      </c>
      <c r="V542" s="20">
        <v>5.6464062999999998</v>
      </c>
      <c r="X542" s="20">
        <f t="shared" si="17"/>
        <v>68.372166346306003</v>
      </c>
    </row>
    <row r="543" spans="2:24">
      <c r="B543" s="23">
        <v>0.73511574073927477</v>
      </c>
      <c r="C543" s="20">
        <v>3109.9866000000002</v>
      </c>
      <c r="D543" s="20">
        <v>7.6997100999999999</v>
      </c>
      <c r="E543" s="20">
        <v>3.9001120999999999</v>
      </c>
      <c r="F543" s="20">
        <v>0</v>
      </c>
      <c r="G543" s="20">
        <v>-0.57391049999999999</v>
      </c>
      <c r="H543" s="20">
        <v>20.920248000000001</v>
      </c>
      <c r="I543" s="20">
        <v>0</v>
      </c>
      <c r="J543" s="20">
        <v>0</v>
      </c>
      <c r="K543" s="20">
        <v>0.34225177000000001</v>
      </c>
      <c r="L543" s="20">
        <v>1486.3404</v>
      </c>
      <c r="M543" s="20">
        <v>34.266730000000003</v>
      </c>
      <c r="N543" s="20">
        <v>8.6940021999999999</v>
      </c>
      <c r="O543" s="20">
        <v>85.693353999999999</v>
      </c>
      <c r="P543" s="20">
        <v>25.241067000000001</v>
      </c>
      <c r="Q543" s="20">
        <f t="shared" si="16"/>
        <v>153.89515319999998</v>
      </c>
      <c r="R543" s="20">
        <v>413.34780999999998</v>
      </c>
      <c r="S543" s="20">
        <v>11.599822</v>
      </c>
      <c r="T543" s="20">
        <v>28.850905999999998</v>
      </c>
      <c r="U543" s="20">
        <v>34.462515000000003</v>
      </c>
      <c r="V543" s="20">
        <v>5.6288248999999997</v>
      </c>
      <c r="X543" s="20">
        <f t="shared" si="17"/>
        <v>69.421656938666999</v>
      </c>
    </row>
    <row r="544" spans="2:24">
      <c r="B544" s="23">
        <v>0.73562500000116415</v>
      </c>
      <c r="C544" s="20">
        <v>3212.915</v>
      </c>
      <c r="D544" s="20">
        <v>7.4827442</v>
      </c>
      <c r="E544" s="20">
        <v>4.1264291999999996</v>
      </c>
      <c r="F544" s="20">
        <v>0</v>
      </c>
      <c r="G544" s="20">
        <v>-0.56333683000000001</v>
      </c>
      <c r="H544" s="20">
        <v>20.897776</v>
      </c>
      <c r="I544" s="20">
        <v>0</v>
      </c>
      <c r="J544" s="20">
        <v>0</v>
      </c>
      <c r="K544" s="20">
        <v>0.45392865999999998</v>
      </c>
      <c r="L544" s="20">
        <v>1557.183</v>
      </c>
      <c r="M544" s="20">
        <v>36.928311999999998</v>
      </c>
      <c r="N544" s="20">
        <v>8.6582795000000008</v>
      </c>
      <c r="O544" s="20">
        <v>90.374970000000005</v>
      </c>
      <c r="P544" s="20">
        <v>26.774251</v>
      </c>
      <c r="Q544" s="20">
        <f t="shared" si="16"/>
        <v>162.73581250000001</v>
      </c>
      <c r="R544" s="20">
        <v>432.29486000000003</v>
      </c>
      <c r="S544" s="20">
        <v>11.609173</v>
      </c>
      <c r="T544" s="20">
        <v>28.818915000000001</v>
      </c>
      <c r="U544" s="20">
        <v>35.425085000000003</v>
      </c>
      <c r="V544" s="20">
        <v>5.8333135</v>
      </c>
      <c r="X544" s="20">
        <f t="shared" si="17"/>
        <v>70.574997552672997</v>
      </c>
    </row>
    <row r="545" spans="2:24">
      <c r="B545" s="23">
        <v>0.73615740740933688</v>
      </c>
      <c r="C545" s="20">
        <v>3160.3933999999999</v>
      </c>
      <c r="D545" s="20">
        <v>6.8574016000000002</v>
      </c>
      <c r="E545" s="20">
        <v>4.5745762000000001</v>
      </c>
      <c r="F545" s="20">
        <v>0</v>
      </c>
      <c r="G545" s="20">
        <v>-0.47675068999999998</v>
      </c>
      <c r="H545" s="20">
        <v>20.622744000000001</v>
      </c>
      <c r="I545" s="20">
        <v>0</v>
      </c>
      <c r="J545" s="20">
        <v>0</v>
      </c>
      <c r="K545" s="20">
        <v>0.33228012000000001</v>
      </c>
      <c r="L545" s="20">
        <v>1488.5849000000001</v>
      </c>
      <c r="M545" s="20">
        <v>31.313433</v>
      </c>
      <c r="N545" s="20">
        <v>9.1766047999999998</v>
      </c>
      <c r="O545" s="20">
        <v>88.208765999999997</v>
      </c>
      <c r="P545" s="20">
        <v>27.060155999999999</v>
      </c>
      <c r="Q545" s="20">
        <f t="shared" si="16"/>
        <v>155.75895980000001</v>
      </c>
      <c r="R545" s="20">
        <v>420.32492000000002</v>
      </c>
      <c r="S545" s="20">
        <v>11.431978000000001</v>
      </c>
      <c r="T545" s="20">
        <v>28.840990999999999</v>
      </c>
      <c r="U545" s="20">
        <v>35.926212999999997</v>
      </c>
      <c r="V545" s="20">
        <v>5.7737575999999997</v>
      </c>
      <c r="X545" s="20">
        <f t="shared" si="17"/>
        <v>71.025769548902986</v>
      </c>
    </row>
    <row r="546" spans="2:24">
      <c r="B546" s="23">
        <v>0.73667824074072996</v>
      </c>
      <c r="C546" s="20">
        <v>3039.7809999999999</v>
      </c>
      <c r="D546" s="20">
        <v>6.2172929999999997</v>
      </c>
      <c r="E546" s="20">
        <v>5.4962985</v>
      </c>
      <c r="F546" s="20">
        <v>0</v>
      </c>
      <c r="G546" s="20">
        <v>-0.57573050000000003</v>
      </c>
      <c r="H546" s="20">
        <v>20.159151000000001</v>
      </c>
      <c r="I546" s="20">
        <v>0</v>
      </c>
      <c r="J546" s="20">
        <v>0</v>
      </c>
      <c r="K546" s="20">
        <v>0.20977199999999999</v>
      </c>
      <c r="L546" s="20">
        <v>1426.1519000000001</v>
      </c>
      <c r="M546" s="20">
        <v>30.95523</v>
      </c>
      <c r="N546" s="20">
        <v>8.6087503000000005</v>
      </c>
      <c r="O546" s="20">
        <v>83.872488000000004</v>
      </c>
      <c r="P546" s="20">
        <v>26.762440000000002</v>
      </c>
      <c r="Q546" s="20">
        <f t="shared" si="16"/>
        <v>150.1989083</v>
      </c>
      <c r="R546" s="20">
        <v>400.94567000000001</v>
      </c>
      <c r="S546" s="20">
        <v>11.713590999999999</v>
      </c>
      <c r="T546" s="20">
        <v>28.73582</v>
      </c>
      <c r="U546" s="20">
        <v>36.265183999999998</v>
      </c>
      <c r="V546" s="20">
        <v>5.9546709</v>
      </c>
      <c r="X546" s="20">
        <f t="shared" si="17"/>
        <v>71.421610118329994</v>
      </c>
    </row>
    <row r="547" spans="2:24">
      <c r="B547" s="23">
        <v>0.73718750000261934</v>
      </c>
      <c r="C547" s="20">
        <v>2382.9169999999999</v>
      </c>
      <c r="D547" s="20">
        <v>7.2170056000000002</v>
      </c>
      <c r="E547" s="20">
        <v>6.6980212999999997</v>
      </c>
      <c r="F547" s="20">
        <v>0</v>
      </c>
      <c r="G547" s="20">
        <v>-0.66427524000000004</v>
      </c>
      <c r="H547" s="20">
        <v>19.315742</v>
      </c>
      <c r="I547" s="20">
        <v>0</v>
      </c>
      <c r="J547" s="20">
        <v>0</v>
      </c>
      <c r="K547" s="20">
        <v>0.16260749999999999</v>
      </c>
      <c r="L547" s="20">
        <v>1130.3905</v>
      </c>
      <c r="M547" s="20">
        <v>20.130541999999998</v>
      </c>
      <c r="N547" s="20">
        <v>8.3823968000000004</v>
      </c>
      <c r="O547" s="20">
        <v>67.956209999999999</v>
      </c>
      <c r="P547" s="20">
        <v>23.252016000000001</v>
      </c>
      <c r="Q547" s="20">
        <f t="shared" si="16"/>
        <v>119.7211648</v>
      </c>
      <c r="R547" s="20">
        <v>323.63261999999997</v>
      </c>
      <c r="S547" s="20">
        <v>13.915027</v>
      </c>
      <c r="T547" s="20">
        <v>27.877500999999999</v>
      </c>
      <c r="U547" s="20">
        <v>36.277732</v>
      </c>
      <c r="V547" s="20">
        <v>13.202567999999999</v>
      </c>
      <c r="X547" s="20">
        <f t="shared" si="17"/>
        <v>77.725768279295991</v>
      </c>
    </row>
    <row r="548" spans="2:24">
      <c r="B548" s="23">
        <v>0.73768518518772908</v>
      </c>
      <c r="C548" s="20">
        <v>1429.1812</v>
      </c>
      <c r="D548" s="20">
        <v>9.6800587999999994</v>
      </c>
      <c r="E548" s="20">
        <v>8.5530053000000006</v>
      </c>
      <c r="F548" s="20">
        <v>0</v>
      </c>
      <c r="G548" s="20">
        <v>-0.61902844000000001</v>
      </c>
      <c r="H548" s="20">
        <v>17.091311999999999</v>
      </c>
      <c r="I548" s="20">
        <v>0</v>
      </c>
      <c r="J548" s="20">
        <v>0</v>
      </c>
      <c r="K548" s="20">
        <v>0.18399375000000001</v>
      </c>
      <c r="L548" s="20">
        <v>704.03890999999999</v>
      </c>
      <c r="M548" s="20">
        <v>10.464285</v>
      </c>
      <c r="N548" s="20">
        <v>6.8180930000000002</v>
      </c>
      <c r="O548" s="20">
        <v>41.635250999999997</v>
      </c>
      <c r="P548" s="20">
        <v>17.097652</v>
      </c>
      <c r="Q548" s="20">
        <f t="shared" si="16"/>
        <v>76.015281000000002</v>
      </c>
      <c r="R548" s="20">
        <v>204.72617</v>
      </c>
      <c r="S548" s="20">
        <v>18.233063999999999</v>
      </c>
      <c r="T548" s="20">
        <v>26.436634000000002</v>
      </c>
      <c r="U548" s="20">
        <v>36.224662000000002</v>
      </c>
      <c r="V548" s="20">
        <v>15.422072</v>
      </c>
      <c r="X548" s="20">
        <f t="shared" si="17"/>
        <v>78.309603779641009</v>
      </c>
    </row>
    <row r="549" spans="2:24">
      <c r="B549" s="23">
        <v>0.73818287037283881</v>
      </c>
      <c r="C549" s="20">
        <v>551.98627999999997</v>
      </c>
      <c r="D549" s="20">
        <v>11.622131</v>
      </c>
      <c r="E549" s="20">
        <v>10.399338</v>
      </c>
      <c r="F549" s="20">
        <v>0</v>
      </c>
      <c r="G549" s="20">
        <v>-0.61459185000000005</v>
      </c>
      <c r="H549" s="20">
        <v>13.720177</v>
      </c>
      <c r="I549" s="20">
        <v>0</v>
      </c>
      <c r="J549" s="20">
        <v>0</v>
      </c>
      <c r="K549" s="20">
        <v>0.20276675</v>
      </c>
      <c r="L549" s="20">
        <v>313.95130999999998</v>
      </c>
      <c r="M549" s="20">
        <v>0</v>
      </c>
      <c r="N549" s="20">
        <v>4.9171033</v>
      </c>
      <c r="O549" s="20">
        <v>18.993044000000001</v>
      </c>
      <c r="P549" s="20">
        <v>10.929515</v>
      </c>
      <c r="Q549" s="20">
        <f t="shared" si="16"/>
        <v>34.839662300000001</v>
      </c>
      <c r="R549" s="20">
        <v>97.477942999999996</v>
      </c>
      <c r="S549" s="20">
        <v>22.021467999999999</v>
      </c>
      <c r="T549" s="20">
        <v>24.768853</v>
      </c>
      <c r="U549" s="20">
        <v>35.799731000000001</v>
      </c>
      <c r="V549" s="20">
        <v>14.417418</v>
      </c>
      <c r="X549" s="20">
        <f t="shared" si="17"/>
        <v>75.081814854119997</v>
      </c>
    </row>
    <row r="550" spans="2:24">
      <c r="B550" s="23">
        <v>0.73868055555794854</v>
      </c>
      <c r="C550" s="20">
        <v>364.33571999999998</v>
      </c>
      <c r="D550" s="20">
        <v>12.528738000000001</v>
      </c>
      <c r="E550" s="20">
        <v>11.695499999999999</v>
      </c>
      <c r="F550" s="20">
        <v>0</v>
      </c>
      <c r="G550" s="20">
        <v>-0.73458941</v>
      </c>
      <c r="H550" s="20">
        <v>11.750589</v>
      </c>
      <c r="I550" s="20">
        <v>0</v>
      </c>
      <c r="J550" s="20">
        <v>0</v>
      </c>
      <c r="K550" s="20">
        <v>0.26079011000000002</v>
      </c>
      <c r="L550" s="20">
        <v>209.87997999999999</v>
      </c>
      <c r="M550" s="20">
        <v>0</v>
      </c>
      <c r="N550" s="20">
        <v>2.7782897000000002</v>
      </c>
      <c r="O550" s="20">
        <v>10.548705</v>
      </c>
      <c r="P550" s="20">
        <v>7.9376309000000003</v>
      </c>
      <c r="Q550" s="20">
        <f t="shared" si="16"/>
        <v>21.264625600000002</v>
      </c>
      <c r="R550" s="20">
        <v>63.089784000000002</v>
      </c>
      <c r="S550" s="20">
        <v>24.224239000000001</v>
      </c>
      <c r="T550" s="20">
        <v>24.562847999999999</v>
      </c>
      <c r="U550" s="20">
        <v>36.362693</v>
      </c>
      <c r="V550" s="20">
        <v>13.535527999999999</v>
      </c>
      <c r="X550" s="20">
        <f t="shared" si="17"/>
        <v>74.52658955922999</v>
      </c>
    </row>
    <row r="551" spans="2:24">
      <c r="B551" s="23">
        <v>0.73917824074305827</v>
      </c>
      <c r="C551" s="20">
        <v>599.39144999999996</v>
      </c>
      <c r="D551" s="20">
        <v>12.392372</v>
      </c>
      <c r="E551" s="20">
        <v>12.144195</v>
      </c>
      <c r="F551" s="20">
        <v>0</v>
      </c>
      <c r="G551" s="20">
        <v>-0.77792843</v>
      </c>
      <c r="H551" s="20">
        <v>11.817803</v>
      </c>
      <c r="I551" s="20">
        <v>0</v>
      </c>
      <c r="J551" s="20">
        <v>0</v>
      </c>
      <c r="K551" s="20">
        <v>0.37425364999999999</v>
      </c>
      <c r="L551" s="20">
        <v>254.15777</v>
      </c>
      <c r="M551" s="20">
        <v>0</v>
      </c>
      <c r="N551" s="20">
        <v>3.0431564999999998</v>
      </c>
      <c r="O551" s="20">
        <v>14.386884</v>
      </c>
      <c r="P551" s="20">
        <v>7.8533913999999996</v>
      </c>
      <c r="Q551" s="20">
        <f t="shared" si="16"/>
        <v>25.2834319</v>
      </c>
      <c r="R551" s="20">
        <v>76.459446999999997</v>
      </c>
      <c r="S551" s="20">
        <v>24.536567000000002</v>
      </c>
      <c r="T551" s="20">
        <v>25.210947999999998</v>
      </c>
      <c r="U551" s="20">
        <v>36.719619000000002</v>
      </c>
      <c r="V551" s="20">
        <v>12.205882000000001</v>
      </c>
      <c r="X551" s="20">
        <f t="shared" si="17"/>
        <v>74.230380991412005</v>
      </c>
    </row>
    <row r="552" spans="2:24">
      <c r="B552" s="23">
        <v>0.73968749999767169</v>
      </c>
      <c r="C552" s="20">
        <v>710.05330000000004</v>
      </c>
      <c r="D552" s="20">
        <v>11.500870000000001</v>
      </c>
      <c r="E552" s="20">
        <v>12.708226</v>
      </c>
      <c r="F552" s="20">
        <v>0</v>
      </c>
      <c r="G552" s="20">
        <v>-0.77273091000000005</v>
      </c>
      <c r="H552" s="20">
        <v>12.726049</v>
      </c>
      <c r="I552" s="20">
        <v>0</v>
      </c>
      <c r="J552" s="20">
        <v>0</v>
      </c>
      <c r="K552" s="20">
        <v>0.35570531999999999</v>
      </c>
      <c r="L552" s="20">
        <v>283.68847</v>
      </c>
      <c r="M552" s="20">
        <v>0</v>
      </c>
      <c r="N552" s="20">
        <v>3.4212737999999998</v>
      </c>
      <c r="O552" s="20">
        <v>15.849634</v>
      </c>
      <c r="P552" s="20">
        <v>8.2693945000000006</v>
      </c>
      <c r="Q552" s="20">
        <f t="shared" si="16"/>
        <v>27.5403023</v>
      </c>
      <c r="R552" s="20">
        <v>84.826432999999994</v>
      </c>
      <c r="S552" s="20">
        <v>24.209095999999999</v>
      </c>
      <c r="T552" s="20">
        <v>26.036155999999998</v>
      </c>
      <c r="U552" s="20">
        <v>37.972005000000003</v>
      </c>
      <c r="V552" s="20">
        <v>13.014753000000001</v>
      </c>
      <c r="X552" s="20">
        <f t="shared" si="17"/>
        <v>77.131114928770998</v>
      </c>
    </row>
    <row r="553" spans="2:24">
      <c r="B553" s="23">
        <v>0.74018518518278142</v>
      </c>
      <c r="C553" s="20">
        <v>595.17112999999995</v>
      </c>
      <c r="D553" s="20">
        <v>8.9802736000000003</v>
      </c>
      <c r="E553" s="20">
        <v>13.056898</v>
      </c>
      <c r="F553" s="20">
        <v>0</v>
      </c>
      <c r="G553" s="20">
        <v>-0.75367691000000003</v>
      </c>
      <c r="H553" s="20">
        <v>12.908363</v>
      </c>
      <c r="I553" s="20">
        <v>0</v>
      </c>
      <c r="J553" s="20">
        <v>0</v>
      </c>
      <c r="K553" s="20">
        <v>0.32254059000000002</v>
      </c>
      <c r="L553" s="20">
        <v>239.30844999999999</v>
      </c>
      <c r="M553" s="20">
        <v>0</v>
      </c>
      <c r="N553" s="20">
        <v>2.7266596000000001</v>
      </c>
      <c r="O553" s="20">
        <v>13.696073</v>
      </c>
      <c r="P553" s="20">
        <v>7.5669259999999996</v>
      </c>
      <c r="Q553" s="20">
        <f t="shared" si="16"/>
        <v>23.989658599999999</v>
      </c>
      <c r="R553" s="20">
        <v>75.488975999999994</v>
      </c>
      <c r="S553" s="20">
        <v>22.037172000000002</v>
      </c>
      <c r="T553" s="20">
        <v>25.416730000000001</v>
      </c>
      <c r="U553" s="20">
        <v>38.845345999999999</v>
      </c>
      <c r="V553" s="20">
        <v>13.543165999999999</v>
      </c>
      <c r="X553" s="20">
        <f t="shared" si="17"/>
        <v>77.896744080888013</v>
      </c>
    </row>
    <row r="554" spans="2:24">
      <c r="B554" s="23">
        <v>0.74068287036789116</v>
      </c>
      <c r="C554" s="20">
        <v>348.62029999999999</v>
      </c>
      <c r="D554" s="20">
        <v>5.6640937999999998</v>
      </c>
      <c r="E554" s="20">
        <v>13.324914</v>
      </c>
      <c r="F554" s="20">
        <v>0</v>
      </c>
      <c r="G554" s="20">
        <v>-0.68977933000000002</v>
      </c>
      <c r="H554" s="20">
        <v>12.70889</v>
      </c>
      <c r="I554" s="20">
        <v>0</v>
      </c>
      <c r="J554" s="20">
        <v>0</v>
      </c>
      <c r="K554" s="20">
        <v>0.20927618000000001</v>
      </c>
      <c r="L554" s="20">
        <v>159.11453</v>
      </c>
      <c r="M554" s="20">
        <v>0</v>
      </c>
      <c r="N554" s="20">
        <v>1.5428206</v>
      </c>
      <c r="O554" s="20">
        <v>8.2658024000000001</v>
      </c>
      <c r="P554" s="20">
        <v>6.1680343000000004</v>
      </c>
      <c r="Q554" s="20">
        <f t="shared" si="16"/>
        <v>15.976657300000001</v>
      </c>
      <c r="R554" s="20">
        <v>53.303528999999997</v>
      </c>
      <c r="S554" s="20">
        <v>18.989007999999998</v>
      </c>
      <c r="T554" s="20">
        <v>24.240037999999998</v>
      </c>
      <c r="U554" s="20">
        <v>39.683573000000003</v>
      </c>
      <c r="V554" s="20">
        <v>13.202567999999999</v>
      </c>
      <c r="X554" s="20">
        <f t="shared" si="17"/>
        <v>77.183570788995013</v>
      </c>
    </row>
    <row r="555" spans="2:24">
      <c r="B555" s="23">
        <v>0.74118055555300089</v>
      </c>
      <c r="C555" s="20">
        <v>207.66874999999999</v>
      </c>
      <c r="D555" s="20">
        <v>3.4755764999999998</v>
      </c>
      <c r="E555" s="20">
        <v>13.371184</v>
      </c>
      <c r="F555" s="20">
        <v>0</v>
      </c>
      <c r="G555" s="20">
        <v>-0.58589455000000001</v>
      </c>
      <c r="H555" s="20">
        <v>12.499057000000001</v>
      </c>
      <c r="I555" s="20">
        <v>0</v>
      </c>
      <c r="J555" s="20">
        <v>0</v>
      </c>
      <c r="K555" s="20">
        <v>0.32214698000000003</v>
      </c>
      <c r="L555" s="20">
        <v>96.199112</v>
      </c>
      <c r="M555" s="20">
        <v>0</v>
      </c>
      <c r="N555" s="20">
        <v>0.34264125000000001</v>
      </c>
      <c r="O555" s="20">
        <v>5.2713391999999999</v>
      </c>
      <c r="P555" s="20">
        <v>4.4543284999999999</v>
      </c>
      <c r="Q555" s="20">
        <f t="shared" si="16"/>
        <v>10.068308949999999</v>
      </c>
      <c r="R555" s="20">
        <v>36.997816999999998</v>
      </c>
      <c r="S555" s="20">
        <v>16.846761000000001</v>
      </c>
      <c r="T555" s="20">
        <v>23.114041</v>
      </c>
      <c r="U555" s="20">
        <v>39.011713999999998</v>
      </c>
      <c r="V555" s="20">
        <v>13.371138999999999</v>
      </c>
      <c r="X555" s="20">
        <f t="shared" si="17"/>
        <v>75.532880500188</v>
      </c>
    </row>
    <row r="556" spans="2:24">
      <c r="B556" s="23">
        <v>0.74167824073811062</v>
      </c>
      <c r="C556" s="20">
        <v>475.24153999999999</v>
      </c>
      <c r="D556" s="20">
        <v>3.0199045</v>
      </c>
      <c r="E556" s="20">
        <v>12.387452</v>
      </c>
      <c r="F556" s="20">
        <v>0</v>
      </c>
      <c r="G556" s="20">
        <v>-0.57803190000000004</v>
      </c>
      <c r="H556" s="20">
        <v>12.362601</v>
      </c>
      <c r="I556" s="20">
        <v>0</v>
      </c>
      <c r="J556" s="20">
        <v>0</v>
      </c>
      <c r="K556" s="20">
        <v>0.26700299</v>
      </c>
      <c r="L556" s="20">
        <v>218.25727000000001</v>
      </c>
      <c r="M556" s="20">
        <v>0</v>
      </c>
      <c r="N556" s="20">
        <v>2.5928795999999998</v>
      </c>
      <c r="O556" s="20">
        <v>17.221630999999999</v>
      </c>
      <c r="P556" s="20">
        <v>6.1579473</v>
      </c>
      <c r="Q556" s="20">
        <f t="shared" si="16"/>
        <v>25.972457899999998</v>
      </c>
      <c r="R556" s="20">
        <v>74.521728999999993</v>
      </c>
      <c r="S556" s="20">
        <v>15.407356999999999</v>
      </c>
      <c r="T556" s="20">
        <v>23.163671000000001</v>
      </c>
      <c r="U556" s="20">
        <v>36.801589999999997</v>
      </c>
      <c r="V556" s="20">
        <v>8.9167754000000006</v>
      </c>
      <c r="X556" s="20">
        <f t="shared" si="17"/>
        <v>68.958270155348998</v>
      </c>
    </row>
    <row r="557" spans="2:24">
      <c r="B557" s="23">
        <v>0.7421875</v>
      </c>
      <c r="C557" s="20">
        <v>1027.7311999999999</v>
      </c>
      <c r="D557" s="20">
        <v>3.0490624</v>
      </c>
      <c r="E557" s="20">
        <v>10.149099</v>
      </c>
      <c r="F557" s="20">
        <v>0</v>
      </c>
      <c r="G557" s="20">
        <v>-0.53083891999999999</v>
      </c>
      <c r="H557" s="20">
        <v>12.888983</v>
      </c>
      <c r="I557" s="20">
        <v>0</v>
      </c>
      <c r="J557" s="20">
        <v>0</v>
      </c>
      <c r="K557" s="20">
        <v>0.27785633999999998</v>
      </c>
      <c r="L557" s="20">
        <v>505.11052999999998</v>
      </c>
      <c r="M557" s="20">
        <v>6.8817738000000004</v>
      </c>
      <c r="N557" s="20">
        <v>5.1148115000000001</v>
      </c>
      <c r="O557" s="20">
        <v>40.094316999999997</v>
      </c>
      <c r="P557" s="20">
        <v>11.562334</v>
      </c>
      <c r="Q557" s="20">
        <f t="shared" si="16"/>
        <v>63.653236299999996</v>
      </c>
      <c r="R557" s="20">
        <v>157.83015</v>
      </c>
      <c r="S557" s="20">
        <v>13.198161000000001</v>
      </c>
      <c r="T557" s="20">
        <v>23.795349000000002</v>
      </c>
      <c r="U557" s="20">
        <v>34.131624000000002</v>
      </c>
      <c r="V557" s="20">
        <v>7.5702423000000003</v>
      </c>
      <c r="X557" s="20">
        <f t="shared" si="17"/>
        <v>65.660768028912003</v>
      </c>
    </row>
    <row r="558" spans="2:24">
      <c r="B558" s="23">
        <v>0.74268518518510973</v>
      </c>
      <c r="C558" s="20">
        <v>1545.14</v>
      </c>
      <c r="D558" s="20">
        <v>2.8190222999999999</v>
      </c>
      <c r="E558" s="20">
        <v>7.2116980999999996</v>
      </c>
      <c r="F558" s="20">
        <v>0</v>
      </c>
      <c r="G558" s="20">
        <v>-0.58169464000000004</v>
      </c>
      <c r="H558" s="20">
        <v>13.683683</v>
      </c>
      <c r="I558" s="20">
        <v>0</v>
      </c>
      <c r="J558" s="20">
        <v>0</v>
      </c>
      <c r="K558" s="20">
        <v>0.17244556999999999</v>
      </c>
      <c r="L558" s="20">
        <v>745.93856000000005</v>
      </c>
      <c r="M558" s="20">
        <v>7.8353919000000003</v>
      </c>
      <c r="N558" s="20">
        <v>7.6164334</v>
      </c>
      <c r="O558" s="20">
        <v>59.183619999999998</v>
      </c>
      <c r="P558" s="20">
        <v>16.835836</v>
      </c>
      <c r="Q558" s="20">
        <f t="shared" si="16"/>
        <v>91.471281300000001</v>
      </c>
      <c r="R558" s="20">
        <v>226.28790000000001</v>
      </c>
      <c r="S558" s="20">
        <v>10.030720000000001</v>
      </c>
      <c r="T558" s="20">
        <v>24.262720000000002</v>
      </c>
      <c r="U558" s="20">
        <v>32.197155000000002</v>
      </c>
      <c r="V558" s="20">
        <v>7.0778265999999999</v>
      </c>
      <c r="X558" s="20">
        <f t="shared" si="17"/>
        <v>63.779290171563005</v>
      </c>
    </row>
    <row r="559" spans="2:24">
      <c r="B559" s="23">
        <v>0.74318287037021946</v>
      </c>
      <c r="C559" s="20">
        <v>1892.9516000000001</v>
      </c>
      <c r="D559" s="20">
        <v>2.5223084</v>
      </c>
      <c r="E559" s="20">
        <v>5.0837640999999998</v>
      </c>
      <c r="F559" s="20">
        <v>0</v>
      </c>
      <c r="G559" s="20">
        <v>-0.50756745000000003</v>
      </c>
      <c r="H559" s="20">
        <v>14.346849000000001</v>
      </c>
      <c r="I559" s="20">
        <v>0</v>
      </c>
      <c r="J559" s="20">
        <v>0</v>
      </c>
      <c r="K559" s="20">
        <v>0.24476854000000001</v>
      </c>
      <c r="L559" s="20">
        <v>898.03090999999995</v>
      </c>
      <c r="M559" s="20">
        <v>8.9916824999999996</v>
      </c>
      <c r="N559" s="20">
        <v>7.8107528999999998</v>
      </c>
      <c r="O559" s="20">
        <v>70.133730999999997</v>
      </c>
      <c r="P559" s="20">
        <v>20.071947999999999</v>
      </c>
      <c r="Q559" s="20">
        <f t="shared" si="16"/>
        <v>107.00811439999998</v>
      </c>
      <c r="R559" s="20">
        <v>268.70017000000001</v>
      </c>
      <c r="S559" s="20">
        <v>7.6060724999999998</v>
      </c>
      <c r="T559" s="20">
        <v>24.397295</v>
      </c>
      <c r="U559" s="20">
        <v>31.474509999999999</v>
      </c>
      <c r="V559" s="20">
        <v>6.4743171000000004</v>
      </c>
      <c r="X559" s="20">
        <f t="shared" si="17"/>
        <v>62.638850781948996</v>
      </c>
    </row>
    <row r="560" spans="2:24">
      <c r="B560" s="23">
        <v>0.74368055555532919</v>
      </c>
      <c r="C560" s="20">
        <v>2241.4712</v>
      </c>
      <c r="D560" s="20">
        <v>2.7314886</v>
      </c>
      <c r="E560" s="20">
        <v>3.8555997999999998</v>
      </c>
      <c r="F560" s="20">
        <v>0</v>
      </c>
      <c r="G560" s="20">
        <v>-0.35372744</v>
      </c>
      <c r="H560" s="20">
        <v>14.898109</v>
      </c>
      <c r="I560" s="20">
        <v>0</v>
      </c>
      <c r="J560" s="20">
        <v>0</v>
      </c>
      <c r="K560" s="20">
        <v>0.24962808</v>
      </c>
      <c r="L560" s="20">
        <v>1078.875</v>
      </c>
      <c r="M560" s="20">
        <v>14.006970000000001</v>
      </c>
      <c r="N560" s="20">
        <v>8.0478421999999998</v>
      </c>
      <c r="O560" s="20">
        <v>80.752752000000001</v>
      </c>
      <c r="P560" s="20">
        <v>22.123902999999999</v>
      </c>
      <c r="Q560" s="20">
        <f t="shared" si="16"/>
        <v>124.9314672</v>
      </c>
      <c r="R560" s="20">
        <v>317.67495000000002</v>
      </c>
      <c r="S560" s="20">
        <v>6.5870883999999998</v>
      </c>
      <c r="T560" s="20">
        <v>24.725878000000002</v>
      </c>
      <c r="U560" s="20">
        <v>30.461102</v>
      </c>
      <c r="V560" s="20">
        <v>5.4354383000000004</v>
      </c>
      <c r="X560" s="20">
        <f t="shared" si="17"/>
        <v>60.969742885364006</v>
      </c>
    </row>
    <row r="561" spans="2:24">
      <c r="B561" s="23">
        <v>0.74418981481721858</v>
      </c>
      <c r="C561" s="20">
        <v>2911.3953000000001</v>
      </c>
      <c r="D561" s="20">
        <v>3.0910850999999999</v>
      </c>
      <c r="E561" s="20">
        <v>1.9963474999999999</v>
      </c>
      <c r="F561" s="20">
        <v>0</v>
      </c>
      <c r="G561" s="20">
        <v>-0.32522431000000002</v>
      </c>
      <c r="H561" s="20">
        <v>16.092880000000001</v>
      </c>
      <c r="I561" s="20">
        <v>0</v>
      </c>
      <c r="J561" s="20">
        <v>2.6822782999999999E-2</v>
      </c>
      <c r="K561" s="20">
        <v>0.26217573</v>
      </c>
      <c r="L561" s="20">
        <v>1910.8517999999999</v>
      </c>
      <c r="M561" s="20">
        <v>92.643276</v>
      </c>
      <c r="N561" s="20">
        <v>5.4622362999999998</v>
      </c>
      <c r="O561" s="20">
        <v>107.13030000000001</v>
      </c>
      <c r="P561" s="20">
        <v>26.630497999999999</v>
      </c>
      <c r="Q561" s="20">
        <f t="shared" si="16"/>
        <v>231.86631030000001</v>
      </c>
      <c r="R561" s="20">
        <v>449.75459000000001</v>
      </c>
      <c r="S561" s="20">
        <v>5.0874325999999996</v>
      </c>
      <c r="T561" s="20">
        <v>25.891562</v>
      </c>
      <c r="U561" s="20">
        <v>28.839576999999998</v>
      </c>
      <c r="V561" s="20">
        <v>4.7292864999999997</v>
      </c>
      <c r="X561" s="20">
        <f t="shared" si="17"/>
        <v>59.968459992970303</v>
      </c>
    </row>
    <row r="562" spans="2:24">
      <c r="B562" s="23">
        <v>0.74468750000232831</v>
      </c>
      <c r="C562" s="20">
        <v>3370.3582000000001</v>
      </c>
      <c r="D562" s="20">
        <v>3.8906660999999998</v>
      </c>
      <c r="E562" s="20">
        <v>0.23859050000000001</v>
      </c>
      <c r="F562" s="20">
        <v>0</v>
      </c>
      <c r="G562" s="20">
        <v>-0.20264999</v>
      </c>
      <c r="H562" s="20">
        <v>17.475633999999999</v>
      </c>
      <c r="I562" s="20">
        <v>0</v>
      </c>
      <c r="J562" s="20">
        <v>0.31737021999999998</v>
      </c>
      <c r="K562" s="20">
        <v>0.20363384000000001</v>
      </c>
      <c r="L562" s="20">
        <v>2224.6669999999999</v>
      </c>
      <c r="M562" s="20">
        <v>100.87066</v>
      </c>
      <c r="N562" s="20">
        <v>6.7979672000000004</v>
      </c>
      <c r="O562" s="20">
        <v>125.78775</v>
      </c>
      <c r="P562" s="20">
        <v>30.325565999999998</v>
      </c>
      <c r="Q562" s="20">
        <f t="shared" si="16"/>
        <v>263.7819432</v>
      </c>
      <c r="R562" s="20">
        <v>541.11114999999995</v>
      </c>
      <c r="S562" s="20">
        <v>4.1292565999999997</v>
      </c>
      <c r="T562" s="20">
        <v>27.219044</v>
      </c>
      <c r="U562" s="20">
        <v>26.082014999999998</v>
      </c>
      <c r="V562" s="20">
        <v>5.5018167</v>
      </c>
      <c r="X562" s="20">
        <f t="shared" si="17"/>
        <v>59.391361664446997</v>
      </c>
    </row>
    <row r="563" spans="2:24">
      <c r="B563" s="23">
        <v>0.74518518518743804</v>
      </c>
      <c r="C563" s="20">
        <v>2889.3577</v>
      </c>
      <c r="D563" s="20">
        <v>5.2077445000000004</v>
      </c>
      <c r="E563" s="20">
        <v>0</v>
      </c>
      <c r="F563" s="20">
        <v>0</v>
      </c>
      <c r="G563" s="20">
        <v>-0.36506297999999998</v>
      </c>
      <c r="H563" s="20">
        <v>16.779568999999999</v>
      </c>
      <c r="I563" s="20">
        <v>0</v>
      </c>
      <c r="J563" s="20">
        <v>0.31005166000000001</v>
      </c>
      <c r="K563" s="20">
        <v>0.18296466</v>
      </c>
      <c r="L563" s="20">
        <v>2015.1324</v>
      </c>
      <c r="M563" s="20">
        <v>88.789348000000004</v>
      </c>
      <c r="N563" s="20">
        <v>6.7749496000000002</v>
      </c>
      <c r="O563" s="20">
        <v>109.67339</v>
      </c>
      <c r="P563" s="20">
        <v>27.531139</v>
      </c>
      <c r="Q563" s="20">
        <f t="shared" si="16"/>
        <v>232.76882660000001</v>
      </c>
      <c r="R563" s="20">
        <v>482.21983</v>
      </c>
      <c r="S563" s="20">
        <v>5.2077445000000004</v>
      </c>
      <c r="T563" s="20">
        <v>27.454844999999999</v>
      </c>
      <c r="U563" s="20">
        <v>22.700869000000001</v>
      </c>
      <c r="V563" s="20">
        <v>6.5532444999999999</v>
      </c>
      <c r="X563" s="20">
        <f t="shared" si="17"/>
        <v>57.225416693794003</v>
      </c>
    </row>
    <row r="564" spans="2:24">
      <c r="B564" s="23">
        <v>0.74568287037254777</v>
      </c>
      <c r="C564" s="20">
        <v>1862.9960000000001</v>
      </c>
      <c r="D564" s="20">
        <v>7.0466531999999997</v>
      </c>
      <c r="E564" s="20">
        <v>0.21341198</v>
      </c>
      <c r="F564" s="20">
        <v>0</v>
      </c>
      <c r="G564" s="20">
        <v>-0.3707724</v>
      </c>
      <c r="H564" s="20">
        <v>13.591163</v>
      </c>
      <c r="I564" s="20">
        <v>0</v>
      </c>
      <c r="J564" s="20">
        <v>0.22972055999999999</v>
      </c>
      <c r="K564" s="20">
        <v>0.27918957</v>
      </c>
      <c r="L564" s="20">
        <v>1070.9104</v>
      </c>
      <c r="M564" s="20">
        <v>8.9847292000000003</v>
      </c>
      <c r="N564" s="20">
        <v>8.9021261999999997</v>
      </c>
      <c r="O564" s="20">
        <v>72.861339000000001</v>
      </c>
      <c r="P564" s="20">
        <v>20.839872</v>
      </c>
      <c r="Q564" s="20">
        <f t="shared" si="16"/>
        <v>111.5880664</v>
      </c>
      <c r="R564" s="20">
        <v>318.02319999999997</v>
      </c>
      <c r="S564" s="20">
        <v>7.2600651999999997</v>
      </c>
      <c r="T564" s="20">
        <v>26.659638999999999</v>
      </c>
      <c r="U564" s="20">
        <v>19.099536000000001</v>
      </c>
      <c r="V564" s="20">
        <v>11.668397000000001</v>
      </c>
      <c r="X564" s="20">
        <f t="shared" si="17"/>
        <v>57.734946389750995</v>
      </c>
    </row>
    <row r="565" spans="2:24">
      <c r="B565" s="23">
        <v>0.7461805555576575</v>
      </c>
      <c r="C565" s="20">
        <v>784.62598000000003</v>
      </c>
      <c r="D565" s="20">
        <v>7.8858154000000003</v>
      </c>
      <c r="E565" s="20">
        <v>0.66087910000000005</v>
      </c>
      <c r="F565" s="20">
        <v>0</v>
      </c>
      <c r="G565" s="20">
        <v>-0.22621964999999999</v>
      </c>
      <c r="H565" s="20">
        <v>9.0436888999999994</v>
      </c>
      <c r="I565" s="20">
        <v>0</v>
      </c>
      <c r="J565" s="20">
        <v>0</v>
      </c>
      <c r="K565" s="20">
        <v>0.39122357000000002</v>
      </c>
      <c r="L565" s="20">
        <v>505.40854000000002</v>
      </c>
      <c r="M565" s="20">
        <v>0</v>
      </c>
      <c r="N565" s="20">
        <v>5.8173347</v>
      </c>
      <c r="O565" s="20">
        <v>32.818322000000002</v>
      </c>
      <c r="P565" s="20">
        <v>13.377694</v>
      </c>
      <c r="Q565" s="20">
        <f t="shared" si="16"/>
        <v>52.013350699999997</v>
      </c>
      <c r="R565" s="20">
        <v>150.77974</v>
      </c>
      <c r="S565" s="20">
        <v>8.5466944999999992</v>
      </c>
      <c r="T565" s="20">
        <v>23.703873999999999</v>
      </c>
      <c r="U565" s="20">
        <v>13.844481</v>
      </c>
      <c r="V565" s="20">
        <v>9.7266931000000003</v>
      </c>
      <c r="X565" s="20">
        <f t="shared" si="17"/>
        <v>47.411883095252001</v>
      </c>
    </row>
    <row r="566" spans="2:24">
      <c r="B566" s="23">
        <v>0.74672453703533392</v>
      </c>
      <c r="C566" s="20">
        <v>314.26755000000003</v>
      </c>
      <c r="D566" s="20">
        <v>6.4068471000000002</v>
      </c>
      <c r="E566" s="20">
        <v>0.42914427999999999</v>
      </c>
      <c r="F566" s="20">
        <v>0</v>
      </c>
      <c r="G566" s="20">
        <v>-0.10158962000000001</v>
      </c>
      <c r="H566" s="20">
        <v>4.7089379999999998</v>
      </c>
      <c r="I566" s="20">
        <v>0</v>
      </c>
      <c r="J566" s="20">
        <v>0</v>
      </c>
      <c r="K566" s="20">
        <v>0.39970774999999997</v>
      </c>
      <c r="L566" s="20">
        <v>231.87273999999999</v>
      </c>
      <c r="M566" s="20">
        <v>0</v>
      </c>
      <c r="N566" s="20">
        <v>3.0822284</v>
      </c>
      <c r="O566" s="20">
        <v>14.533443999999999</v>
      </c>
      <c r="P566" s="20">
        <v>9.1288665000000009</v>
      </c>
      <c r="Q566" s="20">
        <f t="shared" si="16"/>
        <v>26.744538900000002</v>
      </c>
      <c r="R566" s="20">
        <v>72.371387999999996</v>
      </c>
      <c r="S566" s="20">
        <v>6.8359912999999999</v>
      </c>
      <c r="T566" s="20">
        <v>18.331001000000001</v>
      </c>
      <c r="U566" s="20">
        <v>8.5415399000000001</v>
      </c>
      <c r="V566" s="20">
        <v>5.6588523999999998</v>
      </c>
      <c r="X566" s="20">
        <f t="shared" si="17"/>
        <v>32.590549686770999</v>
      </c>
    </row>
    <row r="567" spans="2:24">
      <c r="B567" s="23">
        <v>0.74724537037400296</v>
      </c>
      <c r="C567" s="20">
        <v>108.26272</v>
      </c>
      <c r="D567" s="20">
        <v>3.5164526999999999</v>
      </c>
      <c r="E567" s="20">
        <v>0.10816226</v>
      </c>
      <c r="F567" s="20">
        <v>0</v>
      </c>
      <c r="G567" s="20">
        <v>-3.1947353999999997E-2</v>
      </c>
      <c r="H567" s="20">
        <v>1.8201666000000001</v>
      </c>
      <c r="I567" s="20">
        <v>0</v>
      </c>
      <c r="J567" s="20">
        <v>0</v>
      </c>
      <c r="K567" s="20">
        <v>0.27616010000000002</v>
      </c>
      <c r="L567" s="20">
        <v>84.734722000000005</v>
      </c>
      <c r="M567" s="20">
        <v>0.18148019000000001</v>
      </c>
      <c r="N567" s="20">
        <v>1.0449691999999999</v>
      </c>
      <c r="O567" s="20">
        <v>4.7596537000000003</v>
      </c>
      <c r="P567" s="20">
        <v>5.8951191999999999</v>
      </c>
      <c r="Q567" s="20">
        <f t="shared" si="16"/>
        <v>11.88122229</v>
      </c>
      <c r="R567" s="20">
        <v>29.201718</v>
      </c>
      <c r="S567" s="20">
        <v>3.6246149999999999</v>
      </c>
      <c r="T567" s="20">
        <v>11.453955000000001</v>
      </c>
      <c r="U567" s="20">
        <v>3.7592835</v>
      </c>
      <c r="V567" s="20">
        <v>4.3115931999999999</v>
      </c>
      <c r="X567" s="20">
        <f t="shared" si="17"/>
        <v>19.546250927359601</v>
      </c>
    </row>
    <row r="568" spans="2:24">
      <c r="B568" s="23">
        <v>0.74774305555911269</v>
      </c>
      <c r="C568" s="20">
        <v>41.149932</v>
      </c>
      <c r="D568" s="20">
        <v>1.1403729</v>
      </c>
      <c r="E568" s="20">
        <v>0</v>
      </c>
      <c r="F568" s="20">
        <v>0</v>
      </c>
      <c r="G568" s="20">
        <v>-5.3985895999999998E-2</v>
      </c>
      <c r="H568" s="20">
        <v>0.25888095</v>
      </c>
      <c r="I568" s="20">
        <v>0</v>
      </c>
      <c r="J568" s="20">
        <v>0</v>
      </c>
      <c r="K568" s="20">
        <v>0.10650962999999999</v>
      </c>
      <c r="L568" s="20">
        <v>26.715992</v>
      </c>
      <c r="M568" s="20">
        <v>0.50317285</v>
      </c>
      <c r="N568" s="20">
        <v>0.22460183</v>
      </c>
      <c r="O568" s="20">
        <v>1.5160857999999999</v>
      </c>
      <c r="P568" s="20">
        <v>3.3766552000000001</v>
      </c>
      <c r="Q568" s="20">
        <f t="shared" si="16"/>
        <v>5.6205156800000005</v>
      </c>
      <c r="R568" s="20">
        <v>12.083121999999999</v>
      </c>
      <c r="S568" s="20">
        <v>1.1403729</v>
      </c>
      <c r="T568" s="20">
        <v>5.5913518</v>
      </c>
      <c r="U568" s="20">
        <v>1.6511165000000001</v>
      </c>
      <c r="V568" s="20">
        <v>4.1465126999999997</v>
      </c>
      <c r="X568" s="20">
        <f t="shared" si="17"/>
        <v>11.396588859016401</v>
      </c>
    </row>
    <row r="569" spans="2:24">
      <c r="B569" s="23">
        <v>0.74824074074422242</v>
      </c>
      <c r="C569" s="20">
        <v>13.824505</v>
      </c>
      <c r="D569" s="20">
        <v>0.45436237000000002</v>
      </c>
      <c r="E569" s="20">
        <v>0</v>
      </c>
      <c r="F569" s="20">
        <v>0</v>
      </c>
      <c r="G569" s="20">
        <v>-6.4414624000000004E-2</v>
      </c>
      <c r="H569" s="20">
        <v>0</v>
      </c>
      <c r="I569" s="20">
        <v>0</v>
      </c>
      <c r="J569" s="20">
        <v>0</v>
      </c>
      <c r="K569" s="20">
        <v>5.5763650999999997E-2</v>
      </c>
      <c r="L569" s="20">
        <v>10.68031</v>
      </c>
      <c r="M569" s="20">
        <v>0.63804116</v>
      </c>
      <c r="N569" s="20">
        <v>3.387035E-2</v>
      </c>
      <c r="O569" s="20">
        <v>0.50784852000000003</v>
      </c>
      <c r="P569" s="20">
        <v>1.7153750000000001</v>
      </c>
      <c r="Q569" s="20">
        <f t="shared" si="16"/>
        <v>2.8951350300000005</v>
      </c>
      <c r="R569" s="20">
        <v>5.5281402000000002</v>
      </c>
      <c r="S569" s="20">
        <v>0.45436237000000002</v>
      </c>
      <c r="T569" s="20">
        <v>2.3311782000000001</v>
      </c>
      <c r="U569" s="20">
        <v>0.92905773000000003</v>
      </c>
      <c r="V569" s="20">
        <v>4.0772738999999998</v>
      </c>
      <c r="X569" s="20">
        <f t="shared" si="17"/>
        <v>7.3403398323797004</v>
      </c>
    </row>
    <row r="570" spans="2:24">
      <c r="B570" s="23">
        <v>0.74874999999883585</v>
      </c>
      <c r="C570" s="20">
        <v>6.4428513000000001</v>
      </c>
      <c r="D570" s="20">
        <v>0.32489509999999999</v>
      </c>
      <c r="E570" s="20">
        <v>0</v>
      </c>
      <c r="F570" s="20">
        <v>0</v>
      </c>
      <c r="G570" s="20">
        <v>-4.1867429999999997E-2</v>
      </c>
      <c r="H570" s="20">
        <v>0</v>
      </c>
      <c r="I570" s="20">
        <v>5.8920895999999999E-3</v>
      </c>
      <c r="J570" s="20">
        <v>0</v>
      </c>
      <c r="K570" s="20">
        <v>2.4072969E-2</v>
      </c>
      <c r="L570" s="20">
        <v>7.5660407000000003</v>
      </c>
      <c r="M570" s="20">
        <v>0.48172047000000001</v>
      </c>
      <c r="N570" s="20">
        <v>8.4789811000000007E-2</v>
      </c>
      <c r="O570" s="20">
        <v>0.21855014</v>
      </c>
      <c r="P570" s="20">
        <v>0.89668188000000004</v>
      </c>
      <c r="Q570" s="20">
        <f t="shared" si="16"/>
        <v>1.6817423010000001</v>
      </c>
      <c r="R570" s="20">
        <v>3.7206473</v>
      </c>
      <c r="S570" s="20">
        <v>0.32489509999999999</v>
      </c>
      <c r="T570" s="20">
        <v>0.90220104999999995</v>
      </c>
      <c r="U570" s="20">
        <v>0.61957956999999997</v>
      </c>
      <c r="V570" s="20">
        <v>3.9859368000000002</v>
      </c>
      <c r="X570" s="20">
        <f t="shared" si="17"/>
        <v>5.5093502722129601</v>
      </c>
    </row>
    <row r="571" spans="2:24">
      <c r="B571" s="23">
        <v>0.74924768518394558</v>
      </c>
      <c r="C571" s="20">
        <v>4.6875393000000001</v>
      </c>
      <c r="D571" s="20">
        <v>0.23277453000000001</v>
      </c>
      <c r="E571" s="20">
        <v>9.5238483999999998E-3</v>
      </c>
      <c r="F571" s="20">
        <v>0</v>
      </c>
      <c r="G571" s="20">
        <v>-2.8304626999999999E-2</v>
      </c>
      <c r="H571" s="20">
        <v>0</v>
      </c>
      <c r="I571" s="20">
        <v>1.5937956000000001E-4</v>
      </c>
      <c r="J571" s="20">
        <v>0</v>
      </c>
      <c r="K571" s="20">
        <v>2.3635550000000002E-2</v>
      </c>
      <c r="L571" s="20">
        <v>6.7240086000000003</v>
      </c>
      <c r="M571" s="20">
        <v>0.47391383999999998</v>
      </c>
      <c r="N571" s="20">
        <v>7.4083411000000002E-2</v>
      </c>
      <c r="O571" s="20">
        <v>9.2917409000000006E-2</v>
      </c>
      <c r="P571" s="20">
        <v>0.50528629999999997</v>
      </c>
      <c r="Q571" s="20">
        <f t="shared" si="16"/>
        <v>1.1462009599999998</v>
      </c>
      <c r="R571" s="20">
        <v>3.3490177999999999</v>
      </c>
      <c r="S571" s="20">
        <v>0.24229838000000001</v>
      </c>
      <c r="T571" s="20">
        <v>0.41857433999999999</v>
      </c>
      <c r="U571" s="20">
        <v>0.50332421999999999</v>
      </c>
      <c r="V571" s="20">
        <v>4.0315297000000001</v>
      </c>
      <c r="X571" s="20">
        <f t="shared" si="17"/>
        <v>4.9547320435920961</v>
      </c>
    </row>
    <row r="572" spans="2:24">
      <c r="B572" s="23">
        <v>0.74974537036905531</v>
      </c>
      <c r="C572" s="20">
        <v>4.1322171000000001</v>
      </c>
      <c r="D572" s="20">
        <v>0</v>
      </c>
      <c r="E572" s="20">
        <v>3.2694159E-2</v>
      </c>
      <c r="F572" s="20">
        <v>0</v>
      </c>
      <c r="G572" s="20">
        <v>-4.0680104000000002E-2</v>
      </c>
      <c r="H572" s="20">
        <v>0</v>
      </c>
      <c r="I572" s="20">
        <v>1.1348901E-3</v>
      </c>
      <c r="J572" s="20">
        <v>0</v>
      </c>
      <c r="K572" s="20">
        <v>1.2074077000000001E-2</v>
      </c>
      <c r="L572" s="20">
        <v>6.3943326999999996</v>
      </c>
      <c r="M572" s="20">
        <v>0.32264893</v>
      </c>
      <c r="N572" s="20">
        <v>0.20907197999999999</v>
      </c>
      <c r="O572" s="20">
        <v>6.9914667999999999E-2</v>
      </c>
      <c r="P572" s="20">
        <v>0.32058920000000002</v>
      </c>
      <c r="Q572" s="20">
        <f t="shared" si="16"/>
        <v>0.92222477800000002</v>
      </c>
      <c r="R572" s="20">
        <v>3.0544231000000002</v>
      </c>
      <c r="S572" s="20">
        <v>3.2694159E-2</v>
      </c>
      <c r="T572" s="20">
        <v>0.24550316</v>
      </c>
      <c r="U572" s="20">
        <v>0.42143559000000003</v>
      </c>
      <c r="V572" s="20">
        <v>4.0772738999999998</v>
      </c>
      <c r="X572" s="20">
        <f t="shared" si="17"/>
        <v>4.7453613191759096</v>
      </c>
    </row>
    <row r="573" spans="2:24">
      <c r="B573" s="23">
        <v>0.75025462963094469</v>
      </c>
      <c r="C573" s="20">
        <v>3.7962337000000002</v>
      </c>
      <c r="D573" s="20">
        <v>0</v>
      </c>
      <c r="E573" s="20">
        <v>3.0469671E-2</v>
      </c>
      <c r="F573" s="20">
        <v>0</v>
      </c>
      <c r="G573" s="20">
        <v>-1.5344391000000001E-2</v>
      </c>
      <c r="H573" s="20">
        <v>0</v>
      </c>
      <c r="I573" s="20">
        <v>1.9971134000000001E-3</v>
      </c>
      <c r="J573" s="20">
        <v>0</v>
      </c>
      <c r="K573" s="20">
        <v>1.2191128000000001E-2</v>
      </c>
      <c r="L573" s="20">
        <v>6.1923151000000001</v>
      </c>
      <c r="M573" s="20">
        <v>0.34796413999999998</v>
      </c>
      <c r="N573" s="20">
        <v>0.15249652999999999</v>
      </c>
      <c r="O573" s="20">
        <v>7.7345610999999995E-2</v>
      </c>
      <c r="P573" s="20">
        <v>0.23083608999999999</v>
      </c>
      <c r="Q573" s="20">
        <f t="shared" si="16"/>
        <v>0.80864237099999992</v>
      </c>
      <c r="R573" s="20">
        <v>2.9857618000000001</v>
      </c>
      <c r="S573" s="20">
        <v>3.0469671E-2</v>
      </c>
      <c r="T573" s="20">
        <v>0.19510383000000001</v>
      </c>
      <c r="U573" s="20">
        <v>0.38057469999999999</v>
      </c>
      <c r="V573" s="20">
        <v>4.0226920000000002</v>
      </c>
      <c r="X573" s="20">
        <f t="shared" si="17"/>
        <v>4.59945622743634</v>
      </c>
    </row>
    <row r="574" spans="2:24">
      <c r="B574" s="23">
        <v>0.75075231481605442</v>
      </c>
      <c r="C574" s="20">
        <v>3.5494048999999999</v>
      </c>
      <c r="D574" s="20">
        <v>0</v>
      </c>
      <c r="E574" s="20">
        <v>4.4099816E-2</v>
      </c>
      <c r="F574" s="20">
        <v>0</v>
      </c>
      <c r="G574" s="20">
        <v>-2.1675607999999999E-2</v>
      </c>
      <c r="H574" s="20">
        <v>0</v>
      </c>
      <c r="I574" s="20">
        <v>8.9045054999999998E-3</v>
      </c>
      <c r="J574" s="20">
        <v>0</v>
      </c>
      <c r="K574" s="20">
        <v>1.3989758999999999E-2</v>
      </c>
      <c r="L574" s="20">
        <v>5.9242942999999997</v>
      </c>
      <c r="M574" s="20">
        <v>0.14271407</v>
      </c>
      <c r="N574" s="20">
        <v>0.13450752999999999</v>
      </c>
      <c r="O574" s="20">
        <v>8.2004267000000006E-2</v>
      </c>
      <c r="P574" s="20">
        <v>0.38043355000000001</v>
      </c>
      <c r="Q574" s="20">
        <f t="shared" si="16"/>
        <v>0.73965941699999993</v>
      </c>
      <c r="R574" s="20">
        <v>3.2066075999999999</v>
      </c>
      <c r="S574" s="20">
        <v>4.4099816E-2</v>
      </c>
      <c r="T574" s="20">
        <v>0.16934814000000001</v>
      </c>
      <c r="U574" s="20">
        <v>0.32901833000000003</v>
      </c>
      <c r="V574" s="20">
        <v>4.0359484999999999</v>
      </c>
      <c r="X574" s="20">
        <f t="shared" si="17"/>
        <v>4.5353452476905494</v>
      </c>
    </row>
    <row r="575" spans="2:24">
      <c r="B575" s="23">
        <v>0.75128472222422715</v>
      </c>
      <c r="C575" s="20">
        <v>3.4260621000000002</v>
      </c>
      <c r="D575" s="20">
        <v>0</v>
      </c>
      <c r="E575" s="20">
        <v>6.7861633000000005E-2</v>
      </c>
      <c r="F575" s="20">
        <v>0</v>
      </c>
      <c r="G575" s="20">
        <v>-3.5743390999999999E-2</v>
      </c>
      <c r="H575" s="20">
        <v>0</v>
      </c>
      <c r="I575" s="20">
        <v>5.8575488E-3</v>
      </c>
      <c r="J575" s="20">
        <v>0</v>
      </c>
      <c r="K575" s="20">
        <v>1.4202272E-2</v>
      </c>
      <c r="L575" s="20">
        <v>5.786251</v>
      </c>
      <c r="M575" s="20">
        <v>0.14455119999999999</v>
      </c>
      <c r="N575" s="20">
        <v>0.16116874</v>
      </c>
      <c r="O575" s="20">
        <v>0.12428198</v>
      </c>
      <c r="P575" s="20">
        <v>0.32061149</v>
      </c>
      <c r="Q575" s="20">
        <f t="shared" si="16"/>
        <v>0.75061341000000004</v>
      </c>
      <c r="R575" s="20">
        <v>3.3063049000000002</v>
      </c>
      <c r="S575" s="20">
        <v>6.7861633000000005E-2</v>
      </c>
      <c r="T575" s="20">
        <v>0.11790544</v>
      </c>
      <c r="U575" s="20">
        <v>0.30277604000000002</v>
      </c>
      <c r="V575" s="20">
        <v>4.1555926000000003</v>
      </c>
      <c r="X575" s="20">
        <f t="shared" si="17"/>
        <v>4.5772823766205804</v>
      </c>
    </row>
    <row r="576" spans="2:24">
      <c r="B576" s="23">
        <v>0.75178240740933688</v>
      </c>
      <c r="C576" s="20">
        <v>3.9648960999999998</v>
      </c>
      <c r="D576" s="20">
        <v>0</v>
      </c>
      <c r="E576" s="20">
        <v>5.9439126000000002E-2</v>
      </c>
      <c r="F576" s="20">
        <v>0</v>
      </c>
      <c r="G576" s="20">
        <v>-4.5370602000000003E-2</v>
      </c>
      <c r="H576" s="20">
        <v>0</v>
      </c>
      <c r="I576" s="20">
        <v>3.9359562000000001E-3</v>
      </c>
      <c r="J576" s="20">
        <v>0</v>
      </c>
      <c r="K576" s="20">
        <v>3.2552349E-3</v>
      </c>
      <c r="L576" s="20">
        <v>6.5204070999999999</v>
      </c>
      <c r="M576" s="20">
        <v>0.16549336000000001</v>
      </c>
      <c r="N576" s="20">
        <v>0.16024437</v>
      </c>
      <c r="O576" s="20">
        <v>0.16349758</v>
      </c>
      <c r="P576" s="20">
        <v>0.32193924000000002</v>
      </c>
      <c r="Q576" s="20">
        <f t="shared" si="16"/>
        <v>0.81117455000000005</v>
      </c>
      <c r="R576" s="20">
        <v>3.4456992</v>
      </c>
      <c r="S576" s="20">
        <v>5.9439126000000002E-2</v>
      </c>
      <c r="T576" s="20">
        <v>8.8925947000000005E-2</v>
      </c>
      <c r="U576" s="20">
        <v>0.28933354</v>
      </c>
      <c r="V576" s="20">
        <v>4.4137430000000002</v>
      </c>
      <c r="X576" s="20">
        <f t="shared" si="17"/>
        <v>4.7931402046591103</v>
      </c>
    </row>
    <row r="577" spans="2:24">
      <c r="B577" s="23">
        <v>0.75231481481750961</v>
      </c>
      <c r="C577" s="20">
        <v>4.8883260000000002</v>
      </c>
      <c r="D577" s="20">
        <v>0</v>
      </c>
      <c r="E577" s="20">
        <v>4.9846751000000002E-2</v>
      </c>
      <c r="F577" s="20">
        <v>0</v>
      </c>
      <c r="G577" s="20">
        <v>-3.4771212000000003E-2</v>
      </c>
      <c r="H577" s="20">
        <v>0</v>
      </c>
      <c r="I577" s="20">
        <v>6.3656707000000002E-3</v>
      </c>
      <c r="J577" s="20">
        <v>0</v>
      </c>
      <c r="K577" s="20">
        <v>5.7584753000000004E-3</v>
      </c>
      <c r="L577" s="20">
        <v>7.7319971000000001</v>
      </c>
      <c r="M577" s="20">
        <v>0.16572254</v>
      </c>
      <c r="N577" s="20">
        <v>0.17045018000000001</v>
      </c>
      <c r="O577" s="20">
        <v>0.11978891999999999</v>
      </c>
      <c r="P577" s="20">
        <v>0.26911776999999998</v>
      </c>
      <c r="Q577" s="20">
        <f t="shared" si="16"/>
        <v>0.72507940999999998</v>
      </c>
      <c r="R577" s="20">
        <v>3.6185852000000001</v>
      </c>
      <c r="S577" s="20">
        <v>4.9846751000000002E-2</v>
      </c>
      <c r="T577" s="20">
        <v>9.8756735999999998E-2</v>
      </c>
      <c r="U577" s="20">
        <v>0.24890717000000001</v>
      </c>
      <c r="V577" s="20">
        <v>13.50812</v>
      </c>
      <c r="X577" s="20">
        <f t="shared" si="17"/>
        <v>13.857126150894599</v>
      </c>
    </row>
    <row r="578" spans="2:24">
      <c r="B578" s="23">
        <v>0.75284722222568234</v>
      </c>
      <c r="C578" s="20">
        <v>5.9622710999999997</v>
      </c>
      <c r="D578" s="20">
        <v>0</v>
      </c>
      <c r="E578" s="20">
        <v>2.1227381E-2</v>
      </c>
      <c r="F578" s="20">
        <v>0</v>
      </c>
      <c r="G578" s="20">
        <v>1.8369721999999999E-3</v>
      </c>
      <c r="H578" s="20">
        <v>0</v>
      </c>
      <c r="I578" s="20">
        <v>8.2383188E-3</v>
      </c>
      <c r="J578" s="20">
        <v>0</v>
      </c>
      <c r="K578" s="20">
        <v>1.1251348E-2</v>
      </c>
      <c r="L578" s="20">
        <v>8.8957201999999995</v>
      </c>
      <c r="M578" s="20">
        <v>0.21946578999999999</v>
      </c>
      <c r="N578" s="20">
        <v>1.102299E-2</v>
      </c>
      <c r="O578" s="20">
        <v>0.15381252000000001</v>
      </c>
      <c r="P578" s="20">
        <v>0.49007617999999997</v>
      </c>
      <c r="Q578" s="20">
        <f t="shared" si="16"/>
        <v>0.87437747999999993</v>
      </c>
      <c r="R578" s="20">
        <v>4.1406117</v>
      </c>
      <c r="S578" s="20">
        <v>2.1227381E-2</v>
      </c>
      <c r="T578" s="20">
        <v>0.18949903000000001</v>
      </c>
      <c r="U578" s="20">
        <v>0.18391608000000001</v>
      </c>
      <c r="V578" s="20">
        <v>18.921327999999999</v>
      </c>
      <c r="X578" s="20">
        <f t="shared" si="17"/>
        <v>19.296322725018101</v>
      </c>
    </row>
    <row r="579" spans="2:24">
      <c r="B579" s="23">
        <v>0.75336805555707542</v>
      </c>
      <c r="C579" s="20">
        <v>6.1471347999999999</v>
      </c>
      <c r="D579" s="20">
        <v>4.4679182999999997E-2</v>
      </c>
      <c r="E579" s="20">
        <v>2.2386067999999999E-2</v>
      </c>
      <c r="F579" s="20">
        <v>0</v>
      </c>
      <c r="G579" s="20">
        <v>-6.7865809999999999E-2</v>
      </c>
      <c r="H579" s="20">
        <v>0</v>
      </c>
      <c r="I579" s="20">
        <v>1.1422023999999999E-2</v>
      </c>
      <c r="J579" s="20">
        <v>0</v>
      </c>
      <c r="K579" s="20">
        <v>9.4647719999999998E-3</v>
      </c>
      <c r="L579" s="20">
        <v>8.7726582999999998</v>
      </c>
      <c r="M579" s="20">
        <v>8.0131468999999997E-2</v>
      </c>
      <c r="N579" s="20">
        <v>1.2283753E-2</v>
      </c>
      <c r="O579" s="20">
        <v>0.17651101999999999</v>
      </c>
      <c r="P579" s="20">
        <v>0.61592258</v>
      </c>
      <c r="Q579" s="20">
        <f t="shared" si="16"/>
        <v>0.88484882199999992</v>
      </c>
      <c r="R579" s="20">
        <v>4.3504000999999999</v>
      </c>
      <c r="S579" s="20">
        <v>6.7065250000000007E-2</v>
      </c>
      <c r="T579" s="20">
        <v>0.27597385000000002</v>
      </c>
      <c r="U579" s="20">
        <v>0.17774248000000001</v>
      </c>
      <c r="V579" s="20">
        <v>10.008944</v>
      </c>
      <c r="X579" s="20">
        <f t="shared" si="17"/>
        <v>10.464249509340901</v>
      </c>
    </row>
    <row r="580" spans="2:24">
      <c r="B580" s="23">
        <v>0.75387731481168885</v>
      </c>
      <c r="C580" s="20">
        <v>5.6812389000000003</v>
      </c>
      <c r="D580" s="20">
        <v>0.13211977</v>
      </c>
      <c r="E580" s="20">
        <v>1.5470414E-2</v>
      </c>
      <c r="F580" s="20">
        <v>0</v>
      </c>
      <c r="G580" s="20">
        <v>-4.1014273E-3</v>
      </c>
      <c r="H580" s="20">
        <v>0</v>
      </c>
      <c r="I580" s="20">
        <v>9.2302996999999998E-3</v>
      </c>
      <c r="J580" s="20">
        <v>0</v>
      </c>
      <c r="K580" s="20">
        <v>7.9011783000000006E-3</v>
      </c>
      <c r="L580" s="20">
        <v>7.5880280999999998</v>
      </c>
      <c r="M580" s="20">
        <v>0.12385694999999999</v>
      </c>
      <c r="N580" s="20">
        <v>2.6493096000000001E-3</v>
      </c>
      <c r="O580" s="20">
        <v>0.28469051000000001</v>
      </c>
      <c r="P580" s="20">
        <v>0.69225362999999995</v>
      </c>
      <c r="Q580" s="20">
        <f t="shared" si="16"/>
        <v>1.1034503996</v>
      </c>
      <c r="R580" s="20">
        <v>3.6216373000000002</v>
      </c>
      <c r="S580" s="20">
        <v>0.14759017999999999</v>
      </c>
      <c r="T580" s="20">
        <v>0.25741554999999999</v>
      </c>
      <c r="U580" s="20">
        <v>0.26098631999999999</v>
      </c>
      <c r="V580" s="20">
        <v>6.5028587</v>
      </c>
      <c r="X580" s="20">
        <f t="shared" si="17"/>
        <v>7.0227286627814296</v>
      </c>
    </row>
    <row r="581" spans="2:24">
      <c r="B581" s="23">
        <v>0.75437499999679858</v>
      </c>
      <c r="C581" s="20">
        <v>4.9118152999999998</v>
      </c>
      <c r="D581" s="20">
        <v>0.12577677000000001</v>
      </c>
      <c r="E581" s="20">
        <v>1.7083385999999999E-2</v>
      </c>
      <c r="F581" s="20">
        <v>1.8954505999999999E-2</v>
      </c>
      <c r="G581" s="20">
        <v>0.12442828</v>
      </c>
      <c r="H581" s="20">
        <v>0</v>
      </c>
      <c r="I581" s="20">
        <v>7.4869159999999997E-3</v>
      </c>
      <c r="J581" s="20">
        <v>0</v>
      </c>
      <c r="K581" s="20">
        <v>2.0928613999999998E-3</v>
      </c>
      <c r="L581" s="20">
        <v>6.1460128000000003</v>
      </c>
      <c r="M581" s="20">
        <v>0.27303466999999998</v>
      </c>
      <c r="N581" s="20">
        <v>9.4285370000000007E-3</v>
      </c>
      <c r="O581" s="20">
        <v>0.20037361000000001</v>
      </c>
      <c r="P581" s="20">
        <v>0.51026853000000005</v>
      </c>
      <c r="Q581" s="20">
        <f t="shared" si="16"/>
        <v>0.99310534700000008</v>
      </c>
      <c r="R581" s="20">
        <v>2.9297233</v>
      </c>
      <c r="S581" s="20">
        <v>0.14286014999999999</v>
      </c>
      <c r="T581" s="20">
        <v>0.21054654</v>
      </c>
      <c r="U581" s="20">
        <v>0.39405303000000003</v>
      </c>
      <c r="V581" s="20">
        <v>5.1257687000000001</v>
      </c>
      <c r="X581" s="20">
        <f t="shared" si="17"/>
        <v>5.7316172316316392</v>
      </c>
    </row>
    <row r="582" spans="2:24">
      <c r="B582" s="23">
        <v>0.75487268518190831</v>
      </c>
      <c r="C582" s="20">
        <v>4.5076960000000001</v>
      </c>
      <c r="D582" s="20">
        <v>5.1184027E-2</v>
      </c>
      <c r="E582" s="20">
        <v>1.9069036000000001E-2</v>
      </c>
      <c r="F582" s="20">
        <v>2.6981494000000002E-2</v>
      </c>
      <c r="G582" s="20">
        <v>-4.2703480000000002E-2</v>
      </c>
      <c r="H582" s="20">
        <v>0</v>
      </c>
      <c r="I582" s="20">
        <v>1.0493146E-2</v>
      </c>
      <c r="J582" s="20">
        <v>0</v>
      </c>
      <c r="K582" s="20">
        <v>1.6230128E-2</v>
      </c>
      <c r="L582" s="20">
        <v>5.2431597999999999</v>
      </c>
      <c r="M582" s="20">
        <v>0.24498067000000001</v>
      </c>
      <c r="N582" s="20">
        <v>1.1517863999999999E-2</v>
      </c>
      <c r="O582" s="20">
        <v>0.20453572</v>
      </c>
      <c r="P582" s="20">
        <v>0.45630813999999997</v>
      </c>
      <c r="Q582" s="20">
        <f t="shared" si="16"/>
        <v>0.91734239399999995</v>
      </c>
      <c r="R582" s="20">
        <v>2.5432614</v>
      </c>
      <c r="S582" s="20">
        <v>7.0253063000000004E-2</v>
      </c>
      <c r="T582" s="20">
        <v>0.14556709000000001</v>
      </c>
      <c r="U582" s="20">
        <v>0.45886180999999998</v>
      </c>
      <c r="V582" s="20">
        <v>5.7138400000000003</v>
      </c>
      <c r="X582" s="20">
        <f t="shared" si="17"/>
        <v>6.3193508705608004</v>
      </c>
    </row>
    <row r="583" spans="2:24">
      <c r="B583" s="23">
        <v>0.75537037036701804</v>
      </c>
      <c r="C583" s="20">
        <v>5.1189437</v>
      </c>
      <c r="D583" s="20">
        <v>0</v>
      </c>
      <c r="E583" s="20">
        <v>8.0803947999999997E-3</v>
      </c>
      <c r="F583" s="20">
        <v>2.5682780999999998E-2</v>
      </c>
      <c r="G583" s="20">
        <v>-7.8329001999999995E-3</v>
      </c>
      <c r="H583" s="20">
        <v>0</v>
      </c>
      <c r="I583" s="20">
        <v>4.0346185E-3</v>
      </c>
      <c r="J583" s="20">
        <v>0</v>
      </c>
      <c r="K583" s="20">
        <v>2.2498061E-2</v>
      </c>
      <c r="L583" s="20">
        <v>6.3583094999999998</v>
      </c>
      <c r="M583" s="20">
        <v>0.25510456999999997</v>
      </c>
      <c r="N583" s="20">
        <v>0.23819097</v>
      </c>
      <c r="O583" s="20">
        <v>0.15720834</v>
      </c>
      <c r="P583" s="20">
        <v>0.29789162000000002</v>
      </c>
      <c r="Q583" s="20">
        <f t="shared" si="16"/>
        <v>0.94839550000000006</v>
      </c>
      <c r="R583" s="20">
        <v>3.0886743000000001</v>
      </c>
      <c r="S583" s="20">
        <v>8.0803947999999997E-3</v>
      </c>
      <c r="T583" s="20">
        <v>0.19094525000000001</v>
      </c>
      <c r="U583" s="20">
        <v>0.38239514000000002</v>
      </c>
      <c r="V583" s="20">
        <v>17.649148</v>
      </c>
      <c r="X583" s="20">
        <f t="shared" si="17"/>
        <v>18.223737009204989</v>
      </c>
    </row>
    <row r="584" spans="2:24">
      <c r="B584" s="23">
        <v>0.75586805555212777</v>
      </c>
      <c r="C584" s="20">
        <v>5.9546070000000002</v>
      </c>
      <c r="D584" s="20">
        <v>0</v>
      </c>
      <c r="E584" s="20">
        <v>0</v>
      </c>
      <c r="F584" s="20">
        <v>0</v>
      </c>
      <c r="G584" s="20">
        <v>-2.3029583999999999E-2</v>
      </c>
      <c r="H584" s="20">
        <v>0</v>
      </c>
      <c r="I584" s="20">
        <v>0</v>
      </c>
      <c r="J584" s="20">
        <v>0</v>
      </c>
      <c r="K584" s="20">
        <v>1.9703436000000001E-2</v>
      </c>
      <c r="L584" s="20">
        <v>8.0863016999999999</v>
      </c>
      <c r="M584" s="20">
        <v>9.3864469000000006E-2</v>
      </c>
      <c r="N584" s="20">
        <v>0.22850619999999999</v>
      </c>
      <c r="O584" s="20">
        <v>0.20942147</v>
      </c>
      <c r="P584" s="20">
        <v>0.37938871000000002</v>
      </c>
      <c r="Q584" s="20">
        <f t="shared" ref="Q584:Q647" si="18">M584+N584+O584+P584</f>
        <v>0.91118084899999996</v>
      </c>
      <c r="R584" s="20">
        <v>3.9147015999999999</v>
      </c>
      <c r="S584" s="20">
        <v>0</v>
      </c>
      <c r="T584" s="20">
        <v>0.28642575999999997</v>
      </c>
      <c r="U584" s="20">
        <v>0.25404702000000001</v>
      </c>
      <c r="V584" s="20">
        <v>20.592103000000002</v>
      </c>
      <c r="X584" s="20">
        <f t="shared" ref="X584:X647" si="19">(SUM(C584:S584)-Q584-R584)/10000+SUM(T584:V584)</f>
        <v>21.134070656340104</v>
      </c>
    </row>
    <row r="585" spans="2:24">
      <c r="B585" s="23">
        <v>0.75637731481401715</v>
      </c>
      <c r="C585" s="20">
        <v>7.0817446999999998</v>
      </c>
      <c r="D585" s="20">
        <v>0.13599447000000001</v>
      </c>
      <c r="E585" s="20">
        <v>0</v>
      </c>
      <c r="F585" s="20">
        <v>0</v>
      </c>
      <c r="G585" s="20">
        <v>-1.6128172999999999E-2</v>
      </c>
      <c r="H585" s="20">
        <v>0</v>
      </c>
      <c r="I585" s="20">
        <v>0</v>
      </c>
      <c r="J585" s="20">
        <v>0</v>
      </c>
      <c r="K585" s="20">
        <v>2.1440028999999999E-2</v>
      </c>
      <c r="L585" s="20">
        <v>10.110352000000001</v>
      </c>
      <c r="M585" s="20">
        <v>0.1036086</v>
      </c>
      <c r="N585" s="20">
        <v>0.22258976</v>
      </c>
      <c r="O585" s="20">
        <v>0.1799936</v>
      </c>
      <c r="P585" s="20">
        <v>0.25090211000000001</v>
      </c>
      <c r="Q585" s="20">
        <f t="shared" si="18"/>
        <v>0.75709406999999995</v>
      </c>
      <c r="R585" s="20">
        <v>4.9972548999999997</v>
      </c>
      <c r="S585" s="20">
        <v>0.13599447000000001</v>
      </c>
      <c r="T585" s="20">
        <v>0.38325614000000002</v>
      </c>
      <c r="U585" s="20">
        <v>0.11795393999999999</v>
      </c>
      <c r="V585" s="20">
        <v>21.350210000000001</v>
      </c>
      <c r="X585" s="20">
        <f t="shared" si="19"/>
        <v>21.853242729156602</v>
      </c>
    </row>
    <row r="586" spans="2:24">
      <c r="B586" s="23">
        <v>0.75687499999912689</v>
      </c>
      <c r="C586" s="20">
        <v>7.1636335999999998</v>
      </c>
      <c r="D586" s="20">
        <v>0.12338366000000001</v>
      </c>
      <c r="E586" s="20">
        <v>0</v>
      </c>
      <c r="F586" s="20">
        <v>0</v>
      </c>
      <c r="G586" s="20">
        <v>-3.2264294999999998E-2</v>
      </c>
      <c r="H586" s="20">
        <v>0</v>
      </c>
      <c r="I586" s="20">
        <v>2.0261286000000001E-3</v>
      </c>
      <c r="J586" s="20">
        <v>0</v>
      </c>
      <c r="K586" s="20">
        <v>2.1994969E-2</v>
      </c>
      <c r="L586" s="20">
        <v>10.434974</v>
      </c>
      <c r="M586" s="20">
        <v>7.7186870000000005E-2</v>
      </c>
      <c r="N586" s="20">
        <v>0</v>
      </c>
      <c r="O586" s="20">
        <v>0.25605871000000002</v>
      </c>
      <c r="P586" s="20">
        <v>0.37062496</v>
      </c>
      <c r="Q586" s="20">
        <f t="shared" si="18"/>
        <v>0.70387054000000004</v>
      </c>
      <c r="R586" s="20">
        <v>5.1076334000000001</v>
      </c>
      <c r="S586" s="20">
        <v>0.12338366000000001</v>
      </c>
      <c r="T586" s="20">
        <v>0.47285438000000002</v>
      </c>
      <c r="U586" s="20">
        <v>7.0122831999999996E-2</v>
      </c>
      <c r="V586" s="20">
        <v>21.636759999999999</v>
      </c>
      <c r="X586" s="20">
        <f t="shared" si="19"/>
        <v>22.18159131222626</v>
      </c>
    </row>
    <row r="587" spans="2:24">
      <c r="B587" s="23">
        <v>0.75737268518423662</v>
      </c>
      <c r="C587" s="20">
        <v>6.9669827</v>
      </c>
      <c r="D587" s="20">
        <v>0.23887688000000001</v>
      </c>
      <c r="E587" s="20">
        <v>0</v>
      </c>
      <c r="F587" s="20">
        <v>0</v>
      </c>
      <c r="G587" s="20">
        <v>-1.5955476999999999E-2</v>
      </c>
      <c r="H587" s="20">
        <v>0</v>
      </c>
      <c r="I587" s="20">
        <v>7.4660916000000004E-3</v>
      </c>
      <c r="J587" s="20">
        <v>0</v>
      </c>
      <c r="K587" s="20">
        <v>1.9813694E-2</v>
      </c>
      <c r="L587" s="20">
        <v>10.063262999999999</v>
      </c>
      <c r="M587" s="20">
        <v>7.4086211999999999E-2</v>
      </c>
      <c r="N587" s="20">
        <v>0.33261726000000003</v>
      </c>
      <c r="O587" s="20">
        <v>0.32839592000000001</v>
      </c>
      <c r="P587" s="20">
        <v>0.40107451999999999</v>
      </c>
      <c r="Q587" s="20">
        <f t="shared" si="18"/>
        <v>1.1361739119999998</v>
      </c>
      <c r="R587" s="20">
        <v>4.9899047000000003</v>
      </c>
      <c r="S587" s="20">
        <v>0.23887688000000001</v>
      </c>
      <c r="T587" s="20">
        <v>0.51966235000000005</v>
      </c>
      <c r="U587" s="20">
        <v>4.5316618000000003E-2</v>
      </c>
      <c r="V587" s="20">
        <v>21.669554000000002</v>
      </c>
      <c r="X587" s="20">
        <f t="shared" si="19"/>
        <v>22.236398517768059</v>
      </c>
    </row>
    <row r="588" spans="2:24">
      <c r="B588" s="23">
        <v>0.75787037036934635</v>
      </c>
      <c r="C588" s="20">
        <v>6.6386291000000002</v>
      </c>
      <c r="D588" s="20">
        <v>8.5400813000000006E-2</v>
      </c>
      <c r="E588" s="20">
        <v>0</v>
      </c>
      <c r="F588" s="20">
        <v>0</v>
      </c>
      <c r="G588" s="20">
        <v>-7.3343825000000001E-3</v>
      </c>
      <c r="H588" s="20">
        <v>0</v>
      </c>
      <c r="I588" s="20">
        <v>4.7287661999999998E-3</v>
      </c>
      <c r="J588" s="20">
        <v>1.8133322E-3</v>
      </c>
      <c r="K588" s="20">
        <v>2.53355E-2</v>
      </c>
      <c r="L588" s="20">
        <v>9.5497440000000005</v>
      </c>
      <c r="M588" s="20">
        <v>0.18923261999999999</v>
      </c>
      <c r="N588" s="20">
        <v>0.39748759</v>
      </c>
      <c r="O588" s="20">
        <v>0.37695591000000001</v>
      </c>
      <c r="P588" s="20">
        <v>0.52822495999999997</v>
      </c>
      <c r="Q588" s="20">
        <f t="shared" si="18"/>
        <v>1.4919010799999999</v>
      </c>
      <c r="R588" s="20">
        <v>4.7636495999999999</v>
      </c>
      <c r="S588" s="20">
        <v>8.5400813000000006E-2</v>
      </c>
      <c r="T588" s="20">
        <v>0.51585976</v>
      </c>
      <c r="U588" s="20">
        <v>2.4145360000000001E-2</v>
      </c>
      <c r="V588" s="20">
        <v>21.691469000000001</v>
      </c>
      <c r="X588" s="20">
        <f t="shared" si="19"/>
        <v>22.233261681902192</v>
      </c>
    </row>
    <row r="589" spans="2:24">
      <c r="B589" s="23">
        <v>0.75837962963123573</v>
      </c>
      <c r="C589" s="20">
        <v>6.6854760000000004</v>
      </c>
      <c r="D589" s="20">
        <v>9.5815790999999997E-2</v>
      </c>
      <c r="E589" s="20">
        <v>0</v>
      </c>
      <c r="F589" s="20">
        <v>0</v>
      </c>
      <c r="G589" s="20">
        <v>2.2916511000000001E-3</v>
      </c>
      <c r="H589" s="20">
        <v>0</v>
      </c>
      <c r="I589" s="20">
        <v>4.8264316000000002E-3</v>
      </c>
      <c r="J589" s="20">
        <v>0</v>
      </c>
      <c r="K589" s="20">
        <v>2.1517649999999999E-2</v>
      </c>
      <c r="L589" s="20">
        <v>9.5076178000000002</v>
      </c>
      <c r="M589" s="20">
        <v>0.51546643999999997</v>
      </c>
      <c r="N589" s="20">
        <v>0.39008449000000001</v>
      </c>
      <c r="O589" s="20">
        <v>0.28584808</v>
      </c>
      <c r="P589" s="20">
        <v>0.54518595000000003</v>
      </c>
      <c r="Q589" s="20">
        <f t="shared" si="18"/>
        <v>1.7365849600000001</v>
      </c>
      <c r="R589" s="20">
        <v>4.8491515999999999</v>
      </c>
      <c r="S589" s="20">
        <v>9.5815790999999997E-2</v>
      </c>
      <c r="T589" s="20">
        <v>0.51771917000000001</v>
      </c>
      <c r="U589" s="20">
        <v>1.9613839000000001E-2</v>
      </c>
      <c r="V589" s="20">
        <v>21.589276999999999</v>
      </c>
      <c r="X589" s="20">
        <f t="shared" si="19"/>
        <v>22.128425003607472</v>
      </c>
    </row>
    <row r="590" spans="2:24">
      <c r="B590" s="23">
        <v>0.75887731481634546</v>
      </c>
      <c r="C590" s="20">
        <v>6.5874952999999996</v>
      </c>
      <c r="D590" s="20">
        <v>0.12516617999999999</v>
      </c>
      <c r="E590" s="20">
        <v>0</v>
      </c>
      <c r="F590" s="20">
        <v>0</v>
      </c>
      <c r="G590" s="20">
        <v>-9.7888799000000002E-3</v>
      </c>
      <c r="H590" s="20">
        <v>0</v>
      </c>
      <c r="I590" s="20">
        <v>8.9401246999999996E-3</v>
      </c>
      <c r="J590" s="20">
        <v>0</v>
      </c>
      <c r="K590" s="20">
        <v>5.3696762000000002E-2</v>
      </c>
      <c r="L590" s="20">
        <v>9.4768852999999993</v>
      </c>
      <c r="M590" s="20">
        <v>0.52278429999999998</v>
      </c>
      <c r="N590" s="20">
        <v>0.21042004</v>
      </c>
      <c r="O590" s="20">
        <v>0.15572526</v>
      </c>
      <c r="P590" s="20">
        <v>0.45725503000000001</v>
      </c>
      <c r="Q590" s="20">
        <f t="shared" si="18"/>
        <v>1.34618463</v>
      </c>
      <c r="R590" s="20">
        <v>4.942259</v>
      </c>
      <c r="S590" s="20">
        <v>0.12516617999999999</v>
      </c>
      <c r="T590" s="20">
        <v>0.51011455000000006</v>
      </c>
      <c r="U590" s="20">
        <v>2.4118441000000001E-2</v>
      </c>
      <c r="V590" s="20">
        <v>21.614812000000001</v>
      </c>
      <c r="X590" s="20">
        <f t="shared" si="19"/>
        <v>22.150816365559681</v>
      </c>
    </row>
    <row r="591" spans="2:24">
      <c r="B591" s="23">
        <v>0.75937500000145519</v>
      </c>
      <c r="C591" s="20">
        <v>6.1293090000000001</v>
      </c>
      <c r="D591" s="20">
        <v>0.23338001</v>
      </c>
      <c r="E591" s="20">
        <v>0</v>
      </c>
      <c r="F591" s="20">
        <v>0</v>
      </c>
      <c r="G591" s="20">
        <v>-6.9574038999999999E-3</v>
      </c>
      <c r="H591" s="20">
        <v>0</v>
      </c>
      <c r="I591" s="20">
        <v>1.5235312999999999E-3</v>
      </c>
      <c r="J591" s="20">
        <v>0</v>
      </c>
      <c r="K591" s="20">
        <v>8.6347172E-2</v>
      </c>
      <c r="L591" s="20">
        <v>8.7616748999999992</v>
      </c>
      <c r="M591" s="20">
        <v>0.54007886000000005</v>
      </c>
      <c r="N591" s="20">
        <v>0.14635179000000001</v>
      </c>
      <c r="O591" s="20">
        <v>7.5011422999999994E-2</v>
      </c>
      <c r="P591" s="20">
        <v>0.53591162000000003</v>
      </c>
      <c r="Q591" s="20">
        <f t="shared" si="18"/>
        <v>1.297353693</v>
      </c>
      <c r="R591" s="20">
        <v>4.4248911</v>
      </c>
      <c r="S591" s="20">
        <v>0.23338001</v>
      </c>
      <c r="T591" s="20">
        <v>0.51739380000000001</v>
      </c>
      <c r="U591" s="20">
        <v>4.0687726E-2</v>
      </c>
      <c r="V591" s="20">
        <v>21.466919000000001</v>
      </c>
      <c r="X591" s="20">
        <f t="shared" si="19"/>
        <v>22.026674127091241</v>
      </c>
    </row>
    <row r="592" spans="2:24">
      <c r="B592" s="23">
        <v>0.75987268518656492</v>
      </c>
      <c r="C592" s="20">
        <v>5.6204516</v>
      </c>
      <c r="D592" s="20">
        <v>0.23858729000000001</v>
      </c>
      <c r="E592" s="20">
        <v>0</v>
      </c>
      <c r="F592" s="20">
        <v>0</v>
      </c>
      <c r="G592" s="20">
        <v>-3.0422152000000001E-2</v>
      </c>
      <c r="H592" s="20">
        <v>0</v>
      </c>
      <c r="I592" s="20">
        <v>2.6753646000000002E-3</v>
      </c>
      <c r="J592" s="20">
        <v>0</v>
      </c>
      <c r="K592" s="20">
        <v>8.8026597999999998E-2</v>
      </c>
      <c r="L592" s="20">
        <v>8.0230821999999993</v>
      </c>
      <c r="M592" s="20">
        <v>0.54644696000000004</v>
      </c>
      <c r="N592" s="20">
        <v>0.22596806</v>
      </c>
      <c r="O592" s="20">
        <v>3.2747991999999997E-2</v>
      </c>
      <c r="P592" s="20">
        <v>0.4442604</v>
      </c>
      <c r="Q592" s="20">
        <f t="shared" si="18"/>
        <v>1.2494234120000001</v>
      </c>
      <c r="R592" s="20">
        <v>4.2519710000000002</v>
      </c>
      <c r="S592" s="20">
        <v>0.23858729000000001</v>
      </c>
      <c r="T592" s="20">
        <v>0.49626503999999999</v>
      </c>
      <c r="U592" s="20">
        <v>4.4113142000000001E-2</v>
      </c>
      <c r="V592" s="20">
        <v>21.466919000000001</v>
      </c>
      <c r="X592" s="20">
        <f t="shared" si="19"/>
        <v>22.008840223160263</v>
      </c>
    </row>
    <row r="593" spans="2:24">
      <c r="B593" s="23">
        <v>0.76037037037167465</v>
      </c>
      <c r="C593" s="20">
        <v>5.2615129999999999</v>
      </c>
      <c r="D593" s="20">
        <v>6.9586972999999996E-2</v>
      </c>
      <c r="E593" s="20">
        <v>0</v>
      </c>
      <c r="F593" s="20">
        <v>0</v>
      </c>
      <c r="G593" s="20">
        <v>-5.3602435000000004E-3</v>
      </c>
      <c r="H593" s="20">
        <v>0</v>
      </c>
      <c r="I593" s="20">
        <v>0</v>
      </c>
      <c r="J593" s="20">
        <v>0</v>
      </c>
      <c r="K593" s="20">
        <v>6.0342119999999999E-2</v>
      </c>
      <c r="L593" s="20">
        <v>7.3236623999999999</v>
      </c>
      <c r="M593" s="20">
        <v>0.60410867000000001</v>
      </c>
      <c r="N593" s="20">
        <v>0.15401740999999999</v>
      </c>
      <c r="O593" s="20">
        <v>0.14111276</v>
      </c>
      <c r="P593" s="20">
        <v>0.51699196999999997</v>
      </c>
      <c r="Q593" s="20">
        <f t="shared" si="18"/>
        <v>1.4162308100000001</v>
      </c>
      <c r="R593" s="20">
        <v>3.5173318</v>
      </c>
      <c r="S593" s="20">
        <v>6.9586972999999996E-2</v>
      </c>
      <c r="T593" s="20">
        <v>0.45830665999999998</v>
      </c>
      <c r="U593" s="20">
        <v>5.6988246999999999E-2</v>
      </c>
      <c r="V593" s="20">
        <v>21.497999</v>
      </c>
      <c r="X593" s="20">
        <f t="shared" si="19"/>
        <v>22.01471346320325</v>
      </c>
    </row>
    <row r="594" spans="2:24">
      <c r="B594" s="23">
        <v>0.76087962962628808</v>
      </c>
      <c r="C594" s="20">
        <v>5.2715668000000004</v>
      </c>
      <c r="D594" s="20">
        <v>0.18199688999999999</v>
      </c>
      <c r="E594" s="20">
        <v>0</v>
      </c>
      <c r="F594" s="20">
        <v>0</v>
      </c>
      <c r="G594" s="20">
        <v>-2.20921E-2</v>
      </c>
      <c r="H594" s="20">
        <v>0</v>
      </c>
      <c r="I594" s="20">
        <v>8.2695304000000001E-4</v>
      </c>
      <c r="J594" s="20">
        <v>1.0330166E-4</v>
      </c>
      <c r="K594" s="20">
        <v>3.863747E-2</v>
      </c>
      <c r="L594" s="20">
        <v>7.3718738999999998</v>
      </c>
      <c r="M594" s="20">
        <v>0.45640191000000002</v>
      </c>
      <c r="N594" s="20">
        <v>0.16811586000000001</v>
      </c>
      <c r="O594" s="20">
        <v>0.22842986000000001</v>
      </c>
      <c r="P594" s="20">
        <v>0.34507038000000001</v>
      </c>
      <c r="Q594" s="20">
        <f t="shared" si="18"/>
        <v>1.19801801</v>
      </c>
      <c r="R594" s="20">
        <v>3.1125948000000001</v>
      </c>
      <c r="S594" s="20">
        <v>0.18199688999999999</v>
      </c>
      <c r="T594" s="20">
        <v>0.47394092999999998</v>
      </c>
      <c r="U594" s="20">
        <v>5.0527464000000001E-2</v>
      </c>
      <c r="V594" s="20">
        <v>21.206043000000001</v>
      </c>
      <c r="X594" s="20">
        <f t="shared" si="19"/>
        <v>21.73193368681147</v>
      </c>
    </row>
    <row r="595" spans="2:24">
      <c r="B595" s="23">
        <v>0.76137731481139781</v>
      </c>
      <c r="C595" s="20">
        <v>5.5551947000000004</v>
      </c>
      <c r="D595" s="20">
        <v>0.18463236</v>
      </c>
      <c r="E595" s="20">
        <v>1.101194E-2</v>
      </c>
      <c r="F595" s="20">
        <v>0</v>
      </c>
      <c r="G595" s="20">
        <v>-5.5470802E-2</v>
      </c>
      <c r="H595" s="20">
        <v>0</v>
      </c>
      <c r="I595" s="20">
        <v>0</v>
      </c>
      <c r="J595" s="20">
        <v>1.1384958000000001E-3</v>
      </c>
      <c r="K595" s="20">
        <v>4.0053076E-2</v>
      </c>
      <c r="L595" s="20">
        <v>7.4669420000000004</v>
      </c>
      <c r="M595" s="20">
        <v>0.21473763000000001</v>
      </c>
      <c r="N595" s="20">
        <v>0.25540879</v>
      </c>
      <c r="O595" s="20">
        <v>0.22650729999999999</v>
      </c>
      <c r="P595" s="20">
        <v>0.36183124999999999</v>
      </c>
      <c r="Q595" s="20">
        <f t="shared" si="18"/>
        <v>1.0584849700000001</v>
      </c>
      <c r="R595" s="20">
        <v>2.6023266999999999</v>
      </c>
      <c r="S595" s="20">
        <v>0.19564429999999999</v>
      </c>
      <c r="T595" s="20">
        <v>0.48404883999999998</v>
      </c>
      <c r="U595" s="20">
        <v>3.4532971000000003E-2</v>
      </c>
      <c r="V595" s="20">
        <v>21.551186000000001</v>
      </c>
      <c r="X595" s="20">
        <f t="shared" si="19"/>
        <v>22.071213574103982</v>
      </c>
    </row>
    <row r="596" spans="2:24">
      <c r="B596" s="23">
        <v>0.76187499999650754</v>
      </c>
      <c r="C596" s="20">
        <v>5.7985667000000003</v>
      </c>
      <c r="D596" s="20">
        <v>0.26471009000000001</v>
      </c>
      <c r="E596" s="20">
        <v>8.9716034999999996E-3</v>
      </c>
      <c r="F596" s="20">
        <v>0</v>
      </c>
      <c r="G596" s="20">
        <v>-2.1611735E-2</v>
      </c>
      <c r="H596" s="20">
        <v>0</v>
      </c>
      <c r="I596" s="20">
        <v>0</v>
      </c>
      <c r="J596" s="20">
        <v>0</v>
      </c>
      <c r="K596" s="20">
        <v>3.9080987999999997E-2</v>
      </c>
      <c r="L596" s="20">
        <v>7.6627273999999996</v>
      </c>
      <c r="M596" s="20">
        <v>0.15938336</v>
      </c>
      <c r="N596" s="20">
        <v>0.17297926</v>
      </c>
      <c r="O596" s="20">
        <v>0.17554536000000001</v>
      </c>
      <c r="P596" s="20">
        <v>0.37960315</v>
      </c>
      <c r="Q596" s="20">
        <f t="shared" si="18"/>
        <v>0.88751113000000004</v>
      </c>
      <c r="R596" s="20">
        <v>3.1243042999999999</v>
      </c>
      <c r="S596" s="20">
        <v>0.27368168999999998</v>
      </c>
      <c r="T596" s="20">
        <v>0.49909520000000002</v>
      </c>
      <c r="U596" s="20">
        <v>4.6903264E-3</v>
      </c>
      <c r="V596" s="20">
        <v>21.700645999999999</v>
      </c>
      <c r="X596" s="20">
        <f t="shared" si="19"/>
        <v>22.205922890186649</v>
      </c>
    </row>
    <row r="597" spans="2:24">
      <c r="B597" s="23">
        <v>0.76237268518161727</v>
      </c>
      <c r="C597" s="20">
        <v>6.0483200000000004</v>
      </c>
      <c r="D597" s="20">
        <v>5.3043531999999997E-2</v>
      </c>
      <c r="E597" s="20">
        <v>5.1778262E-3</v>
      </c>
      <c r="F597" s="20">
        <v>0</v>
      </c>
      <c r="G597" s="20">
        <v>-3.6970279000000002E-2</v>
      </c>
      <c r="H597" s="20">
        <v>0</v>
      </c>
      <c r="I597" s="20">
        <v>1.6228388E-3</v>
      </c>
      <c r="J597" s="20">
        <v>0</v>
      </c>
      <c r="K597" s="20">
        <v>1.4502232E-2</v>
      </c>
      <c r="L597" s="20">
        <v>7.8862474999999996</v>
      </c>
      <c r="M597" s="20">
        <v>0.16963095</v>
      </c>
      <c r="N597" s="20">
        <v>0.41223953000000002</v>
      </c>
      <c r="O597" s="20">
        <v>8.7565298999999999E-2</v>
      </c>
      <c r="P597" s="20">
        <v>0.34946806000000002</v>
      </c>
      <c r="Q597" s="20">
        <f t="shared" si="18"/>
        <v>1.018903839</v>
      </c>
      <c r="R597" s="20">
        <v>3.7406353999999999</v>
      </c>
      <c r="S597" s="20">
        <v>5.8221358000000001E-2</v>
      </c>
      <c r="T597" s="20">
        <v>0.49821190999999998</v>
      </c>
      <c r="U597" s="20">
        <v>0</v>
      </c>
      <c r="V597" s="20">
        <v>21.746234000000001</v>
      </c>
      <c r="X597" s="20">
        <f t="shared" si="19"/>
        <v>22.245950816884701</v>
      </c>
    </row>
    <row r="598" spans="2:24">
      <c r="B598" s="23">
        <v>0.76287037037400296</v>
      </c>
      <c r="C598" s="20">
        <v>5.8624812999999998</v>
      </c>
      <c r="D598" s="20">
        <v>0.14477598</v>
      </c>
      <c r="E598" s="20">
        <v>0</v>
      </c>
      <c r="F598" s="20">
        <v>0</v>
      </c>
      <c r="G598" s="20">
        <v>-1.210105E-2</v>
      </c>
      <c r="H598" s="20">
        <v>0</v>
      </c>
      <c r="I598" s="20">
        <v>1.4575193999999999E-3</v>
      </c>
      <c r="J598" s="20">
        <v>0</v>
      </c>
      <c r="K598" s="20">
        <v>1.8130815000000002E-2</v>
      </c>
      <c r="L598" s="20">
        <v>7.7525348000000003</v>
      </c>
      <c r="M598" s="20">
        <v>5.7542718999999999E-2</v>
      </c>
      <c r="N598" s="20">
        <v>0.24612827000000001</v>
      </c>
      <c r="O598" s="20">
        <v>0.16820128000000001</v>
      </c>
      <c r="P598" s="20">
        <v>0.52298962000000004</v>
      </c>
      <c r="Q598" s="20">
        <f t="shared" si="18"/>
        <v>0.99486188900000005</v>
      </c>
      <c r="R598" s="20">
        <v>4.1606809</v>
      </c>
      <c r="S598" s="20">
        <v>0.14477598</v>
      </c>
      <c r="T598" s="20">
        <v>0.48189957999999999</v>
      </c>
      <c r="U598" s="20">
        <v>1.3720014000000001E-2</v>
      </c>
      <c r="V598" s="20">
        <v>21.489308999999999</v>
      </c>
      <c r="X598" s="20">
        <f t="shared" si="19"/>
        <v>21.98641928572334</v>
      </c>
    </row>
    <row r="599" spans="2:24">
      <c r="B599" s="23">
        <v>0.76336805555911269</v>
      </c>
      <c r="C599" s="20">
        <v>5.9785304000000004</v>
      </c>
      <c r="D599" s="20">
        <v>8.1122736000000001E-2</v>
      </c>
      <c r="E599" s="20">
        <v>0</v>
      </c>
      <c r="F599" s="20">
        <v>0</v>
      </c>
      <c r="G599" s="20">
        <v>-1.0701502999999999E-2</v>
      </c>
      <c r="H599" s="20">
        <v>0</v>
      </c>
      <c r="I599" s="20">
        <v>0</v>
      </c>
      <c r="J599" s="20">
        <v>0</v>
      </c>
      <c r="K599" s="20">
        <v>1.8525041999999999E-2</v>
      </c>
      <c r="L599" s="20">
        <v>7.8181513999999996</v>
      </c>
      <c r="M599" s="20">
        <v>1.219544E-2</v>
      </c>
      <c r="N599" s="20">
        <v>0.27044828999999998</v>
      </c>
      <c r="O599" s="20">
        <v>0.11112601</v>
      </c>
      <c r="P599" s="20">
        <v>0.57309299999999996</v>
      </c>
      <c r="Q599" s="20">
        <f t="shared" si="18"/>
        <v>0.96686273999999994</v>
      </c>
      <c r="R599" s="20">
        <v>4.0907245000000003</v>
      </c>
      <c r="S599" s="20">
        <v>8.1122736000000001E-2</v>
      </c>
      <c r="T599" s="20">
        <v>0.44442225000000002</v>
      </c>
      <c r="U599" s="20">
        <v>2.7649395E-2</v>
      </c>
      <c r="V599" s="20">
        <v>21.691469000000001</v>
      </c>
      <c r="X599" s="20">
        <f t="shared" si="19"/>
        <v>22.1650340063551</v>
      </c>
    </row>
    <row r="600" spans="2:24">
      <c r="B600" s="23">
        <v>0.76387731481372612</v>
      </c>
      <c r="C600" s="20">
        <v>5.9951340000000002</v>
      </c>
      <c r="D600" s="20">
        <v>0.26349127999999999</v>
      </c>
      <c r="E600" s="20">
        <v>0</v>
      </c>
      <c r="F600" s="20">
        <v>0</v>
      </c>
      <c r="G600" s="20">
        <v>8.6188446000000005E-4</v>
      </c>
      <c r="H600" s="20">
        <v>0</v>
      </c>
      <c r="I600" s="20">
        <v>3.9567865000000001E-3</v>
      </c>
      <c r="J600" s="20">
        <v>0</v>
      </c>
      <c r="K600" s="20">
        <v>1.0410035999999999E-2</v>
      </c>
      <c r="L600" s="20">
        <v>7.5952915000000001</v>
      </c>
      <c r="M600" s="20">
        <v>9.5447534000000001E-2</v>
      </c>
      <c r="N600" s="20">
        <v>3.0298352000000001E-2</v>
      </c>
      <c r="O600" s="20">
        <v>0.20389534000000001</v>
      </c>
      <c r="P600" s="20">
        <v>0.64999677</v>
      </c>
      <c r="Q600" s="20">
        <f t="shared" si="18"/>
        <v>0.97963799600000001</v>
      </c>
      <c r="R600" s="20">
        <v>3.6858031000000002</v>
      </c>
      <c r="S600" s="20">
        <v>0.26349127999999999</v>
      </c>
      <c r="T600" s="20">
        <v>0.43962714000000003</v>
      </c>
      <c r="U600" s="20">
        <v>2.4088109999999999E-2</v>
      </c>
      <c r="V600" s="20">
        <v>21.614812000000001</v>
      </c>
      <c r="X600" s="20">
        <f t="shared" si="19"/>
        <v>22.080038477476297</v>
      </c>
    </row>
    <row r="601" spans="2:24">
      <c r="B601" s="23">
        <v>0.76437499999883585</v>
      </c>
      <c r="C601" s="20">
        <v>6.0990764999999998</v>
      </c>
      <c r="D601" s="20">
        <v>0.29422992999999997</v>
      </c>
      <c r="E601" s="20">
        <v>0</v>
      </c>
      <c r="F601" s="20">
        <v>0</v>
      </c>
      <c r="G601" s="20">
        <v>-3.5683571999999997E-2</v>
      </c>
      <c r="H601" s="20">
        <v>0</v>
      </c>
      <c r="I601" s="20">
        <v>1.0382967999999999E-2</v>
      </c>
      <c r="J601" s="20">
        <v>0</v>
      </c>
      <c r="K601" s="20">
        <v>4.3963068999999999E-3</v>
      </c>
      <c r="L601" s="20">
        <v>7.7183957000000003</v>
      </c>
      <c r="M601" s="20">
        <v>0.26882810000000001</v>
      </c>
      <c r="N601" s="20">
        <v>6.8236189000000003E-2</v>
      </c>
      <c r="O601" s="20">
        <v>0.27834469000000001</v>
      </c>
      <c r="P601" s="20">
        <v>0.59475657999999998</v>
      </c>
      <c r="Q601" s="20">
        <f t="shared" si="18"/>
        <v>1.210165559</v>
      </c>
      <c r="R601" s="20">
        <v>3.6089015999999998</v>
      </c>
      <c r="S601" s="20">
        <v>0.29422992999999997</v>
      </c>
      <c r="T601" s="20">
        <v>0.45047487000000003</v>
      </c>
      <c r="U601" s="20">
        <v>1.4041006E-2</v>
      </c>
      <c r="V601" s="20">
        <v>21.605815</v>
      </c>
      <c r="X601" s="20">
        <f t="shared" si="19"/>
        <v>22.07189039533219</v>
      </c>
    </row>
    <row r="602" spans="2:24">
      <c r="B602" s="23">
        <v>0.76490740740700858</v>
      </c>
      <c r="C602" s="20">
        <v>6.2330057999999999</v>
      </c>
      <c r="D602" s="20">
        <v>0.34869276999999999</v>
      </c>
      <c r="E602" s="20">
        <v>0</v>
      </c>
      <c r="F602" s="20">
        <v>0</v>
      </c>
      <c r="G602" s="20">
        <v>-2.6136025E-2</v>
      </c>
      <c r="H602" s="20">
        <v>0</v>
      </c>
      <c r="I602" s="20">
        <v>1.5155254999999999E-2</v>
      </c>
      <c r="J602" s="20">
        <v>0</v>
      </c>
      <c r="K602" s="20">
        <v>7.1210887E-3</v>
      </c>
      <c r="L602" s="20">
        <v>7.7935176000000004</v>
      </c>
      <c r="M602" s="20">
        <v>0.37975716999999998</v>
      </c>
      <c r="N602" s="20">
        <v>0.11282902</v>
      </c>
      <c r="O602" s="20">
        <v>0.3717376</v>
      </c>
      <c r="P602" s="20">
        <v>0.59786128000000005</v>
      </c>
      <c r="Q602" s="20">
        <f t="shared" si="18"/>
        <v>1.4621850700000001</v>
      </c>
      <c r="R602" s="20">
        <v>3.7113247999999999</v>
      </c>
      <c r="S602" s="20">
        <v>0.34869276999999999</v>
      </c>
      <c r="T602" s="20">
        <v>0.49829019000000002</v>
      </c>
      <c r="U602" s="20">
        <v>1.8737251E-2</v>
      </c>
      <c r="V602" s="20">
        <v>21.707985000000001</v>
      </c>
      <c r="X602" s="20">
        <f t="shared" si="19"/>
        <v>22.226630664432871</v>
      </c>
    </row>
    <row r="603" spans="2:24">
      <c r="B603" s="23">
        <v>0.76540509259211831</v>
      </c>
      <c r="C603" s="20">
        <v>5.9795477000000004</v>
      </c>
      <c r="D603" s="20">
        <v>0.15929852</v>
      </c>
      <c r="E603" s="20">
        <v>0</v>
      </c>
      <c r="F603" s="20">
        <v>0</v>
      </c>
      <c r="G603" s="20">
        <v>-4.9552004999999996E-3</v>
      </c>
      <c r="H603" s="20">
        <v>0</v>
      </c>
      <c r="I603" s="20">
        <v>1.2855132999999999E-2</v>
      </c>
      <c r="J603" s="20">
        <v>0</v>
      </c>
      <c r="K603" s="20">
        <v>1.111328E-2</v>
      </c>
      <c r="L603" s="20">
        <v>7.6306697000000003</v>
      </c>
      <c r="M603" s="20">
        <v>0.32813526999999998</v>
      </c>
      <c r="N603" s="20">
        <v>0.19204916999999999</v>
      </c>
      <c r="O603" s="20">
        <v>0.33307333</v>
      </c>
      <c r="P603" s="20">
        <v>0.69839684000000002</v>
      </c>
      <c r="Q603" s="20">
        <f t="shared" si="18"/>
        <v>1.5516546099999999</v>
      </c>
      <c r="R603" s="20">
        <v>3.9071099</v>
      </c>
      <c r="S603" s="20">
        <v>0.15929852</v>
      </c>
      <c r="T603" s="20">
        <v>0.47360565999999998</v>
      </c>
      <c r="U603" s="20">
        <v>1.1942032E-2</v>
      </c>
      <c r="V603" s="20">
        <v>21.707985000000001</v>
      </c>
      <c r="X603" s="20">
        <f t="shared" si="19"/>
        <v>22.19508264022625</v>
      </c>
    </row>
    <row r="604" spans="2:24">
      <c r="B604" s="23">
        <v>0.76593750000029104</v>
      </c>
      <c r="C604" s="20">
        <v>5.6992699</v>
      </c>
      <c r="D604" s="20">
        <v>2.1667387999999999E-2</v>
      </c>
      <c r="E604" s="20">
        <v>0</v>
      </c>
      <c r="F604" s="20">
        <v>0</v>
      </c>
      <c r="G604" s="20">
        <v>2.0006445000000001E-2</v>
      </c>
      <c r="H604" s="20">
        <v>0</v>
      </c>
      <c r="I604" s="20">
        <v>3.7727483000000002E-4</v>
      </c>
      <c r="J604" s="20">
        <v>0</v>
      </c>
      <c r="K604" s="20">
        <v>9.5371186E-3</v>
      </c>
      <c r="L604" s="20">
        <v>7.3007</v>
      </c>
      <c r="M604" s="20">
        <v>0.14917119000000001</v>
      </c>
      <c r="N604" s="20">
        <v>0.15779865000000001</v>
      </c>
      <c r="O604" s="20">
        <v>0.16314904999999999</v>
      </c>
      <c r="P604" s="20">
        <v>0.69096922000000005</v>
      </c>
      <c r="Q604" s="20">
        <f t="shared" si="18"/>
        <v>1.1610881100000001</v>
      </c>
      <c r="R604" s="20">
        <v>3.8673950000000001</v>
      </c>
      <c r="S604" s="20">
        <v>2.1667387999999999E-2</v>
      </c>
      <c r="T604" s="20">
        <v>0.50591377000000004</v>
      </c>
      <c r="U604" s="20">
        <v>4.9656574000000002E-2</v>
      </c>
      <c r="V604" s="20">
        <v>21.489308999999999</v>
      </c>
      <c r="X604" s="20">
        <f t="shared" si="19"/>
        <v>22.046302775362442</v>
      </c>
    </row>
    <row r="605" spans="2:24">
      <c r="B605" s="23">
        <v>0.76643518518540077</v>
      </c>
      <c r="C605" s="20">
        <v>5.3213048000000001</v>
      </c>
      <c r="D605" s="20">
        <v>5.8980440000000002E-2</v>
      </c>
      <c r="E605" s="20">
        <v>0</v>
      </c>
      <c r="F605" s="20">
        <v>0</v>
      </c>
      <c r="G605" s="20">
        <v>-1.8335690000000002E-2</v>
      </c>
      <c r="H605" s="20">
        <v>0</v>
      </c>
      <c r="I605" s="20">
        <v>0</v>
      </c>
      <c r="J605" s="20">
        <v>0</v>
      </c>
      <c r="K605" s="20">
        <v>1.8749933E-2</v>
      </c>
      <c r="L605" s="20">
        <v>6.8130027000000002</v>
      </c>
      <c r="M605" s="20">
        <v>3.2956326000000001E-2</v>
      </c>
      <c r="N605" s="20">
        <v>0.22958453000000001</v>
      </c>
      <c r="O605" s="20">
        <v>0.10637003</v>
      </c>
      <c r="P605" s="20">
        <v>0.67741258000000004</v>
      </c>
      <c r="Q605" s="20">
        <f t="shared" si="18"/>
        <v>1.046323466</v>
      </c>
      <c r="R605" s="20">
        <v>3.4933915999999998</v>
      </c>
      <c r="S605" s="20">
        <v>5.8980440000000002E-2</v>
      </c>
      <c r="T605" s="20">
        <v>0.49558561000000001</v>
      </c>
      <c r="U605" s="20">
        <v>5.6506594E-2</v>
      </c>
      <c r="V605" s="20">
        <v>21.481923999999999</v>
      </c>
      <c r="X605" s="20">
        <f t="shared" si="19"/>
        <v>22.035346104608902</v>
      </c>
    </row>
    <row r="606" spans="2:24">
      <c r="B606" s="23">
        <v>0.7669328703705105</v>
      </c>
      <c r="C606" s="20">
        <v>5.4532546999999996</v>
      </c>
      <c r="D606" s="20">
        <v>6.4663368999999998E-2</v>
      </c>
      <c r="E606" s="20">
        <v>0</v>
      </c>
      <c r="F606" s="20">
        <v>1.8357768E-3</v>
      </c>
      <c r="G606" s="20">
        <v>3.6589369000000001E-3</v>
      </c>
      <c r="H606" s="20">
        <v>0</v>
      </c>
      <c r="I606" s="20">
        <v>0</v>
      </c>
      <c r="J606" s="20">
        <v>0</v>
      </c>
      <c r="K606" s="20">
        <v>1.7566713000000001E-2</v>
      </c>
      <c r="L606" s="20">
        <v>6.6964870000000003</v>
      </c>
      <c r="M606" s="20">
        <v>7.2255424999999998E-2</v>
      </c>
      <c r="N606" s="20">
        <v>0.14026279999999999</v>
      </c>
      <c r="O606" s="20">
        <v>0.22008902999999999</v>
      </c>
      <c r="P606" s="20">
        <v>0.53363673</v>
      </c>
      <c r="Q606" s="20">
        <f t="shared" si="18"/>
        <v>0.96624398499999997</v>
      </c>
      <c r="R606" s="20">
        <v>3.2485772000000002</v>
      </c>
      <c r="S606" s="20">
        <v>6.4663368999999998E-2</v>
      </c>
      <c r="T606" s="20">
        <v>0.52983228999999998</v>
      </c>
      <c r="U606" s="20">
        <v>7.1951571000000006E-2</v>
      </c>
      <c r="V606" s="20">
        <v>21.489308999999999</v>
      </c>
      <c r="X606" s="20">
        <f t="shared" si="19"/>
        <v>22.092419698384969</v>
      </c>
    </row>
    <row r="607" spans="2:24">
      <c r="B607" s="23">
        <v>0.76744212963239988</v>
      </c>
      <c r="C607" s="20">
        <v>5.5035530000000001</v>
      </c>
      <c r="D607" s="20">
        <v>0.12861562000000001</v>
      </c>
      <c r="E607" s="20">
        <v>1.3689020999999999E-2</v>
      </c>
      <c r="F607" s="20">
        <v>0</v>
      </c>
      <c r="G607" s="20">
        <v>-4.7989489000000003E-2</v>
      </c>
      <c r="H607" s="20">
        <v>0</v>
      </c>
      <c r="I607" s="20">
        <v>7.6307676999999999E-3</v>
      </c>
      <c r="J607" s="20">
        <v>0</v>
      </c>
      <c r="K607" s="20">
        <v>1.763354E-2</v>
      </c>
      <c r="L607" s="20">
        <v>6.6294119</v>
      </c>
      <c r="M607" s="20">
        <v>6.8382861000000003E-2</v>
      </c>
      <c r="N607" s="20">
        <v>0.33724579999999998</v>
      </c>
      <c r="O607" s="20">
        <v>0.22279767</v>
      </c>
      <c r="P607" s="20">
        <v>0.53888347999999997</v>
      </c>
      <c r="Q607" s="20">
        <f t="shared" si="18"/>
        <v>1.167309811</v>
      </c>
      <c r="R607" s="20">
        <v>3.1135435999999999</v>
      </c>
      <c r="S607" s="20">
        <v>0.14230464000000001</v>
      </c>
      <c r="T607" s="20">
        <v>0.50244206000000002</v>
      </c>
      <c r="U607" s="20">
        <v>5.4338895999999998E-2</v>
      </c>
      <c r="V607" s="20">
        <v>21.286162000000001</v>
      </c>
      <c r="X607" s="20">
        <f t="shared" si="19"/>
        <v>21.844299171881072</v>
      </c>
    </row>
    <row r="608" spans="2:24">
      <c r="B608" s="23">
        <v>0.76793981481750961</v>
      </c>
      <c r="C608" s="20">
        <v>5.6527702</v>
      </c>
      <c r="D608" s="20">
        <v>3.7054515000000003E-2</v>
      </c>
      <c r="E608" s="20">
        <v>0</v>
      </c>
      <c r="F608" s="20">
        <v>0</v>
      </c>
      <c r="G608" s="20">
        <v>-5.7718146999999997E-2</v>
      </c>
      <c r="H608" s="20">
        <v>0</v>
      </c>
      <c r="I608" s="20">
        <v>4.0616005E-3</v>
      </c>
      <c r="J608" s="20">
        <v>4.7595429000000002E-3</v>
      </c>
      <c r="K608" s="20">
        <v>7.1944801999999997E-3</v>
      </c>
      <c r="L608" s="20">
        <v>6.8664413</v>
      </c>
      <c r="M608" s="20">
        <v>8.9937501000000003E-2</v>
      </c>
      <c r="N608" s="20">
        <v>0.18879129</v>
      </c>
      <c r="O608" s="20">
        <v>0.18373787999999999</v>
      </c>
      <c r="P608" s="20">
        <v>0.45516310999999998</v>
      </c>
      <c r="Q608" s="20">
        <f t="shared" si="18"/>
        <v>0.91762978100000003</v>
      </c>
      <c r="R608" s="20">
        <v>3.3224958</v>
      </c>
      <c r="S608" s="20">
        <v>3.7054515000000003E-2</v>
      </c>
      <c r="T608" s="20">
        <v>0.51212837</v>
      </c>
      <c r="U608" s="20">
        <v>6.3444797999999997E-2</v>
      </c>
      <c r="V608" s="20">
        <v>21.684242999999999</v>
      </c>
      <c r="X608" s="20">
        <f t="shared" si="19"/>
        <v>22.261163092778759</v>
      </c>
    </row>
    <row r="609" spans="2:24">
      <c r="B609" s="23">
        <v>0.76843750000261934</v>
      </c>
      <c r="C609" s="20">
        <v>5.7871819999999996</v>
      </c>
      <c r="D609" s="20">
        <v>6.9067824E-2</v>
      </c>
      <c r="E609" s="20">
        <v>0</v>
      </c>
      <c r="F609" s="20">
        <v>0</v>
      </c>
      <c r="G609" s="20">
        <v>-1.7670261E-2</v>
      </c>
      <c r="H609" s="20">
        <v>0</v>
      </c>
      <c r="I609" s="20">
        <v>0</v>
      </c>
      <c r="J609" s="20">
        <v>3.0724812999999998E-3</v>
      </c>
      <c r="K609" s="20">
        <v>9.6947548999999997E-3</v>
      </c>
      <c r="L609" s="20">
        <v>7.0848374999999999</v>
      </c>
      <c r="M609" s="20">
        <v>0.117614</v>
      </c>
      <c r="N609" s="20">
        <v>0.18325547</v>
      </c>
      <c r="O609" s="20">
        <v>3.9673738E-2</v>
      </c>
      <c r="P609" s="20">
        <v>0.68433080999999996</v>
      </c>
      <c r="Q609" s="20">
        <f t="shared" si="18"/>
        <v>1.024874018</v>
      </c>
      <c r="R609" s="20">
        <v>3.6314308</v>
      </c>
      <c r="S609" s="20">
        <v>6.9067824E-2</v>
      </c>
      <c r="T609" s="20">
        <v>0.51115328000000004</v>
      </c>
      <c r="U609" s="20">
        <v>5.7329856999999998E-2</v>
      </c>
      <c r="V609" s="20">
        <v>21.607337000000001</v>
      </c>
      <c r="X609" s="20">
        <f t="shared" si="19"/>
        <v>22.177223149614122</v>
      </c>
    </row>
    <row r="610" spans="2:24">
      <c r="B610" s="23">
        <v>0.76893518518772908</v>
      </c>
      <c r="C610" s="20">
        <v>6.1517369000000004</v>
      </c>
      <c r="D610" s="20">
        <v>6.0936444999999999E-2</v>
      </c>
      <c r="E610" s="20">
        <v>0</v>
      </c>
      <c r="F610" s="20">
        <v>0</v>
      </c>
      <c r="G610" s="20">
        <v>-8.6879357999999993E-3</v>
      </c>
      <c r="H610" s="20">
        <v>0</v>
      </c>
      <c r="I610" s="20">
        <v>6.4839851000000003E-4</v>
      </c>
      <c r="J610" s="20">
        <v>0</v>
      </c>
      <c r="K610" s="20">
        <v>1.1478894999999999E-2</v>
      </c>
      <c r="L610" s="20">
        <v>7.3410732999999997</v>
      </c>
      <c r="M610" s="20">
        <v>0.22459625999999999</v>
      </c>
      <c r="N610" s="20">
        <v>2.1792226000000001E-2</v>
      </c>
      <c r="O610" s="20">
        <v>0.12365603</v>
      </c>
      <c r="P610" s="20">
        <v>0.64160435999999998</v>
      </c>
      <c r="Q610" s="20">
        <f t="shared" si="18"/>
        <v>1.011648876</v>
      </c>
      <c r="R610" s="20">
        <v>4.1159932000000001</v>
      </c>
      <c r="S610" s="20">
        <v>6.0936444999999999E-2</v>
      </c>
      <c r="T610" s="20">
        <v>0.53861051999999998</v>
      </c>
      <c r="U610" s="20">
        <v>5.3269722999999998E-2</v>
      </c>
      <c r="V610" s="20">
        <v>21.622207</v>
      </c>
      <c r="X610" s="20">
        <f t="shared" si="19"/>
        <v>22.215550220132368</v>
      </c>
    </row>
    <row r="611" spans="2:24">
      <c r="B611" s="23">
        <v>0.76943287037283881</v>
      </c>
      <c r="C611" s="20">
        <v>6.2113611000000004</v>
      </c>
      <c r="D611" s="20">
        <v>0.17018817</v>
      </c>
      <c r="E611" s="20">
        <v>0</v>
      </c>
      <c r="F611" s="20">
        <v>0</v>
      </c>
      <c r="G611" s="20">
        <v>-1.5879901000000001E-4</v>
      </c>
      <c r="H611" s="20">
        <v>0</v>
      </c>
      <c r="I611" s="20">
        <v>7.9901277999999999E-3</v>
      </c>
      <c r="J611" s="20">
        <v>0</v>
      </c>
      <c r="K611" s="20">
        <v>3.1850134000000002E-2</v>
      </c>
      <c r="L611" s="20">
        <v>7.3577050000000002</v>
      </c>
      <c r="M611" s="20">
        <v>0.20978553</v>
      </c>
      <c r="N611" s="20">
        <v>0.12100205999999999</v>
      </c>
      <c r="O611" s="20">
        <v>0.13820104</v>
      </c>
      <c r="P611" s="20">
        <v>0.59878023000000002</v>
      </c>
      <c r="Q611" s="20">
        <f t="shared" si="18"/>
        <v>1.0677688600000002</v>
      </c>
      <c r="R611" s="20">
        <v>4.0890472000000004</v>
      </c>
      <c r="S611" s="20">
        <v>0.17018817</v>
      </c>
      <c r="T611" s="20">
        <v>0.52704698000000005</v>
      </c>
      <c r="U611" s="20">
        <v>3.7543640000000003E-2</v>
      </c>
      <c r="V611" s="20">
        <v>21.481923999999999</v>
      </c>
      <c r="X611" s="20">
        <f t="shared" si="19"/>
        <v>22.048016309276278</v>
      </c>
    </row>
    <row r="612" spans="2:24">
      <c r="B612" s="23">
        <v>0.76994212962745223</v>
      </c>
      <c r="C612" s="20">
        <v>6.0794180000000004</v>
      </c>
      <c r="D612" s="20">
        <v>0.14390657000000001</v>
      </c>
      <c r="E612" s="20">
        <v>0</v>
      </c>
      <c r="F612" s="20">
        <v>1.5915724999999999E-2</v>
      </c>
      <c r="G612" s="20">
        <v>5.4361636999999997E-2</v>
      </c>
      <c r="H612" s="20">
        <v>0</v>
      </c>
      <c r="I612" s="20">
        <v>1.1027281999999999E-2</v>
      </c>
      <c r="J612" s="20">
        <v>0</v>
      </c>
      <c r="K612" s="20">
        <v>3.2822403E-2</v>
      </c>
      <c r="L612" s="20">
        <v>7.0536770000000004</v>
      </c>
      <c r="M612" s="20">
        <v>0.24727157999999999</v>
      </c>
      <c r="N612" s="20">
        <v>0.12515724</v>
      </c>
      <c r="O612" s="20">
        <v>0.14670098000000001</v>
      </c>
      <c r="P612" s="20">
        <v>0.53685079000000002</v>
      </c>
      <c r="Q612" s="20">
        <f t="shared" si="18"/>
        <v>1.0559805899999999</v>
      </c>
      <c r="R612" s="20">
        <v>3.6407579000000001</v>
      </c>
      <c r="S612" s="20">
        <v>0.14390657000000001</v>
      </c>
      <c r="T612" s="20">
        <v>0.52620257999999998</v>
      </c>
      <c r="U612" s="20">
        <v>4.8975662000000003E-2</v>
      </c>
      <c r="V612" s="20">
        <v>21.466919000000001</v>
      </c>
      <c r="X612" s="20">
        <f t="shared" si="19"/>
        <v>22.043556343577702</v>
      </c>
    </row>
    <row r="613" spans="2:24">
      <c r="B613" s="23">
        <v>0.77043981481256196</v>
      </c>
      <c r="C613" s="20">
        <v>5.7025041999999999</v>
      </c>
      <c r="D613" s="20">
        <v>0.10112983</v>
      </c>
      <c r="E613" s="20">
        <v>0</v>
      </c>
      <c r="F613" s="20">
        <v>2.1829301999999998E-2</v>
      </c>
      <c r="G613" s="20">
        <v>8.2236555999999992E-3</v>
      </c>
      <c r="H613" s="20">
        <v>0</v>
      </c>
      <c r="I613" s="20">
        <v>4.0685386000000002E-3</v>
      </c>
      <c r="J613" s="20">
        <v>0</v>
      </c>
      <c r="K613" s="20">
        <v>3.6218602000000003E-2</v>
      </c>
      <c r="L613" s="20">
        <v>6.7210684000000001</v>
      </c>
      <c r="M613" s="20">
        <v>0.14150192</v>
      </c>
      <c r="N613" s="20">
        <v>0.19300400000000001</v>
      </c>
      <c r="O613" s="20">
        <v>0.13156762</v>
      </c>
      <c r="P613" s="20">
        <v>0.53493283000000003</v>
      </c>
      <c r="Q613" s="20">
        <f t="shared" si="18"/>
        <v>1.00100637</v>
      </c>
      <c r="R613" s="20">
        <v>3.0215429999999999</v>
      </c>
      <c r="S613" s="20">
        <v>0.10112983</v>
      </c>
      <c r="T613" s="20">
        <v>0.50165234000000003</v>
      </c>
      <c r="U613" s="20">
        <v>4.1947781000000003E-2</v>
      </c>
      <c r="V613" s="20">
        <v>21.622207</v>
      </c>
      <c r="X613" s="20">
        <f t="shared" si="19"/>
        <v>22.16717683887282</v>
      </c>
    </row>
    <row r="614" spans="2:24">
      <c r="B614" s="23">
        <v>0.77093749999767169</v>
      </c>
      <c r="C614" s="20">
        <v>5.7380373999999996</v>
      </c>
      <c r="D614" s="20">
        <v>8.1894381000000002E-2</v>
      </c>
      <c r="E614" s="20">
        <v>0</v>
      </c>
      <c r="F614" s="20">
        <v>2.0823178000000001E-2</v>
      </c>
      <c r="G614" s="20">
        <v>-3.0424807E-3</v>
      </c>
      <c r="H614" s="20">
        <v>0</v>
      </c>
      <c r="I614" s="20">
        <v>1.9078267999999999E-3</v>
      </c>
      <c r="J614" s="20">
        <v>0</v>
      </c>
      <c r="K614" s="20">
        <v>1.4430823000000001E-2</v>
      </c>
      <c r="L614" s="20">
        <v>6.7353132999999996</v>
      </c>
      <c r="M614" s="20">
        <v>0.15324879</v>
      </c>
      <c r="N614" s="20">
        <v>0.13022163</v>
      </c>
      <c r="O614" s="20">
        <v>0.19158845999999999</v>
      </c>
      <c r="P614" s="20">
        <v>0.43045886</v>
      </c>
      <c r="Q614" s="20">
        <f t="shared" si="18"/>
        <v>0.90551773999999996</v>
      </c>
      <c r="R614" s="20">
        <v>2.6164447000000002</v>
      </c>
      <c r="S614" s="20">
        <v>8.1894381000000002E-2</v>
      </c>
      <c r="T614" s="20">
        <v>0.50664500999999995</v>
      </c>
      <c r="U614" s="20">
        <v>3.1346888000000003E-2</v>
      </c>
      <c r="V614" s="20">
        <v>21.691469000000001</v>
      </c>
      <c r="X614" s="20">
        <f t="shared" si="19"/>
        <v>22.230818575654911</v>
      </c>
    </row>
    <row r="615" spans="2:24">
      <c r="B615" s="23">
        <v>0.77143518518278142</v>
      </c>
      <c r="C615" s="20">
        <v>5.3807175000000003</v>
      </c>
      <c r="D615" s="20">
        <v>0.1553427</v>
      </c>
      <c r="E615" s="20">
        <v>0</v>
      </c>
      <c r="F615" s="20">
        <v>0</v>
      </c>
      <c r="G615" s="20">
        <v>-3.8911599999999998E-2</v>
      </c>
      <c r="H615" s="20">
        <v>0</v>
      </c>
      <c r="I615" s="20">
        <v>1.5013571000000001E-3</v>
      </c>
      <c r="J615" s="20">
        <v>0</v>
      </c>
      <c r="K615" s="20">
        <v>9.7430607999999998E-3</v>
      </c>
      <c r="L615" s="20">
        <v>6.4444831999999996</v>
      </c>
      <c r="M615" s="20">
        <v>2.0394142000000001E-2</v>
      </c>
      <c r="N615" s="20">
        <v>0.12527587000000001</v>
      </c>
      <c r="O615" s="20">
        <v>0.17491683999999999</v>
      </c>
      <c r="P615" s="20">
        <v>0.36953130000000001</v>
      </c>
      <c r="Q615" s="20">
        <f t="shared" si="18"/>
        <v>0.69011815200000004</v>
      </c>
      <c r="R615" s="20">
        <v>2.6835453</v>
      </c>
      <c r="S615" s="20">
        <v>0.1553427</v>
      </c>
      <c r="T615" s="20">
        <v>0.50159021000000004</v>
      </c>
      <c r="U615" s="20">
        <v>1.7535966E-2</v>
      </c>
      <c r="V615" s="20">
        <v>21.55264</v>
      </c>
      <c r="X615" s="20">
        <f t="shared" si="19"/>
        <v>22.073046009706992</v>
      </c>
    </row>
    <row r="616" spans="2:24">
      <c r="B616" s="23">
        <v>0.77194444444467081</v>
      </c>
      <c r="C616" s="20">
        <v>5.3416496000000002</v>
      </c>
      <c r="D616" s="20">
        <v>0.18180536999999999</v>
      </c>
      <c r="E616" s="20">
        <v>0</v>
      </c>
      <c r="F616" s="20">
        <v>0</v>
      </c>
      <c r="G616" s="20">
        <v>-4.0028636999999999E-2</v>
      </c>
      <c r="H616" s="20">
        <v>0</v>
      </c>
      <c r="I616" s="20">
        <v>3.0078125000000001E-3</v>
      </c>
      <c r="J616" s="20">
        <v>0</v>
      </c>
      <c r="K616" s="20">
        <v>6.2374105999999999E-3</v>
      </c>
      <c r="L616" s="20">
        <v>6.4085824000000002</v>
      </c>
      <c r="M616" s="20">
        <v>4.7163029000000002E-2</v>
      </c>
      <c r="N616" s="20">
        <v>0.11375597</v>
      </c>
      <c r="O616" s="20">
        <v>0.16671796999999999</v>
      </c>
      <c r="P616" s="20">
        <v>0.31707761000000001</v>
      </c>
      <c r="Q616" s="20">
        <f t="shared" si="18"/>
        <v>0.64471457899999995</v>
      </c>
      <c r="R616" s="20">
        <v>3.0227515999999999</v>
      </c>
      <c r="S616" s="20">
        <v>0.18180536999999999</v>
      </c>
      <c r="T616" s="20">
        <v>0.50895855999999995</v>
      </c>
      <c r="U616" s="20">
        <v>6.4071833E-3</v>
      </c>
      <c r="V616" s="20">
        <v>21.684242999999999</v>
      </c>
      <c r="X616" s="20">
        <f t="shared" si="19"/>
        <v>22.200881520690508</v>
      </c>
    </row>
    <row r="617" spans="2:24">
      <c r="B617" s="23">
        <v>0.77244212962978054</v>
      </c>
      <c r="C617" s="20">
        <v>5.1573210999999999</v>
      </c>
      <c r="D617" s="20">
        <v>0.24945829</v>
      </c>
      <c r="E617" s="20">
        <v>0</v>
      </c>
      <c r="F617" s="20">
        <v>0</v>
      </c>
      <c r="G617" s="20">
        <v>-6.0086607E-2</v>
      </c>
      <c r="H617" s="20">
        <v>0</v>
      </c>
      <c r="I617" s="20">
        <v>3.6793170000000001E-3</v>
      </c>
      <c r="J617" s="20">
        <v>0</v>
      </c>
      <c r="K617" s="20">
        <v>7.1861685999999999E-3</v>
      </c>
      <c r="L617" s="20">
        <v>6.1648394</v>
      </c>
      <c r="M617" s="20">
        <v>4.4460957000000002E-2</v>
      </c>
      <c r="N617" s="20">
        <v>0.31710538999999999</v>
      </c>
      <c r="O617" s="20">
        <v>0.12135153</v>
      </c>
      <c r="P617" s="20">
        <v>0.42729468999999998</v>
      </c>
      <c r="Q617" s="20">
        <f t="shared" si="18"/>
        <v>0.91021256699999997</v>
      </c>
      <c r="R617" s="20">
        <v>2.8875644999999999</v>
      </c>
      <c r="S617" s="20">
        <v>0.24945829</v>
      </c>
      <c r="T617" s="20">
        <v>0.49165073999999998</v>
      </c>
      <c r="U617" s="20">
        <v>2.0596158999999999E-2</v>
      </c>
      <c r="V617" s="20">
        <v>21.629522999999999</v>
      </c>
      <c r="X617" s="20">
        <f t="shared" si="19"/>
        <v>22.143038105852561</v>
      </c>
    </row>
    <row r="618" spans="2:24">
      <c r="B618" s="23">
        <v>0.77293981481489027</v>
      </c>
      <c r="C618" s="20">
        <v>5.1991807000000003</v>
      </c>
      <c r="D618" s="20">
        <v>0.16127294</v>
      </c>
      <c r="E618" s="20">
        <v>0</v>
      </c>
      <c r="F618" s="20">
        <v>0</v>
      </c>
      <c r="G618" s="20">
        <v>-1.8351501999999999E-2</v>
      </c>
      <c r="H618" s="20">
        <v>0</v>
      </c>
      <c r="I618" s="20">
        <v>1.1662873999999999E-3</v>
      </c>
      <c r="J618" s="20">
        <v>0</v>
      </c>
      <c r="K618" s="20">
        <v>9.3056183000000004E-3</v>
      </c>
      <c r="L618" s="20">
        <v>6.0611651000000002</v>
      </c>
      <c r="M618" s="20">
        <v>0.13011101999999999</v>
      </c>
      <c r="N618" s="20">
        <v>0.32264738999999998</v>
      </c>
      <c r="O618" s="20">
        <v>0.10813521</v>
      </c>
      <c r="P618" s="20">
        <v>0.34511744</v>
      </c>
      <c r="Q618" s="20">
        <f t="shared" si="18"/>
        <v>0.90601105999999998</v>
      </c>
      <c r="R618" s="20">
        <v>2.6631092999999999</v>
      </c>
      <c r="S618" s="20">
        <v>0.16127294</v>
      </c>
      <c r="T618" s="20">
        <v>0.51815575000000003</v>
      </c>
      <c r="U618" s="20">
        <v>2.2691234000000001E-2</v>
      </c>
      <c r="V618" s="20">
        <v>21.676939000000001</v>
      </c>
      <c r="X618" s="20">
        <f t="shared" si="19"/>
        <v>22.219034086314373</v>
      </c>
    </row>
    <row r="619" spans="2:24">
      <c r="B619" s="23">
        <v>0.7734375</v>
      </c>
      <c r="C619" s="20">
        <v>5.1450505</v>
      </c>
      <c r="D619" s="20">
        <v>0.22894127</v>
      </c>
      <c r="E619" s="20">
        <v>0</v>
      </c>
      <c r="F619" s="20">
        <v>0</v>
      </c>
      <c r="G619" s="20">
        <v>-1.3228102E-2</v>
      </c>
      <c r="H619" s="20">
        <v>0</v>
      </c>
      <c r="I619" s="20">
        <v>0</v>
      </c>
      <c r="J619" s="20">
        <v>0</v>
      </c>
      <c r="K619" s="20">
        <v>4.0745808000000001E-2</v>
      </c>
      <c r="L619" s="20">
        <v>5.8884147999999996</v>
      </c>
      <c r="M619" s="20">
        <v>0.16621111999999999</v>
      </c>
      <c r="N619" s="20">
        <v>0.23784422</v>
      </c>
      <c r="O619" s="20">
        <v>5.0014468999999999E-2</v>
      </c>
      <c r="P619" s="20">
        <v>0.43097282999999997</v>
      </c>
      <c r="Q619" s="20">
        <f t="shared" si="18"/>
        <v>0.88504263899999991</v>
      </c>
      <c r="R619" s="20">
        <v>2.2671559000000001</v>
      </c>
      <c r="S619" s="20">
        <v>0.22894127</v>
      </c>
      <c r="T619" s="20">
        <v>0.50841786</v>
      </c>
      <c r="U619" s="20">
        <v>3.2877077999999997E-2</v>
      </c>
      <c r="V619" s="20">
        <v>21.627188</v>
      </c>
      <c r="X619" s="20">
        <f t="shared" si="19"/>
        <v>22.169723328818499</v>
      </c>
    </row>
    <row r="620" spans="2:24">
      <c r="B620" s="23">
        <v>0.77393518518510973</v>
      </c>
      <c r="C620" s="20">
        <v>4.9652718</v>
      </c>
      <c r="D620" s="20">
        <v>0.13193005999999999</v>
      </c>
      <c r="E620" s="20">
        <v>0</v>
      </c>
      <c r="F620" s="20">
        <v>0</v>
      </c>
      <c r="G620" s="20">
        <v>-2.6152564E-2</v>
      </c>
      <c r="H620" s="20">
        <v>0</v>
      </c>
      <c r="I620" s="20">
        <v>0</v>
      </c>
      <c r="J620" s="20">
        <v>0</v>
      </c>
      <c r="K620" s="20">
        <v>3.6176999000000001E-2</v>
      </c>
      <c r="L620" s="20">
        <v>5.7477198999999999</v>
      </c>
      <c r="M620" s="20">
        <v>0.19110638999999999</v>
      </c>
      <c r="N620" s="20">
        <v>5.3587660999999997E-4</v>
      </c>
      <c r="O620" s="20">
        <v>2.1277462E-2</v>
      </c>
      <c r="P620" s="20">
        <v>0.54989960999999998</v>
      </c>
      <c r="Q620" s="20">
        <f t="shared" si="18"/>
        <v>0.76281933860999995</v>
      </c>
      <c r="R620" s="20">
        <v>2.7062664000000001</v>
      </c>
      <c r="S620" s="20">
        <v>0.13193005999999999</v>
      </c>
      <c r="T620" s="20">
        <v>0.54157694999999995</v>
      </c>
      <c r="U620" s="20">
        <v>1.2553214E-2</v>
      </c>
      <c r="V620" s="20">
        <v>21.676939000000001</v>
      </c>
      <c r="X620" s="20">
        <f t="shared" si="19"/>
        <v>22.232244133559362</v>
      </c>
    </row>
    <row r="621" spans="2:24">
      <c r="B621" s="23">
        <v>0.77443287037021946</v>
      </c>
      <c r="C621" s="20">
        <v>4.9255829999999996</v>
      </c>
      <c r="D621" s="20">
        <v>0.14396032</v>
      </c>
      <c r="E621" s="20">
        <v>0</v>
      </c>
      <c r="F621" s="20">
        <v>0</v>
      </c>
      <c r="G621" s="20">
        <v>-1.7251559E-2</v>
      </c>
      <c r="H621" s="20">
        <v>0</v>
      </c>
      <c r="I621" s="20">
        <v>0</v>
      </c>
      <c r="J621" s="20">
        <v>0</v>
      </c>
      <c r="K621" s="20">
        <v>9.1929377000000007E-2</v>
      </c>
      <c r="L621" s="20">
        <v>5.8688696</v>
      </c>
      <c r="M621" s="20">
        <v>0.10378788</v>
      </c>
      <c r="N621" s="20">
        <v>0</v>
      </c>
      <c r="O621" s="20">
        <v>6.1067739999999997E-3</v>
      </c>
      <c r="P621" s="20">
        <v>0.60728205000000002</v>
      </c>
      <c r="Q621" s="20">
        <f t="shared" si="18"/>
        <v>0.717176704</v>
      </c>
      <c r="R621" s="20">
        <v>2.8898948999999998</v>
      </c>
      <c r="S621" s="20">
        <v>0.14396032</v>
      </c>
      <c r="T621" s="20">
        <v>0.51224614999999996</v>
      </c>
      <c r="U621" s="20">
        <v>8.6387329999999991E-3</v>
      </c>
      <c r="V621" s="20">
        <v>21.501266999999999</v>
      </c>
      <c r="X621" s="20">
        <f t="shared" si="19"/>
        <v>22.023339305776201</v>
      </c>
    </row>
    <row r="622" spans="2:24">
      <c r="B622" s="23">
        <v>0.77494212963210884</v>
      </c>
      <c r="C622" s="20">
        <v>4.8381850999999996</v>
      </c>
      <c r="D622" s="20">
        <v>4.4869632E-2</v>
      </c>
      <c r="E622" s="20">
        <v>0</v>
      </c>
      <c r="F622" s="20">
        <v>0</v>
      </c>
      <c r="G622" s="20">
        <v>-3.5429991000000001E-2</v>
      </c>
      <c r="H622" s="20">
        <v>0</v>
      </c>
      <c r="I622" s="20">
        <v>0</v>
      </c>
      <c r="J622" s="20">
        <v>0</v>
      </c>
      <c r="K622" s="20">
        <v>6.4586754999999996E-2</v>
      </c>
      <c r="L622" s="20">
        <v>5.8559055000000004</v>
      </c>
      <c r="M622" s="20">
        <v>4.2980144999999997E-2</v>
      </c>
      <c r="N622" s="20">
        <v>0.11175918999999999</v>
      </c>
      <c r="O622" s="20">
        <v>6.8370904999999996E-2</v>
      </c>
      <c r="P622" s="20">
        <v>0.61193405000000001</v>
      </c>
      <c r="Q622" s="20">
        <f t="shared" si="18"/>
        <v>0.83504428999999991</v>
      </c>
      <c r="R622" s="20">
        <v>2.6993721000000002</v>
      </c>
      <c r="S622" s="20">
        <v>4.4869632E-2</v>
      </c>
      <c r="T622" s="20">
        <v>0.53725990999999995</v>
      </c>
      <c r="U622" s="20">
        <v>6.7094138999999999E-3</v>
      </c>
      <c r="V622" s="20">
        <v>21.551186000000001</v>
      </c>
      <c r="X622" s="20">
        <f t="shared" si="19"/>
        <v>22.096320126991802</v>
      </c>
    </row>
    <row r="623" spans="2:24">
      <c r="B623" s="23">
        <v>0.77543981481721858</v>
      </c>
      <c r="C623" s="20">
        <v>4.7115162000000002</v>
      </c>
      <c r="D623" s="20">
        <v>2.4455847999999999E-2</v>
      </c>
      <c r="E623" s="20">
        <v>0</v>
      </c>
      <c r="F623" s="20">
        <v>0</v>
      </c>
      <c r="G623" s="20">
        <v>-3.7279679000000003E-2</v>
      </c>
      <c r="H623" s="20">
        <v>0</v>
      </c>
      <c r="I623" s="20">
        <v>0</v>
      </c>
      <c r="J623" s="20">
        <v>0</v>
      </c>
      <c r="K623" s="20">
        <v>7.7079064000000003E-2</v>
      </c>
      <c r="L623" s="20">
        <v>5.6246903000000001</v>
      </c>
      <c r="M623" s="20">
        <v>0.14346649</v>
      </c>
      <c r="N623" s="20">
        <v>0.11024014</v>
      </c>
      <c r="O623" s="20">
        <v>0.13010262</v>
      </c>
      <c r="P623" s="20">
        <v>0.59335302999999995</v>
      </c>
      <c r="Q623" s="20">
        <f t="shared" si="18"/>
        <v>0.97716227999999994</v>
      </c>
      <c r="R623" s="20">
        <v>2.4914021000000002</v>
      </c>
      <c r="S623" s="20">
        <v>2.4455847999999999E-2</v>
      </c>
      <c r="T623" s="20">
        <v>0.52102493999999999</v>
      </c>
      <c r="U623" s="20">
        <v>2.9364972E-2</v>
      </c>
      <c r="V623" s="20">
        <v>21.356774000000001</v>
      </c>
      <c r="X623" s="20">
        <f t="shared" si="19"/>
        <v>21.908304119986102</v>
      </c>
    </row>
    <row r="624" spans="2:24">
      <c r="B624" s="23">
        <v>0.77593750000232831</v>
      </c>
      <c r="C624" s="20">
        <v>4.6288501999999996</v>
      </c>
      <c r="D624" s="20">
        <v>1.453087E-2</v>
      </c>
      <c r="E624" s="20">
        <v>0</v>
      </c>
      <c r="F624" s="20">
        <v>0</v>
      </c>
      <c r="G624" s="20">
        <v>-1.0579272000000001E-2</v>
      </c>
      <c r="H624" s="20">
        <v>0</v>
      </c>
      <c r="I624" s="20">
        <v>0</v>
      </c>
      <c r="J624" s="20">
        <v>0</v>
      </c>
      <c r="K624" s="20">
        <v>4.5161565000000001E-2</v>
      </c>
      <c r="L624" s="20">
        <v>5.4016191999999998</v>
      </c>
      <c r="M624" s="20">
        <v>0.17629133</v>
      </c>
      <c r="N624" s="20">
        <v>0.12118312000000001</v>
      </c>
      <c r="O624" s="20">
        <v>0.1271533</v>
      </c>
      <c r="P624" s="20">
        <v>0.51335410999999997</v>
      </c>
      <c r="Q624" s="20">
        <f t="shared" si="18"/>
        <v>0.93798185999999995</v>
      </c>
      <c r="R624" s="20">
        <v>2.4995858000000002</v>
      </c>
      <c r="S624" s="20">
        <v>1.453087E-2</v>
      </c>
      <c r="T624" s="20">
        <v>0.51281394999999996</v>
      </c>
      <c r="U624" s="20">
        <v>3.5324229999999998E-2</v>
      </c>
      <c r="V624" s="20">
        <v>21.543892</v>
      </c>
      <c r="X624" s="20">
        <f t="shared" si="19"/>
        <v>22.093133389529299</v>
      </c>
    </row>
    <row r="625" spans="2:24">
      <c r="B625" s="23">
        <v>0.77643518518743804</v>
      </c>
      <c r="C625" s="20">
        <v>4.7077847000000004</v>
      </c>
      <c r="D625" s="20">
        <v>9.5956491000000005E-2</v>
      </c>
      <c r="E625" s="20">
        <v>0</v>
      </c>
      <c r="F625" s="20">
        <v>0</v>
      </c>
      <c r="G625" s="20">
        <v>-1.8907929E-2</v>
      </c>
      <c r="H625" s="20">
        <v>0</v>
      </c>
      <c r="I625" s="20">
        <v>0</v>
      </c>
      <c r="J625" s="20">
        <v>0</v>
      </c>
      <c r="K625" s="20">
        <v>3.8994313000000003E-2</v>
      </c>
      <c r="L625" s="20">
        <v>5.3523715000000003</v>
      </c>
      <c r="M625" s="20">
        <v>0.18242153</v>
      </c>
      <c r="N625" s="20">
        <v>0.11479737</v>
      </c>
      <c r="O625" s="20">
        <v>0.14035497999999999</v>
      </c>
      <c r="P625" s="20">
        <v>0.49891743</v>
      </c>
      <c r="Q625" s="20">
        <f t="shared" si="18"/>
        <v>0.93649130999999997</v>
      </c>
      <c r="R625" s="20">
        <v>2.5902433</v>
      </c>
      <c r="S625" s="20">
        <v>9.5956491000000005E-2</v>
      </c>
      <c r="T625" s="20">
        <v>0.48211442999999998</v>
      </c>
      <c r="U625" s="20">
        <v>1.8910043000000001E-2</v>
      </c>
      <c r="V625" s="20">
        <v>21.700645999999999</v>
      </c>
      <c r="X625" s="20">
        <f t="shared" si="19"/>
        <v>22.2027913376876</v>
      </c>
    </row>
    <row r="626" spans="2:24">
      <c r="B626" s="23">
        <v>0.77693287037254777</v>
      </c>
      <c r="C626" s="20">
        <v>4.8513808999999997</v>
      </c>
      <c r="D626" s="20">
        <v>6.2595161999999996E-2</v>
      </c>
      <c r="E626" s="20">
        <v>0</v>
      </c>
      <c r="F626" s="20">
        <v>0</v>
      </c>
      <c r="G626" s="20">
        <v>-4.2181286999999998E-2</v>
      </c>
      <c r="H626" s="20">
        <v>0</v>
      </c>
      <c r="I626" s="20">
        <v>0</v>
      </c>
      <c r="J626" s="20">
        <v>0</v>
      </c>
      <c r="K626" s="20">
        <v>3.0040678000000001E-2</v>
      </c>
      <c r="L626" s="20">
        <v>5.5247039999999998</v>
      </c>
      <c r="M626" s="20">
        <v>0.17214879</v>
      </c>
      <c r="N626" s="20">
        <v>0.33353569</v>
      </c>
      <c r="O626" s="20">
        <v>0.12934295000000001</v>
      </c>
      <c r="P626" s="20">
        <v>0.47430007000000002</v>
      </c>
      <c r="Q626" s="20">
        <f t="shared" si="18"/>
        <v>1.1093275</v>
      </c>
      <c r="R626" s="20">
        <v>2.5974786000000001</v>
      </c>
      <c r="S626" s="20">
        <v>6.2595161999999996E-2</v>
      </c>
      <c r="T626" s="20">
        <v>0.47871097000000001</v>
      </c>
      <c r="U626" s="20">
        <v>0</v>
      </c>
      <c r="V626" s="20">
        <v>21.582108000000002</v>
      </c>
      <c r="X626" s="20">
        <f t="shared" si="19"/>
        <v>22.061978816211504</v>
      </c>
    </row>
    <row r="627" spans="2:24">
      <c r="B627" s="23">
        <v>0.77744212962716119</v>
      </c>
      <c r="C627" s="20">
        <v>5.0129877</v>
      </c>
      <c r="D627" s="20">
        <v>0.15035203999999999</v>
      </c>
      <c r="E627" s="20">
        <v>0</v>
      </c>
      <c r="F627" s="20">
        <v>0</v>
      </c>
      <c r="G627" s="20">
        <v>-5.7676204000000003E-3</v>
      </c>
      <c r="H627" s="20">
        <v>0</v>
      </c>
      <c r="I627" s="20">
        <v>0</v>
      </c>
      <c r="J627" s="20">
        <v>0</v>
      </c>
      <c r="K627" s="20">
        <v>1.0519723999999999E-2</v>
      </c>
      <c r="L627" s="20">
        <v>5.7255674000000001</v>
      </c>
      <c r="M627" s="20">
        <v>0.13295720999999999</v>
      </c>
      <c r="N627" s="20">
        <v>0.34712891000000001</v>
      </c>
      <c r="O627" s="20">
        <v>0.17747704</v>
      </c>
      <c r="P627" s="20">
        <v>0.53531397000000003</v>
      </c>
      <c r="Q627" s="20">
        <f t="shared" si="18"/>
        <v>1.1928771300000001</v>
      </c>
      <c r="R627" s="20">
        <v>2.6372377999999999</v>
      </c>
      <c r="S627" s="20">
        <v>0.15035203999999999</v>
      </c>
      <c r="T627" s="20">
        <v>0.53683113000000005</v>
      </c>
      <c r="U627" s="20">
        <v>0</v>
      </c>
      <c r="V627" s="20">
        <v>21.591172</v>
      </c>
      <c r="X627" s="20">
        <f t="shared" si="19"/>
        <v>22.12922681884136</v>
      </c>
    </row>
    <row r="628" spans="2:24">
      <c r="B628" s="23">
        <v>0.77793981481227092</v>
      </c>
      <c r="C628" s="20">
        <v>4.9450459000000002</v>
      </c>
      <c r="D628" s="20">
        <v>0.21146063000000001</v>
      </c>
      <c r="E628" s="20">
        <v>0</v>
      </c>
      <c r="F628" s="20">
        <v>6.0533471000000002E-3</v>
      </c>
      <c r="G628" s="20">
        <v>6.4813050999999997E-2</v>
      </c>
      <c r="H628" s="20">
        <v>0</v>
      </c>
      <c r="I628" s="20">
        <v>7.7853245000000001E-4</v>
      </c>
      <c r="J628" s="20">
        <v>0</v>
      </c>
      <c r="K628" s="20">
        <v>3.4284896000000002E-2</v>
      </c>
      <c r="L628" s="20">
        <v>5.6352321999999999</v>
      </c>
      <c r="M628" s="20">
        <v>0.12129548</v>
      </c>
      <c r="N628" s="20">
        <v>0.21852128000000001</v>
      </c>
      <c r="O628" s="20">
        <v>0.10247895</v>
      </c>
      <c r="P628" s="20">
        <v>0.53566301999999999</v>
      </c>
      <c r="Q628" s="20">
        <f t="shared" si="18"/>
        <v>0.97795873</v>
      </c>
      <c r="R628" s="20">
        <v>2.4109520999999998</v>
      </c>
      <c r="S628" s="20">
        <v>0.21146063000000001</v>
      </c>
      <c r="T628" s="20">
        <v>0.56026271000000005</v>
      </c>
      <c r="U628" s="20">
        <v>9.8979411999999996E-3</v>
      </c>
      <c r="V628" s="20">
        <v>21.73902</v>
      </c>
      <c r="X628" s="20">
        <f t="shared" si="19"/>
        <v>22.310389359991653</v>
      </c>
    </row>
    <row r="629" spans="2:24">
      <c r="B629" s="23">
        <v>0.77843749999738066</v>
      </c>
      <c r="C629" s="20">
        <v>5.1135346999999998</v>
      </c>
      <c r="D629" s="20">
        <v>0.20865663000000001</v>
      </c>
      <c r="E629" s="20">
        <v>0</v>
      </c>
      <c r="F629" s="20">
        <v>2.1013844E-2</v>
      </c>
      <c r="G629" s="20">
        <v>8.9736937999999997E-4</v>
      </c>
      <c r="H629" s="20">
        <v>0</v>
      </c>
      <c r="I629" s="20">
        <v>1.3695049E-3</v>
      </c>
      <c r="J629" s="20">
        <v>0</v>
      </c>
      <c r="K629" s="20">
        <v>4.5328334999999997E-2</v>
      </c>
      <c r="L629" s="20">
        <v>5.6986471999999999</v>
      </c>
      <c r="M629" s="20">
        <v>0</v>
      </c>
      <c r="N629" s="20">
        <v>3.4606480000000002E-3</v>
      </c>
      <c r="O629" s="20">
        <v>7.8087203999999993E-2</v>
      </c>
      <c r="P629" s="20">
        <v>0.45797586000000001</v>
      </c>
      <c r="Q629" s="20">
        <f t="shared" si="18"/>
        <v>0.53952371200000004</v>
      </c>
      <c r="R629" s="20">
        <v>2.1097743000000002</v>
      </c>
      <c r="S629" s="20">
        <v>0.20865663000000001</v>
      </c>
      <c r="T629" s="20">
        <v>0.56420596999999995</v>
      </c>
      <c r="U629" s="20">
        <v>2.1761908999999999E-2</v>
      </c>
      <c r="V629" s="20">
        <v>21.591172</v>
      </c>
      <c r="X629" s="20">
        <f t="shared" si="19"/>
        <v>22.178323641792527</v>
      </c>
    </row>
    <row r="630" spans="2:24">
      <c r="B630" s="23">
        <v>0.77893518518249039</v>
      </c>
      <c r="C630" s="20">
        <v>5.1172405000000003</v>
      </c>
      <c r="D630" s="20">
        <v>0.11535069000000001</v>
      </c>
      <c r="E630" s="20">
        <v>0</v>
      </c>
      <c r="F630" s="20">
        <v>2.4660288999999998E-2</v>
      </c>
      <c r="G630" s="20">
        <v>4.6932453999999997E-3</v>
      </c>
      <c r="H630" s="20">
        <v>0</v>
      </c>
      <c r="I630" s="20">
        <v>5.4364425999999997E-4</v>
      </c>
      <c r="J630" s="20">
        <v>0</v>
      </c>
      <c r="K630" s="20">
        <v>6.2831528999999997E-2</v>
      </c>
      <c r="L630" s="20">
        <v>5.7099649000000001</v>
      </c>
      <c r="M630" s="20">
        <v>8.6461210999999996E-2</v>
      </c>
      <c r="N630" s="20">
        <v>0</v>
      </c>
      <c r="O630" s="20">
        <v>9.4218960000000004E-2</v>
      </c>
      <c r="P630" s="20">
        <v>0.51183613999999999</v>
      </c>
      <c r="Q630" s="20">
        <f t="shared" si="18"/>
        <v>0.692516311</v>
      </c>
      <c r="R630" s="20">
        <v>1.9534879999999999</v>
      </c>
      <c r="S630" s="20">
        <v>0.11535069000000001</v>
      </c>
      <c r="T630" s="20">
        <v>0.53712685999999998</v>
      </c>
      <c r="U630" s="20">
        <v>1.7904581999999999E-2</v>
      </c>
      <c r="V630" s="20">
        <v>21.489308999999999</v>
      </c>
      <c r="X630" s="20">
        <f t="shared" si="19"/>
        <v>22.045524757179866</v>
      </c>
    </row>
    <row r="631" spans="2:24">
      <c r="B631" s="23">
        <v>0.77943287036760012</v>
      </c>
      <c r="C631" s="20">
        <v>5.2885689999999999</v>
      </c>
      <c r="D631" s="20">
        <v>0</v>
      </c>
      <c r="E631" s="20">
        <v>2.9189951999999998E-3</v>
      </c>
      <c r="F631" s="20">
        <v>3.4932247000000002E-4</v>
      </c>
      <c r="G631" s="20">
        <v>-4.5481348E-3</v>
      </c>
      <c r="H631" s="20">
        <v>0</v>
      </c>
      <c r="I631" s="20">
        <v>2.3142245999999999E-3</v>
      </c>
      <c r="J631" s="20">
        <v>0</v>
      </c>
      <c r="K631" s="20">
        <v>5.9614397E-2</v>
      </c>
      <c r="L631" s="20">
        <v>5.7607616000000004</v>
      </c>
      <c r="M631" s="20">
        <v>9.0561944000000005E-2</v>
      </c>
      <c r="N631" s="20">
        <v>0.19154199999999999</v>
      </c>
      <c r="O631" s="20">
        <v>0.13378694999999999</v>
      </c>
      <c r="P631" s="20">
        <v>0.36035707</v>
      </c>
      <c r="Q631" s="20">
        <f t="shared" si="18"/>
        <v>0.77624796399999996</v>
      </c>
      <c r="R631" s="20">
        <v>2.0924341000000002</v>
      </c>
      <c r="S631" s="20">
        <v>2.9189951999999998E-3</v>
      </c>
      <c r="T631" s="20">
        <v>0.51851091999999999</v>
      </c>
      <c r="U631" s="20">
        <v>2.3719776000000001E-2</v>
      </c>
      <c r="V631" s="20">
        <v>21.614812000000001</v>
      </c>
      <c r="X631" s="20">
        <f t="shared" si="19"/>
        <v>22.158231610636367</v>
      </c>
    </row>
    <row r="632" spans="2:24">
      <c r="B632" s="23">
        <v>0.7799421296294895</v>
      </c>
      <c r="C632" s="20">
        <v>5.0888743999999999</v>
      </c>
      <c r="D632" s="20">
        <v>5.8100102000000001E-2</v>
      </c>
      <c r="E632" s="20">
        <v>1.0485278999999999E-3</v>
      </c>
      <c r="F632" s="20">
        <v>0</v>
      </c>
      <c r="G632" s="20">
        <v>-2.1856187999999999E-2</v>
      </c>
      <c r="H632" s="20">
        <v>0</v>
      </c>
      <c r="I632" s="20">
        <v>0</v>
      </c>
      <c r="J632" s="20">
        <v>0</v>
      </c>
      <c r="K632" s="20">
        <v>4.4503435000000001E-2</v>
      </c>
      <c r="L632" s="20">
        <v>5.6610772000000003</v>
      </c>
      <c r="M632" s="20">
        <v>0.11073537999999999</v>
      </c>
      <c r="N632" s="20">
        <v>0.22678287</v>
      </c>
      <c r="O632" s="20">
        <v>0.11535806999999999</v>
      </c>
      <c r="P632" s="20">
        <v>0.4252129</v>
      </c>
      <c r="Q632" s="20">
        <f t="shared" si="18"/>
        <v>0.87808922</v>
      </c>
      <c r="R632" s="20">
        <v>2.3926413000000002</v>
      </c>
      <c r="S632" s="20">
        <v>5.9148630000000001E-2</v>
      </c>
      <c r="T632" s="20">
        <v>0.51904063</v>
      </c>
      <c r="U632" s="20">
        <v>1.406551E-2</v>
      </c>
      <c r="V632" s="20">
        <v>21.574859</v>
      </c>
      <c r="X632" s="20">
        <f t="shared" si="19"/>
        <v>22.109142038532692</v>
      </c>
    </row>
    <row r="633" spans="2:24">
      <c r="B633" s="23">
        <v>0.78043981481459923</v>
      </c>
      <c r="C633" s="20">
        <v>5.0676949999999996</v>
      </c>
      <c r="D633" s="20">
        <v>0.28883036000000001</v>
      </c>
      <c r="E633" s="20">
        <v>5.0892319999999998E-2</v>
      </c>
      <c r="F633" s="20">
        <v>0</v>
      </c>
      <c r="G633" s="20">
        <v>-2.7879788999999999E-2</v>
      </c>
      <c r="H633" s="20">
        <v>0</v>
      </c>
      <c r="I633" s="20">
        <v>1.9621335000000002E-3</v>
      </c>
      <c r="J633" s="20">
        <v>0</v>
      </c>
      <c r="K633" s="20">
        <v>2.6825547000000002E-2</v>
      </c>
      <c r="L633" s="20">
        <v>5.5306341999999997</v>
      </c>
      <c r="M633" s="20">
        <v>0</v>
      </c>
      <c r="N633" s="20">
        <v>0.31685964</v>
      </c>
      <c r="O633" s="20">
        <v>6.5402889000000006E-2</v>
      </c>
      <c r="P633" s="20">
        <v>0.46789517000000003</v>
      </c>
      <c r="Q633" s="20">
        <f t="shared" si="18"/>
        <v>0.85015769900000004</v>
      </c>
      <c r="R633" s="20">
        <v>2.4582603000000001</v>
      </c>
      <c r="S633" s="20">
        <v>0.33972268</v>
      </c>
      <c r="T633" s="20">
        <v>0.49359381000000002</v>
      </c>
      <c r="U633" s="20">
        <v>1.0864360999999999E-2</v>
      </c>
      <c r="V633" s="20">
        <v>21.645880999999999</v>
      </c>
      <c r="X633" s="20">
        <f t="shared" si="19"/>
        <v>22.151552055015049</v>
      </c>
    </row>
    <row r="634" spans="2:24">
      <c r="B634" s="23">
        <v>0.78093749999970896</v>
      </c>
      <c r="C634" s="20">
        <v>4.7323063999999997</v>
      </c>
      <c r="D634" s="20">
        <v>0.41853337000000002</v>
      </c>
      <c r="E634" s="20">
        <v>0</v>
      </c>
      <c r="F634" s="20">
        <v>0</v>
      </c>
      <c r="G634" s="20">
        <v>-1.9367454999999999E-2</v>
      </c>
      <c r="H634" s="20">
        <v>0</v>
      </c>
      <c r="I634" s="20">
        <v>0</v>
      </c>
      <c r="J634" s="20">
        <v>0</v>
      </c>
      <c r="K634" s="20">
        <v>2.6670750999999999E-2</v>
      </c>
      <c r="L634" s="20">
        <v>5.3137999000000002</v>
      </c>
      <c r="M634" s="20">
        <v>0</v>
      </c>
      <c r="N634" s="20">
        <v>0.11542471</v>
      </c>
      <c r="O634" s="20">
        <v>4.9875836E-2</v>
      </c>
      <c r="P634" s="20">
        <v>0.57928648000000005</v>
      </c>
      <c r="Q634" s="20">
        <f t="shared" si="18"/>
        <v>0.74458702600000004</v>
      </c>
      <c r="R634" s="20">
        <v>2.5930065999999998</v>
      </c>
      <c r="S634" s="20">
        <v>0.41853337000000002</v>
      </c>
      <c r="T634" s="20">
        <v>0.51208155</v>
      </c>
      <c r="U634" s="20">
        <v>2.8488748999999998E-3</v>
      </c>
      <c r="V634" s="20">
        <v>21.520253</v>
      </c>
      <c r="X634" s="20">
        <f t="shared" si="19"/>
        <v>22.036346931236203</v>
      </c>
    </row>
    <row r="635" spans="2:24">
      <c r="B635" s="23">
        <v>0.78143518518481869</v>
      </c>
      <c r="C635" s="20">
        <v>4.1935818999999999</v>
      </c>
      <c r="D635" s="20">
        <v>0.33183697000000001</v>
      </c>
      <c r="E635" s="20">
        <v>0</v>
      </c>
      <c r="F635" s="20">
        <v>0</v>
      </c>
      <c r="G635" s="20">
        <v>2.5482156000000001E-3</v>
      </c>
      <c r="H635" s="20">
        <v>0</v>
      </c>
      <c r="I635" s="20">
        <v>0</v>
      </c>
      <c r="J635" s="20">
        <v>0</v>
      </c>
      <c r="K635" s="20">
        <v>3.6854919999999999E-2</v>
      </c>
      <c r="L635" s="20">
        <v>4.8206324</v>
      </c>
      <c r="M635" s="20">
        <v>0</v>
      </c>
      <c r="N635" s="20">
        <v>9.2935520999999993E-2</v>
      </c>
      <c r="O635" s="20">
        <v>4.4211716999999998E-2</v>
      </c>
      <c r="P635" s="20">
        <v>0.54761638000000001</v>
      </c>
      <c r="Q635" s="20">
        <f t="shared" si="18"/>
        <v>0.68476361800000007</v>
      </c>
      <c r="R635" s="20">
        <v>2.5026625999999998</v>
      </c>
      <c r="S635" s="20">
        <v>0.33183697000000001</v>
      </c>
      <c r="T635" s="20">
        <v>0.52068762000000002</v>
      </c>
      <c r="U635" s="20">
        <v>8.1957708000000001E-3</v>
      </c>
      <c r="V635" s="20">
        <v>21.310984000000001</v>
      </c>
      <c r="X635" s="20">
        <f t="shared" si="19"/>
        <v>21.840907596299363</v>
      </c>
    </row>
    <row r="636" spans="2:24">
      <c r="B636" s="23">
        <v>0.78194444444670808</v>
      </c>
      <c r="C636" s="20">
        <v>3.9966021999999999</v>
      </c>
      <c r="D636" s="20">
        <v>0.11001830999999999</v>
      </c>
      <c r="E636" s="20">
        <v>0</v>
      </c>
      <c r="F636" s="20">
        <v>0</v>
      </c>
      <c r="G636" s="20">
        <v>4.6353973E-3</v>
      </c>
      <c r="H636" s="20">
        <v>0</v>
      </c>
      <c r="I636" s="20">
        <v>3.4918483000000002E-3</v>
      </c>
      <c r="J636" s="20">
        <v>0</v>
      </c>
      <c r="K636" s="20">
        <v>4.3559676999999998E-2</v>
      </c>
      <c r="L636" s="20">
        <v>4.6526129000000003</v>
      </c>
      <c r="M636" s="20">
        <v>5.6372426000000003E-2</v>
      </c>
      <c r="N636" s="20">
        <v>1.9678695999999999E-2</v>
      </c>
      <c r="O636" s="20">
        <v>7.3614763999999999E-2</v>
      </c>
      <c r="P636" s="20">
        <v>0.39347745000000001</v>
      </c>
      <c r="Q636" s="20">
        <f t="shared" si="18"/>
        <v>0.54314333599999998</v>
      </c>
      <c r="R636" s="20">
        <v>1.9792803000000001</v>
      </c>
      <c r="S636" s="20">
        <v>0.11001830999999999</v>
      </c>
      <c r="T636" s="20">
        <v>0.52616158999999996</v>
      </c>
      <c r="U636" s="20">
        <v>0</v>
      </c>
      <c r="V636" s="20">
        <v>21.412358000000001</v>
      </c>
      <c r="X636" s="20">
        <f t="shared" si="19"/>
        <v>21.939465998197861</v>
      </c>
    </row>
    <row r="637" spans="2:24">
      <c r="B637" s="23">
        <v>0.78244212963181781</v>
      </c>
      <c r="C637" s="20">
        <v>3.8569955</v>
      </c>
      <c r="D637" s="20">
        <v>0.11667352</v>
      </c>
      <c r="E637" s="20">
        <v>0</v>
      </c>
      <c r="F637" s="20">
        <v>1.0847980999999999E-3</v>
      </c>
      <c r="G637" s="20">
        <v>-4.0372890999999999E-3</v>
      </c>
      <c r="H637" s="20">
        <v>0</v>
      </c>
      <c r="I637" s="20">
        <v>8.6110735000000001E-3</v>
      </c>
      <c r="J637" s="20">
        <v>5.7970409999999997E-5</v>
      </c>
      <c r="K637" s="20">
        <v>2.041405E-2</v>
      </c>
      <c r="L637" s="20">
        <v>4.4989172999999996</v>
      </c>
      <c r="M637" s="20">
        <v>5.0733984000000003E-2</v>
      </c>
      <c r="N637" s="20">
        <v>2.8049497E-2</v>
      </c>
      <c r="O637" s="20">
        <v>4.7976418E-2</v>
      </c>
      <c r="P637" s="20">
        <v>0.32011593999999999</v>
      </c>
      <c r="Q637" s="20">
        <f t="shared" si="18"/>
        <v>0.446875839</v>
      </c>
      <c r="R637" s="20">
        <v>1.7435607</v>
      </c>
      <c r="S637" s="20">
        <v>0.11667352</v>
      </c>
      <c r="T637" s="20">
        <v>0.516208</v>
      </c>
      <c r="U637" s="20">
        <v>0</v>
      </c>
      <c r="V637" s="20">
        <v>21.55264</v>
      </c>
      <c r="X637" s="20">
        <f t="shared" si="19"/>
        <v>22.069754226628191</v>
      </c>
    </row>
    <row r="638" spans="2:24">
      <c r="B638" s="23">
        <v>0.78293981481692754</v>
      </c>
      <c r="C638" s="20">
        <v>4.0452367000000002</v>
      </c>
      <c r="D638" s="20">
        <v>0.1225207</v>
      </c>
      <c r="E638" s="20">
        <v>0</v>
      </c>
      <c r="F638" s="20">
        <v>0</v>
      </c>
      <c r="G638" s="20">
        <v>-3.6129425E-2</v>
      </c>
      <c r="H638" s="20">
        <v>0</v>
      </c>
      <c r="I638" s="20">
        <v>1.4363269E-2</v>
      </c>
      <c r="J638" s="20">
        <v>6.3668529E-3</v>
      </c>
      <c r="K638" s="20">
        <v>1.3037292000000001E-2</v>
      </c>
      <c r="L638" s="20">
        <v>4.5547513999999998</v>
      </c>
      <c r="M638" s="20">
        <v>8.5286003999999999E-2</v>
      </c>
      <c r="N638" s="20">
        <v>5.3264572000000003E-2</v>
      </c>
      <c r="O638" s="20">
        <v>4.6171404999999999E-2</v>
      </c>
      <c r="P638" s="20">
        <v>0.34094903999999998</v>
      </c>
      <c r="Q638" s="20">
        <f t="shared" si="18"/>
        <v>0.52567102099999996</v>
      </c>
      <c r="R638" s="20">
        <v>1.4108319</v>
      </c>
      <c r="S638" s="20">
        <v>0.1225207</v>
      </c>
      <c r="T638" s="20">
        <v>0.53730348999999999</v>
      </c>
      <c r="U638" s="20">
        <v>0</v>
      </c>
      <c r="V638" s="20">
        <v>21.443415999999999</v>
      </c>
      <c r="X638" s="20">
        <f t="shared" si="19"/>
        <v>21.981656323850988</v>
      </c>
    </row>
    <row r="639" spans="2:24">
      <c r="B639" s="23">
        <v>0.78343750000203727</v>
      </c>
      <c r="C639" s="20">
        <v>3.8174380999999999</v>
      </c>
      <c r="D639" s="20">
        <v>0.19149806</v>
      </c>
      <c r="E639" s="20">
        <v>0</v>
      </c>
      <c r="F639" s="20">
        <v>0</v>
      </c>
      <c r="G639" s="20">
        <v>-1.1850869E-2</v>
      </c>
      <c r="H639" s="20">
        <v>0</v>
      </c>
      <c r="I639" s="20">
        <v>7.2160751999999998E-3</v>
      </c>
      <c r="J639" s="20">
        <v>0</v>
      </c>
      <c r="K639" s="20">
        <v>1.6147982000000002E-2</v>
      </c>
      <c r="L639" s="20">
        <v>4.4512400000000003</v>
      </c>
      <c r="M639" s="20">
        <v>7.5037560000000003E-2</v>
      </c>
      <c r="N639" s="20">
        <v>7.0614171000000003E-2</v>
      </c>
      <c r="O639" s="20">
        <v>9.5298206000000007E-3</v>
      </c>
      <c r="P639" s="20">
        <v>0.40792853000000001</v>
      </c>
      <c r="Q639" s="20">
        <f t="shared" si="18"/>
        <v>0.56311008159999998</v>
      </c>
      <c r="R639" s="20">
        <v>1.9674649</v>
      </c>
      <c r="S639" s="20">
        <v>0.19149806</v>
      </c>
      <c r="T639" s="20">
        <v>0.56184886000000001</v>
      </c>
      <c r="U639" s="20">
        <v>0</v>
      </c>
      <c r="V639" s="20">
        <v>21.385473000000001</v>
      </c>
      <c r="X639" s="20">
        <f t="shared" si="19"/>
        <v>21.948244489748983</v>
      </c>
    </row>
    <row r="640" spans="2:24">
      <c r="B640" s="23">
        <v>0.783935185187147</v>
      </c>
      <c r="C640" s="20">
        <v>3.8557519999999998</v>
      </c>
      <c r="D640" s="20">
        <v>3.7290610000000002E-2</v>
      </c>
      <c r="E640" s="20">
        <v>0</v>
      </c>
      <c r="F640" s="20">
        <v>0</v>
      </c>
      <c r="G640" s="20">
        <v>-2.9997638E-2</v>
      </c>
      <c r="H640" s="20">
        <v>0</v>
      </c>
      <c r="I640" s="20">
        <v>3.0500845E-3</v>
      </c>
      <c r="J640" s="20">
        <v>0</v>
      </c>
      <c r="K640" s="20">
        <v>4.2146294000000001E-2</v>
      </c>
      <c r="L640" s="20">
        <v>4.5224158000000001</v>
      </c>
      <c r="M640" s="20">
        <v>0.12622273000000001</v>
      </c>
      <c r="N640" s="20">
        <v>5.2444271000000001E-2</v>
      </c>
      <c r="O640" s="20">
        <v>8.2479118000000004E-3</v>
      </c>
      <c r="P640" s="20">
        <v>0.50928859999999998</v>
      </c>
      <c r="Q640" s="20">
        <f t="shared" si="18"/>
        <v>0.69620351279999992</v>
      </c>
      <c r="R640" s="20">
        <v>2.1087406</v>
      </c>
      <c r="S640" s="20">
        <v>3.7290610000000002E-2</v>
      </c>
      <c r="T640" s="20">
        <v>0.54877001999999997</v>
      </c>
      <c r="U640" s="20">
        <v>0</v>
      </c>
      <c r="V640" s="20">
        <v>21.676939000000001</v>
      </c>
      <c r="X640" s="20">
        <f t="shared" si="19"/>
        <v>22.226625435127332</v>
      </c>
    </row>
    <row r="641" spans="2:24">
      <c r="B641" s="23">
        <v>0.78444444444176042</v>
      </c>
      <c r="C641" s="20">
        <v>3.6183372999999999</v>
      </c>
      <c r="D641" s="20">
        <v>0.20973232999999999</v>
      </c>
      <c r="E641" s="20">
        <v>0</v>
      </c>
      <c r="F641" s="20">
        <v>0</v>
      </c>
      <c r="G641" s="20">
        <v>-4.5182992E-3</v>
      </c>
      <c r="H641" s="20">
        <v>0</v>
      </c>
      <c r="I641" s="20">
        <v>7.6586846E-3</v>
      </c>
      <c r="J641" s="20">
        <v>0</v>
      </c>
      <c r="K641" s="20">
        <v>7.0528574999999996E-2</v>
      </c>
      <c r="L641" s="20">
        <v>4.3809218999999997</v>
      </c>
      <c r="M641" s="20">
        <v>8.6129317999999996E-2</v>
      </c>
      <c r="N641" s="20">
        <v>1.4793186999999999E-2</v>
      </c>
      <c r="O641" s="20">
        <v>1.7445866000000001E-2</v>
      </c>
      <c r="P641" s="20">
        <v>0.43783684</v>
      </c>
      <c r="Q641" s="20">
        <f t="shared" si="18"/>
        <v>0.55620521099999998</v>
      </c>
      <c r="R641" s="20">
        <v>2.2676656999999998</v>
      </c>
      <c r="S641" s="20">
        <v>0.20973232999999999</v>
      </c>
      <c r="T641" s="20">
        <v>0.49200748999999999</v>
      </c>
      <c r="U641" s="20">
        <v>1.2140359999999999E-2</v>
      </c>
      <c r="V641" s="20">
        <v>21.319122</v>
      </c>
      <c r="X641" s="20">
        <f t="shared" si="19"/>
        <v>21.824174709803138</v>
      </c>
    </row>
    <row r="642" spans="2:24">
      <c r="B642" s="23">
        <v>0.78494212962687016</v>
      </c>
      <c r="C642" s="20">
        <v>3.4439660999999999</v>
      </c>
      <c r="D642" s="20">
        <v>0.12031013</v>
      </c>
      <c r="E642" s="20">
        <v>0</v>
      </c>
      <c r="F642" s="20">
        <v>0</v>
      </c>
      <c r="G642" s="20">
        <v>-1.4994515999999999E-3</v>
      </c>
      <c r="H642" s="20">
        <v>0</v>
      </c>
      <c r="I642" s="20">
        <v>5.0034171000000001E-3</v>
      </c>
      <c r="J642" s="20">
        <v>0</v>
      </c>
      <c r="K642" s="20">
        <v>6.3354037000000002E-2</v>
      </c>
      <c r="L642" s="20">
        <v>4.2465259</v>
      </c>
      <c r="M642" s="20">
        <v>3.4047178999999997E-2</v>
      </c>
      <c r="N642" s="20">
        <v>2.4571467999999999E-2</v>
      </c>
      <c r="O642" s="20">
        <v>1.2382519E-2</v>
      </c>
      <c r="P642" s="20">
        <v>0.49726007999999999</v>
      </c>
      <c r="Q642" s="20">
        <f t="shared" si="18"/>
        <v>0.56826124599999994</v>
      </c>
      <c r="R642" s="20">
        <v>2.2677912999999998</v>
      </c>
      <c r="S642" s="20">
        <v>0.12031013</v>
      </c>
      <c r="T642" s="20">
        <v>0.47566810999999998</v>
      </c>
      <c r="U642" s="20">
        <v>6.4472881999999999E-3</v>
      </c>
      <c r="V642" s="20">
        <v>21.489308999999999</v>
      </c>
      <c r="X642" s="20">
        <f t="shared" si="19"/>
        <v>21.972281021350849</v>
      </c>
    </row>
    <row r="643" spans="2:24">
      <c r="B643" s="23">
        <v>0.78547453703504289</v>
      </c>
      <c r="C643" s="20">
        <v>3.4339282</v>
      </c>
      <c r="D643" s="20">
        <v>0.18508004</v>
      </c>
      <c r="E643" s="20">
        <v>8.2868186000000007E-3</v>
      </c>
      <c r="F643" s="20">
        <v>0</v>
      </c>
      <c r="G643" s="20">
        <v>-5.1320604000000001E-3</v>
      </c>
      <c r="H643" s="20">
        <v>0</v>
      </c>
      <c r="I643" s="20">
        <v>4.6119007999999998E-3</v>
      </c>
      <c r="J643" s="20">
        <v>0</v>
      </c>
      <c r="K643" s="20">
        <v>6.1982931999999998E-2</v>
      </c>
      <c r="L643" s="20">
        <v>4.3545635000000003</v>
      </c>
      <c r="M643" s="20">
        <v>4.3165422000000002E-2</v>
      </c>
      <c r="N643" s="20">
        <v>8.5506306000000004E-2</v>
      </c>
      <c r="O643" s="20">
        <v>4.7415192000000002E-2</v>
      </c>
      <c r="P643" s="20">
        <v>0.37782995000000003</v>
      </c>
      <c r="Q643" s="20">
        <f t="shared" si="18"/>
        <v>0.55391687000000001</v>
      </c>
      <c r="R643" s="20">
        <v>2.1308741000000002</v>
      </c>
      <c r="S643" s="20">
        <v>0.19336686</v>
      </c>
      <c r="T643" s="20">
        <v>0.47986574999999998</v>
      </c>
      <c r="U643" s="20">
        <v>8.6221833000000008E-3</v>
      </c>
      <c r="V643" s="20">
        <v>21.715243999999998</v>
      </c>
      <c r="X643" s="20">
        <f t="shared" si="19"/>
        <v>22.204610993806099</v>
      </c>
    </row>
    <row r="644" spans="2:24">
      <c r="B644" s="23">
        <v>0.78597222222015262</v>
      </c>
      <c r="C644" s="20">
        <v>3.6398174000000001</v>
      </c>
      <c r="D644" s="20">
        <v>0.10249055999999999</v>
      </c>
      <c r="E644" s="20">
        <v>0</v>
      </c>
      <c r="F644" s="20">
        <v>0</v>
      </c>
      <c r="G644" s="20">
        <v>-3.3907606999999999E-2</v>
      </c>
      <c r="H644" s="20">
        <v>0</v>
      </c>
      <c r="I644" s="20">
        <v>0</v>
      </c>
      <c r="J644" s="20">
        <v>0</v>
      </c>
      <c r="K644" s="20">
        <v>3.3084268E-2</v>
      </c>
      <c r="L644" s="20">
        <v>4.4714394000000004</v>
      </c>
      <c r="M644" s="20">
        <v>4.7322467999999999E-2</v>
      </c>
      <c r="N644" s="20">
        <v>0.10066460000000001</v>
      </c>
      <c r="O644" s="20">
        <v>3.4739386999999997E-2</v>
      </c>
      <c r="P644" s="20">
        <v>0.47696297999999998</v>
      </c>
      <c r="Q644" s="20">
        <f t="shared" si="18"/>
        <v>0.65968943499999999</v>
      </c>
      <c r="R644" s="20">
        <v>2.1532848000000002</v>
      </c>
      <c r="S644" s="20">
        <v>0.10249055999999999</v>
      </c>
      <c r="T644" s="20">
        <v>0.53302643999999999</v>
      </c>
      <c r="U644" s="20">
        <v>5.8489456000000001E-4</v>
      </c>
      <c r="V644" s="20">
        <v>21.280006</v>
      </c>
      <c r="X644" s="20">
        <f t="shared" si="19"/>
        <v>21.8145148449616</v>
      </c>
    </row>
    <row r="645" spans="2:24">
      <c r="B645" s="23">
        <v>0.78646990740526235</v>
      </c>
      <c r="C645" s="20">
        <v>3.6937902</v>
      </c>
      <c r="D645" s="20">
        <v>0.32656650999999998</v>
      </c>
      <c r="E645" s="20">
        <v>0</v>
      </c>
      <c r="F645" s="20">
        <v>0</v>
      </c>
      <c r="G645" s="20">
        <v>-9.1412622999999995E-3</v>
      </c>
      <c r="H645" s="20">
        <v>0</v>
      </c>
      <c r="I645" s="20">
        <v>2.3533832999999998E-3</v>
      </c>
      <c r="J645" s="20">
        <v>0</v>
      </c>
      <c r="K645" s="20">
        <v>1.8094334E-2</v>
      </c>
      <c r="L645" s="20">
        <v>4.4352675000000001</v>
      </c>
      <c r="M645" s="20">
        <v>5.1185132000000001E-2</v>
      </c>
      <c r="N645" s="20">
        <v>4.8174230999999998E-2</v>
      </c>
      <c r="O645" s="20">
        <v>7.9860189999999998E-2</v>
      </c>
      <c r="P645" s="20">
        <v>0.39510486</v>
      </c>
      <c r="Q645" s="20">
        <f t="shared" si="18"/>
        <v>0.57432441300000003</v>
      </c>
      <c r="R645" s="20">
        <v>1.7236153000000001</v>
      </c>
      <c r="S645" s="20">
        <v>0.32656650999999998</v>
      </c>
      <c r="T645" s="20">
        <v>0.52623065000000002</v>
      </c>
      <c r="U645" s="20">
        <v>3.6834696000000002E-3</v>
      </c>
      <c r="V645" s="20">
        <v>21.512913999999999</v>
      </c>
      <c r="X645" s="20">
        <f t="shared" si="19"/>
        <v>22.043764901758799</v>
      </c>
    </row>
    <row r="646" spans="2:24">
      <c r="B646" s="23">
        <v>0.78700231481343508</v>
      </c>
      <c r="C646" s="20">
        <v>3.5609351999999999</v>
      </c>
      <c r="D646" s="20">
        <v>0.22951183</v>
      </c>
      <c r="E646" s="20">
        <v>0</v>
      </c>
      <c r="F646" s="20">
        <v>0</v>
      </c>
      <c r="G646" s="20">
        <v>-7.2772341000000001E-3</v>
      </c>
      <c r="H646" s="20">
        <v>0</v>
      </c>
      <c r="I646" s="20">
        <v>0</v>
      </c>
      <c r="J646" s="20">
        <v>0</v>
      </c>
      <c r="K646" s="20">
        <v>3.2258963999999999E-3</v>
      </c>
      <c r="L646" s="20">
        <v>4.1698339000000004</v>
      </c>
      <c r="M646" s="20">
        <v>0</v>
      </c>
      <c r="N646" s="20">
        <v>5.5986483999999996E-3</v>
      </c>
      <c r="O646" s="20">
        <v>4.6026338999999999E-2</v>
      </c>
      <c r="P646" s="20">
        <v>0.48903807999999999</v>
      </c>
      <c r="Q646" s="20">
        <f t="shared" si="18"/>
        <v>0.54066306740000003</v>
      </c>
      <c r="R646" s="20">
        <v>1.7018956000000001</v>
      </c>
      <c r="S646" s="20">
        <v>0.22951183</v>
      </c>
      <c r="T646" s="20">
        <v>0.53333277000000001</v>
      </c>
      <c r="U646" s="20">
        <v>0</v>
      </c>
      <c r="V646" s="20">
        <v>21.614812000000001</v>
      </c>
      <c r="X646" s="20">
        <f t="shared" si="19"/>
        <v>22.149017410448973</v>
      </c>
    </row>
    <row r="647" spans="2:24">
      <c r="B647" s="23">
        <v>0.78749999999854481</v>
      </c>
      <c r="C647" s="20">
        <v>3.5315260999999998</v>
      </c>
      <c r="D647" s="20">
        <v>0.15669183</v>
      </c>
      <c r="E647" s="20">
        <v>0</v>
      </c>
      <c r="F647" s="20">
        <v>0</v>
      </c>
      <c r="G647" s="20">
        <v>-5.0646467000000001E-2</v>
      </c>
      <c r="H647" s="20">
        <v>0</v>
      </c>
      <c r="I647" s="20">
        <v>3.6354757999999998E-3</v>
      </c>
      <c r="J647" s="20">
        <v>0</v>
      </c>
      <c r="K647" s="20">
        <v>6.9217803000000003E-3</v>
      </c>
      <c r="L647" s="20">
        <v>4.1603833000000003</v>
      </c>
      <c r="M647" s="20">
        <v>0</v>
      </c>
      <c r="N647" s="20">
        <v>0</v>
      </c>
      <c r="O647" s="20">
        <v>9.5069256000000005E-2</v>
      </c>
      <c r="P647" s="20">
        <v>0.43232454999999997</v>
      </c>
      <c r="Q647" s="20">
        <f t="shared" si="18"/>
        <v>0.52739380599999997</v>
      </c>
      <c r="R647" s="20">
        <v>1.7158407</v>
      </c>
      <c r="S647" s="20">
        <v>0.15669183</v>
      </c>
      <c r="T647" s="20">
        <v>0.51516008000000002</v>
      </c>
      <c r="U647" s="20">
        <v>0</v>
      </c>
      <c r="V647" s="20">
        <v>21.560124999999999</v>
      </c>
      <c r="X647" s="20">
        <f t="shared" si="19"/>
        <v>22.07613433976551</v>
      </c>
    </row>
    <row r="648" spans="2:24">
      <c r="B648" s="23">
        <v>0.78799768518365454</v>
      </c>
      <c r="C648" s="20">
        <v>3.6747266000000001</v>
      </c>
      <c r="D648" s="20">
        <v>0.13532836000000001</v>
      </c>
      <c r="E648" s="20">
        <v>0</v>
      </c>
      <c r="F648" s="20">
        <v>0</v>
      </c>
      <c r="G648" s="20">
        <v>-6.6147849000000002E-3</v>
      </c>
      <c r="H648" s="20">
        <v>0</v>
      </c>
      <c r="I648" s="20">
        <v>0</v>
      </c>
      <c r="J648" s="20">
        <v>0</v>
      </c>
      <c r="K648" s="20">
        <v>4.5969401E-2</v>
      </c>
      <c r="L648" s="20">
        <v>4.2664435999999997</v>
      </c>
      <c r="M648" s="20">
        <v>0.11428632</v>
      </c>
      <c r="N648" s="20">
        <v>0</v>
      </c>
      <c r="O648" s="20">
        <v>0.13263717999999999</v>
      </c>
      <c r="P648" s="20">
        <v>0.49356718999999999</v>
      </c>
      <c r="Q648" s="20">
        <f t="shared" ref="Q648:Q711" si="20">M648+N648+O648+P648</f>
        <v>0.74049069000000001</v>
      </c>
      <c r="R648" s="20">
        <v>2.0078049999999998</v>
      </c>
      <c r="S648" s="20">
        <v>0.13532836000000001</v>
      </c>
      <c r="T648" s="20">
        <v>0.52338236999999999</v>
      </c>
      <c r="U648" s="20">
        <v>0</v>
      </c>
      <c r="V648" s="20">
        <v>21.605815</v>
      </c>
      <c r="X648" s="20">
        <f t="shared" ref="X648:X711" si="21">(SUM(C648:S648)-Q648-R648)/10000+SUM(T648:V648)</f>
        <v>22.130096537222609</v>
      </c>
    </row>
    <row r="649" spans="2:24">
      <c r="B649" s="23">
        <v>0.78850694444554392</v>
      </c>
      <c r="C649" s="20">
        <v>3.6431181000000001</v>
      </c>
      <c r="D649" s="20">
        <v>0.43687707999999997</v>
      </c>
      <c r="E649" s="20">
        <v>0</v>
      </c>
      <c r="F649" s="20">
        <v>0</v>
      </c>
      <c r="G649" s="20">
        <v>-4.9845430000000001E-3</v>
      </c>
      <c r="H649" s="20">
        <v>0</v>
      </c>
      <c r="I649" s="20">
        <v>1.0454156E-4</v>
      </c>
      <c r="J649" s="20">
        <v>0</v>
      </c>
      <c r="K649" s="20">
        <v>4.9858469000000002E-2</v>
      </c>
      <c r="L649" s="20">
        <v>4.4579157</v>
      </c>
      <c r="M649" s="20">
        <v>0.13820613000000001</v>
      </c>
      <c r="N649" s="20">
        <v>4.1232697999999998E-2</v>
      </c>
      <c r="O649" s="20">
        <v>0.13140492000000001</v>
      </c>
      <c r="P649" s="20">
        <v>0.50162428999999997</v>
      </c>
      <c r="Q649" s="20">
        <f t="shared" si="20"/>
        <v>0.812468038</v>
      </c>
      <c r="R649" s="20">
        <v>2.2041876</v>
      </c>
      <c r="S649" s="20">
        <v>0.43687707999999997</v>
      </c>
      <c r="T649" s="20">
        <v>0.55081214999999994</v>
      </c>
      <c r="U649" s="20">
        <v>0</v>
      </c>
      <c r="V649" s="20">
        <v>21.691469000000001</v>
      </c>
      <c r="X649" s="20">
        <f t="shared" si="21"/>
        <v>22.243264373446557</v>
      </c>
    </row>
    <row r="650" spans="2:24">
      <c r="B650" s="23">
        <v>0.78900462963065365</v>
      </c>
      <c r="C650" s="20">
        <v>3.6193110000000002</v>
      </c>
      <c r="D650" s="20">
        <v>0.49500812999999999</v>
      </c>
      <c r="E650" s="20">
        <v>0</v>
      </c>
      <c r="F650" s="20">
        <v>0</v>
      </c>
      <c r="G650" s="20">
        <v>-1.8400883E-2</v>
      </c>
      <c r="H650" s="20">
        <v>0</v>
      </c>
      <c r="I650" s="20">
        <v>0</v>
      </c>
      <c r="J650" s="20">
        <v>0</v>
      </c>
      <c r="K650" s="20">
        <v>5.7882838999999998E-2</v>
      </c>
      <c r="L650" s="20">
        <v>4.3891597000000004</v>
      </c>
      <c r="M650" s="20">
        <v>0.18204897</v>
      </c>
      <c r="N650" s="20">
        <v>4.6524389999999999E-2</v>
      </c>
      <c r="O650" s="20">
        <v>8.0606458000000006E-2</v>
      </c>
      <c r="P650" s="20">
        <v>0.53039192999999996</v>
      </c>
      <c r="Q650" s="20">
        <f t="shared" si="20"/>
        <v>0.83957174800000001</v>
      </c>
      <c r="R650" s="20">
        <v>2.1114147000000001</v>
      </c>
      <c r="S650" s="20">
        <v>0.49500812999999999</v>
      </c>
      <c r="T650" s="20">
        <v>0.56177334000000001</v>
      </c>
      <c r="U650" s="20">
        <v>0</v>
      </c>
      <c r="V650" s="20">
        <v>21.520253</v>
      </c>
      <c r="X650" s="20">
        <f t="shared" si="21"/>
        <v>22.083014094066399</v>
      </c>
    </row>
    <row r="651" spans="2:24">
      <c r="B651" s="23">
        <v>0.78950231481576338</v>
      </c>
      <c r="C651" s="20">
        <v>3.4721945000000001</v>
      </c>
      <c r="D651" s="20">
        <v>0.38407069999999999</v>
      </c>
      <c r="E651" s="20">
        <v>0</v>
      </c>
      <c r="F651" s="20">
        <v>0</v>
      </c>
      <c r="G651" s="20">
        <v>-1.1016801999999999E-3</v>
      </c>
      <c r="H651" s="20">
        <v>0</v>
      </c>
      <c r="I651" s="20">
        <v>0</v>
      </c>
      <c r="J651" s="20">
        <v>0</v>
      </c>
      <c r="K651" s="20">
        <v>2.6895494999999998E-2</v>
      </c>
      <c r="L651" s="20">
        <v>4.0845190999999996</v>
      </c>
      <c r="M651" s="20">
        <v>0.11614817</v>
      </c>
      <c r="N651" s="20">
        <v>5.7655137000000002E-2</v>
      </c>
      <c r="O651" s="20">
        <v>4.3232406000000001E-2</v>
      </c>
      <c r="P651" s="20">
        <v>0.53273672999999999</v>
      </c>
      <c r="Q651" s="20">
        <f t="shared" si="20"/>
        <v>0.74977244300000001</v>
      </c>
      <c r="R651" s="20">
        <v>2.0340563</v>
      </c>
      <c r="S651" s="20">
        <v>0.38407069999999999</v>
      </c>
      <c r="T651" s="20">
        <v>0.56696011000000002</v>
      </c>
      <c r="U651" s="20">
        <v>3.7107822000000002E-3</v>
      </c>
      <c r="V651" s="20">
        <v>21.396408000000001</v>
      </c>
      <c r="X651" s="20">
        <f t="shared" si="21"/>
        <v>21.967988934325781</v>
      </c>
    </row>
    <row r="652" spans="2:24">
      <c r="B652" s="23">
        <v>0.79000000000087311</v>
      </c>
      <c r="C652" s="20">
        <v>3.2604396000000002</v>
      </c>
      <c r="D652" s="20">
        <v>0.23276374999999999</v>
      </c>
      <c r="E652" s="20">
        <v>0</v>
      </c>
      <c r="F652" s="20">
        <v>0</v>
      </c>
      <c r="G652" s="20">
        <v>-2.6754942E-2</v>
      </c>
      <c r="H652" s="20">
        <v>0</v>
      </c>
      <c r="I652" s="20">
        <v>4.0965684999999998E-3</v>
      </c>
      <c r="J652" s="20">
        <v>0</v>
      </c>
      <c r="K652" s="20">
        <v>1.3482229E-2</v>
      </c>
      <c r="L652" s="20">
        <v>3.7098618999999999</v>
      </c>
      <c r="M652" s="20">
        <v>9.4873640999999995E-2</v>
      </c>
      <c r="N652" s="20">
        <v>7.5554372999999994E-2</v>
      </c>
      <c r="O652" s="20">
        <v>3.7715274E-2</v>
      </c>
      <c r="P652" s="20">
        <v>0.55245407000000002</v>
      </c>
      <c r="Q652" s="20">
        <f t="shared" si="20"/>
        <v>0.76059735800000006</v>
      </c>
      <c r="R652" s="20">
        <v>1.8260339999999999</v>
      </c>
      <c r="S652" s="20">
        <v>0.23276374999999999</v>
      </c>
      <c r="T652" s="20">
        <v>0.56396873000000003</v>
      </c>
      <c r="U652" s="20">
        <v>0</v>
      </c>
      <c r="V652" s="20">
        <v>21.117104000000001</v>
      </c>
      <c r="X652" s="20">
        <f t="shared" si="21"/>
        <v>21.681891455021351</v>
      </c>
    </row>
    <row r="653" spans="2:24">
      <c r="B653" s="23">
        <v>0.79049768518598285</v>
      </c>
      <c r="C653" s="20">
        <v>3.1511686999999999</v>
      </c>
      <c r="D653" s="20">
        <v>0.17052939</v>
      </c>
      <c r="E653" s="20">
        <v>0</v>
      </c>
      <c r="F653" s="20">
        <v>0</v>
      </c>
      <c r="G653" s="20">
        <v>-4.4761111000000001E-3</v>
      </c>
      <c r="H653" s="20">
        <v>0</v>
      </c>
      <c r="I653" s="20">
        <v>3.0325114E-3</v>
      </c>
      <c r="J653" s="20">
        <v>0</v>
      </c>
      <c r="K653" s="20">
        <v>2.0186550000000001E-2</v>
      </c>
      <c r="L653" s="20">
        <v>3.5864742000000001</v>
      </c>
      <c r="M653" s="20">
        <v>8.9588392000000003E-2</v>
      </c>
      <c r="N653" s="20">
        <v>6.0104383999999997E-2</v>
      </c>
      <c r="O653" s="20">
        <v>4.3086748000000001E-2</v>
      </c>
      <c r="P653" s="20">
        <v>0.57493026000000003</v>
      </c>
      <c r="Q653" s="20">
        <f t="shared" si="20"/>
        <v>0.76770978400000001</v>
      </c>
      <c r="R653" s="20">
        <v>1.8922349000000001</v>
      </c>
      <c r="S653" s="20">
        <v>0.17052939</v>
      </c>
      <c r="T653" s="20">
        <v>0.58464682999999995</v>
      </c>
      <c r="U653" s="20">
        <v>2.2277365999999999E-3</v>
      </c>
      <c r="V653" s="20">
        <v>21.568612000000002</v>
      </c>
      <c r="X653" s="20">
        <f t="shared" si="21"/>
        <v>22.15627308204143</v>
      </c>
    </row>
    <row r="654" spans="2:24">
      <c r="B654" s="23">
        <v>0.79100694444787223</v>
      </c>
      <c r="C654" s="20">
        <v>3.0146297</v>
      </c>
      <c r="D654" s="20">
        <v>0.10363629000000001</v>
      </c>
      <c r="E654" s="20">
        <v>0</v>
      </c>
      <c r="F654" s="20">
        <v>0</v>
      </c>
      <c r="G654" s="20">
        <v>2.7272612E-3</v>
      </c>
      <c r="H654" s="20">
        <v>0</v>
      </c>
      <c r="I654" s="20">
        <v>0</v>
      </c>
      <c r="J654" s="20">
        <v>0</v>
      </c>
      <c r="K654" s="20">
        <v>2.1966547999999999E-2</v>
      </c>
      <c r="L654" s="20">
        <v>3.7466849999999998</v>
      </c>
      <c r="M654" s="20">
        <v>3.7416148000000003E-2</v>
      </c>
      <c r="N654" s="20">
        <v>9.1052392999999995E-2</v>
      </c>
      <c r="O654" s="20">
        <v>3.6304261999999997E-2</v>
      </c>
      <c r="P654" s="20">
        <v>0.53290468999999996</v>
      </c>
      <c r="Q654" s="20">
        <f t="shared" si="20"/>
        <v>0.69767749299999993</v>
      </c>
      <c r="R654" s="20">
        <v>1.5948808000000001</v>
      </c>
      <c r="S654" s="20">
        <v>0.10363629000000001</v>
      </c>
      <c r="T654" s="20">
        <v>0.57827463000000001</v>
      </c>
      <c r="U654" s="20">
        <v>5.2525797999999997E-3</v>
      </c>
      <c r="V654" s="20">
        <v>21.310984000000001</v>
      </c>
      <c r="X654" s="20">
        <f t="shared" si="21"/>
        <v>21.895280305658222</v>
      </c>
    </row>
    <row r="655" spans="2:24">
      <c r="B655" s="23">
        <v>0.79150462963298196</v>
      </c>
      <c r="C655" s="20">
        <v>2.8639961999999999</v>
      </c>
      <c r="D655" s="20">
        <v>0</v>
      </c>
      <c r="E655" s="20">
        <v>0</v>
      </c>
      <c r="F655" s="20">
        <v>1.3273914E-3</v>
      </c>
      <c r="G655" s="20">
        <v>5.6545489000000004E-3</v>
      </c>
      <c r="H655" s="20">
        <v>0</v>
      </c>
      <c r="I655" s="20">
        <v>6.2973786000000004E-3</v>
      </c>
      <c r="J655" s="20">
        <v>0</v>
      </c>
      <c r="K655" s="20">
        <v>2.5367346999999998E-2</v>
      </c>
      <c r="L655" s="20">
        <v>3.7161833</v>
      </c>
      <c r="M655" s="20">
        <v>0.20780096000000001</v>
      </c>
      <c r="N655" s="20">
        <v>2.6245791000000002E-3</v>
      </c>
      <c r="O655" s="20">
        <v>7.0357295E-2</v>
      </c>
      <c r="P655" s="20">
        <v>0.53835829999999996</v>
      </c>
      <c r="Q655" s="20">
        <f t="shared" si="20"/>
        <v>0.81914113409999989</v>
      </c>
      <c r="R655" s="20">
        <v>1.792778</v>
      </c>
      <c r="S655" s="20">
        <v>0</v>
      </c>
      <c r="T655" s="20">
        <v>0.57325130999999996</v>
      </c>
      <c r="U655" s="20">
        <v>5.0740254000000002E-4</v>
      </c>
      <c r="V655" s="20">
        <v>21.372904999999999</v>
      </c>
      <c r="X655" s="20">
        <f t="shared" si="21"/>
        <v>21.947407509269997</v>
      </c>
    </row>
    <row r="656" spans="2:24">
      <c r="B656" s="23">
        <v>0.79200231481809169</v>
      </c>
      <c r="C656" s="20">
        <v>2.7117160999999999</v>
      </c>
      <c r="D656" s="20">
        <v>0.12909815999999999</v>
      </c>
      <c r="E656" s="20">
        <v>0</v>
      </c>
      <c r="F656" s="20">
        <v>0</v>
      </c>
      <c r="G656" s="20">
        <v>-3.1697259999999998E-2</v>
      </c>
      <c r="H656" s="20">
        <v>0</v>
      </c>
      <c r="I656" s="20">
        <v>1.4977005E-2</v>
      </c>
      <c r="J656" s="20">
        <v>0</v>
      </c>
      <c r="K656" s="20">
        <v>2.7785875000000002E-2</v>
      </c>
      <c r="L656" s="20">
        <v>3.7484082000000001</v>
      </c>
      <c r="M656" s="20">
        <v>0.16420066999999999</v>
      </c>
      <c r="N656" s="20">
        <v>4.8710614999999999E-2</v>
      </c>
      <c r="O656" s="20">
        <v>6.9514389999999995E-2</v>
      </c>
      <c r="P656" s="20">
        <v>0.49589731999999997</v>
      </c>
      <c r="Q656" s="20">
        <f t="shared" si="20"/>
        <v>0.77832299499999991</v>
      </c>
      <c r="R656" s="20">
        <v>1.5372607</v>
      </c>
      <c r="S656" s="20">
        <v>0.12909815999999999</v>
      </c>
      <c r="T656" s="20">
        <v>0.50447156000000004</v>
      </c>
      <c r="U656" s="20">
        <v>0</v>
      </c>
      <c r="V656" s="20">
        <v>21.489308999999999</v>
      </c>
      <c r="X656" s="20">
        <f t="shared" si="21"/>
        <v>21.994531330923497</v>
      </c>
    </row>
    <row r="657" spans="2:24">
      <c r="B657" s="23">
        <v>0.79250000000320142</v>
      </c>
      <c r="C657" s="20">
        <v>2.5160035000000001</v>
      </c>
      <c r="D657" s="20">
        <v>0.1223798</v>
      </c>
      <c r="E657" s="20">
        <v>0</v>
      </c>
      <c r="F657" s="20">
        <v>0</v>
      </c>
      <c r="G657" s="20">
        <v>-1.7393685999999998E-2</v>
      </c>
      <c r="H657" s="20">
        <v>0</v>
      </c>
      <c r="I657" s="20">
        <v>1.1499944999999999E-2</v>
      </c>
      <c r="J657" s="20">
        <v>0</v>
      </c>
      <c r="K657" s="20">
        <v>3.4025156000000001E-2</v>
      </c>
      <c r="L657" s="20">
        <v>3.6530535</v>
      </c>
      <c r="M657" s="20">
        <v>0.16730136000000001</v>
      </c>
      <c r="N657" s="20">
        <v>2.8607687E-2</v>
      </c>
      <c r="O657" s="20">
        <v>7.9609409000000006E-2</v>
      </c>
      <c r="P657" s="20">
        <v>0.48640945000000002</v>
      </c>
      <c r="Q657" s="20">
        <f t="shared" si="20"/>
        <v>0.76192790600000004</v>
      </c>
      <c r="R657" s="20">
        <v>1.7774289999999999</v>
      </c>
      <c r="S657" s="20">
        <v>0.1223798</v>
      </c>
      <c r="T657" s="20">
        <v>0.50906560000000001</v>
      </c>
      <c r="U657" s="20">
        <v>0</v>
      </c>
      <c r="V657" s="20">
        <v>21.489308999999999</v>
      </c>
      <c r="X657" s="20">
        <f t="shared" si="21"/>
        <v>21.999094987592098</v>
      </c>
    </row>
    <row r="658" spans="2:24">
      <c r="B658" s="23">
        <v>0.79300925925781485</v>
      </c>
      <c r="C658" s="20">
        <v>2.5547553000000001</v>
      </c>
      <c r="D658" s="20">
        <v>0.21294544000000001</v>
      </c>
      <c r="E658" s="20">
        <v>0</v>
      </c>
      <c r="F658" s="20">
        <v>0</v>
      </c>
      <c r="G658" s="20">
        <v>2.1110126E-2</v>
      </c>
      <c r="H658" s="20">
        <v>0</v>
      </c>
      <c r="I658" s="20">
        <v>0</v>
      </c>
      <c r="J658" s="20">
        <v>0</v>
      </c>
      <c r="K658" s="20">
        <v>4.0092984999999998E-2</v>
      </c>
      <c r="L658" s="20">
        <v>3.761279</v>
      </c>
      <c r="M658" s="20">
        <v>0</v>
      </c>
      <c r="N658" s="20">
        <v>3.5769742E-2</v>
      </c>
      <c r="O658" s="20">
        <v>4.9124637999999998E-2</v>
      </c>
      <c r="P658" s="20">
        <v>0.42665972000000002</v>
      </c>
      <c r="Q658" s="20">
        <f t="shared" si="20"/>
        <v>0.51155410000000001</v>
      </c>
      <c r="R658" s="20">
        <v>1.6773667000000001</v>
      </c>
      <c r="S658" s="20">
        <v>0.21294544000000001</v>
      </c>
      <c r="T658" s="20">
        <v>0.51855536000000002</v>
      </c>
      <c r="U658" s="20">
        <v>1.3122294E-3</v>
      </c>
      <c r="V658" s="20">
        <v>21.435828000000001</v>
      </c>
      <c r="X658" s="20">
        <f t="shared" si="21"/>
        <v>21.9564270576391</v>
      </c>
    </row>
    <row r="659" spans="2:24">
      <c r="B659" s="23">
        <v>0.79350694444292458</v>
      </c>
      <c r="C659" s="20">
        <v>2.4026651000000001</v>
      </c>
      <c r="D659" s="20">
        <v>4.5963140999999999E-2</v>
      </c>
      <c r="E659" s="20">
        <v>0</v>
      </c>
      <c r="F659" s="20">
        <v>2.7446224000000002E-2</v>
      </c>
      <c r="G659" s="20">
        <v>7.4827580000000005E-2</v>
      </c>
      <c r="H659" s="20">
        <v>0</v>
      </c>
      <c r="I659" s="20">
        <v>0</v>
      </c>
      <c r="J659" s="20">
        <v>0</v>
      </c>
      <c r="K659" s="20">
        <v>2.6037019000000002E-2</v>
      </c>
      <c r="L659" s="20">
        <v>3.5890666000000002</v>
      </c>
      <c r="M659" s="20">
        <v>0</v>
      </c>
      <c r="N659" s="20">
        <v>3.2133722000000003E-2</v>
      </c>
      <c r="O659" s="20">
        <v>4.7270383999999999E-2</v>
      </c>
      <c r="P659" s="20">
        <v>0.48705514999999999</v>
      </c>
      <c r="Q659" s="20">
        <f t="shared" si="20"/>
        <v>0.56645925600000002</v>
      </c>
      <c r="R659" s="20">
        <v>1.7229159999999999</v>
      </c>
      <c r="S659" s="20">
        <v>4.5963140999999999E-2</v>
      </c>
      <c r="T659" s="20">
        <v>0.53748580999999995</v>
      </c>
      <c r="U659" s="20">
        <v>9.4153195999999995E-3</v>
      </c>
      <c r="V659" s="20">
        <v>21.38129</v>
      </c>
      <c r="X659" s="20">
        <f t="shared" si="21"/>
        <v>21.928868972406097</v>
      </c>
    </row>
    <row r="660" spans="2:24">
      <c r="B660" s="23">
        <v>0.79400462962803431</v>
      </c>
      <c r="C660" s="20">
        <v>2.6192495999999998</v>
      </c>
      <c r="D660" s="20">
        <v>0.31611628000000003</v>
      </c>
      <c r="E660" s="20">
        <v>0</v>
      </c>
      <c r="F660" s="20">
        <v>2.9746436000000001E-2</v>
      </c>
      <c r="G660" s="20">
        <v>-1.0769269E-2</v>
      </c>
      <c r="H660" s="20">
        <v>0</v>
      </c>
      <c r="I660" s="20">
        <v>0</v>
      </c>
      <c r="J660" s="20">
        <v>0</v>
      </c>
      <c r="K660" s="20">
        <v>2.1256364E-2</v>
      </c>
      <c r="L660" s="20">
        <v>3.6778010999999999</v>
      </c>
      <c r="M660" s="20">
        <v>2.3466813999999999E-2</v>
      </c>
      <c r="N660" s="20">
        <v>2.7114896999999999E-2</v>
      </c>
      <c r="O660" s="20">
        <v>8.4188595000000001E-4</v>
      </c>
      <c r="P660" s="20">
        <v>0.45628285000000002</v>
      </c>
      <c r="Q660" s="20">
        <f t="shared" si="20"/>
        <v>0.50770644695</v>
      </c>
      <c r="R660" s="20">
        <v>1.6058607</v>
      </c>
      <c r="S660" s="20">
        <v>0.31611628000000003</v>
      </c>
      <c r="T660" s="20">
        <v>0.54238715000000004</v>
      </c>
      <c r="U660" s="20">
        <v>2.5802205000000002E-2</v>
      </c>
      <c r="V660" s="20">
        <v>21.458352999999999</v>
      </c>
      <c r="X660" s="20">
        <f t="shared" si="21"/>
        <v>22.027290077323794</v>
      </c>
    </row>
    <row r="661" spans="2:24">
      <c r="B661" s="23">
        <v>0.79450231481314404</v>
      </c>
      <c r="C661" s="20">
        <v>2.7524836000000001</v>
      </c>
      <c r="D661" s="20">
        <v>0.26129831999999997</v>
      </c>
      <c r="E661" s="20">
        <v>0</v>
      </c>
      <c r="F661" s="20">
        <v>3.1243450999999998E-2</v>
      </c>
      <c r="G661" s="20">
        <v>2.5629519999999999E-2</v>
      </c>
      <c r="H661" s="20">
        <v>0</v>
      </c>
      <c r="I661" s="20">
        <v>5.8754146E-3</v>
      </c>
      <c r="J661" s="20">
        <v>0</v>
      </c>
      <c r="K661" s="20">
        <v>9.5309394000000006E-2</v>
      </c>
      <c r="L661" s="20">
        <v>3.5685158000000001</v>
      </c>
      <c r="M661" s="20">
        <v>2.3301747000000001E-2</v>
      </c>
      <c r="N661" s="20">
        <v>2.0462804000000001E-2</v>
      </c>
      <c r="O661" s="20">
        <v>8.8594425999999997E-3</v>
      </c>
      <c r="P661" s="20">
        <v>0.47342824999999999</v>
      </c>
      <c r="Q661" s="20">
        <f t="shared" si="20"/>
        <v>0.52605224360000002</v>
      </c>
      <c r="R661" s="20">
        <v>1.7079149</v>
      </c>
      <c r="S661" s="20">
        <v>0.26129831999999997</v>
      </c>
      <c r="T661" s="20">
        <v>0.52215352000000004</v>
      </c>
      <c r="U661" s="20">
        <v>1.2151122E-2</v>
      </c>
      <c r="V661" s="20">
        <v>21.465703999999999</v>
      </c>
      <c r="X661" s="20">
        <f t="shared" si="21"/>
        <v>22.000761412606316</v>
      </c>
    </row>
    <row r="662" spans="2:24">
      <c r="B662" s="23">
        <v>0.79499999999825377</v>
      </c>
      <c r="C662" s="20">
        <v>2.8236485</v>
      </c>
      <c r="D662" s="20">
        <v>0.30263261000000002</v>
      </c>
      <c r="E662" s="20">
        <v>0</v>
      </c>
      <c r="F662" s="20">
        <v>0</v>
      </c>
      <c r="G662" s="20">
        <v>-7.2467770000000001E-2</v>
      </c>
      <c r="H662" s="20">
        <v>0</v>
      </c>
      <c r="I662" s="20">
        <v>1.4973314999999999E-2</v>
      </c>
      <c r="J662" s="20">
        <v>0</v>
      </c>
      <c r="K662" s="20">
        <v>0.11201619</v>
      </c>
      <c r="L662" s="20">
        <v>3.6259681000000001</v>
      </c>
      <c r="M662" s="20">
        <v>6.6631358000000002E-2</v>
      </c>
      <c r="N662" s="20">
        <v>1.5563639000000001E-2</v>
      </c>
      <c r="O662" s="20">
        <v>9.4104466999999997E-2</v>
      </c>
      <c r="P662" s="20">
        <v>0.49922005000000003</v>
      </c>
      <c r="Q662" s="20">
        <f t="shared" si="20"/>
        <v>0.6755195140000001</v>
      </c>
      <c r="R662" s="20">
        <v>2.0806439999999999</v>
      </c>
      <c r="S662" s="20">
        <v>0.30263261000000002</v>
      </c>
      <c r="T662" s="20">
        <v>0.53500270999999999</v>
      </c>
      <c r="U662" s="20">
        <v>0</v>
      </c>
      <c r="V662" s="20">
        <v>21.560124999999999</v>
      </c>
      <c r="X662" s="20">
        <f t="shared" si="21"/>
        <v>22.0959062023069</v>
      </c>
    </row>
    <row r="663" spans="2:24">
      <c r="B663" s="23">
        <v>0.79550925926014315</v>
      </c>
      <c r="C663" s="20">
        <v>2.8082919999999998</v>
      </c>
      <c r="D663" s="20">
        <v>0.24279795000000001</v>
      </c>
      <c r="E663" s="20">
        <v>0</v>
      </c>
      <c r="F663" s="20">
        <v>0</v>
      </c>
      <c r="G663" s="20">
        <v>-1.7901957999999999E-2</v>
      </c>
      <c r="H663" s="20">
        <v>0</v>
      </c>
      <c r="I663" s="20">
        <v>1.2048141E-2</v>
      </c>
      <c r="J663" s="20">
        <v>0</v>
      </c>
      <c r="K663" s="20">
        <v>0.11093078000000001</v>
      </c>
      <c r="L663" s="20">
        <v>3.5830156</v>
      </c>
      <c r="M663" s="20">
        <v>0.10009687</v>
      </c>
      <c r="N663" s="20">
        <v>1.9172913E-2</v>
      </c>
      <c r="O663" s="20">
        <v>9.4813883000000002E-2</v>
      </c>
      <c r="P663" s="20">
        <v>0.60276686999999995</v>
      </c>
      <c r="Q663" s="20">
        <f t="shared" si="20"/>
        <v>0.81685053600000002</v>
      </c>
      <c r="R663" s="20">
        <v>2.2581435999999999</v>
      </c>
      <c r="S663" s="20">
        <v>0.24279795000000001</v>
      </c>
      <c r="T663" s="20">
        <v>0.53157354999999995</v>
      </c>
      <c r="U663" s="20">
        <v>0</v>
      </c>
      <c r="V663" s="20">
        <v>21.529067999999999</v>
      </c>
      <c r="X663" s="20">
        <f t="shared" si="21"/>
        <v>22.061421433099898</v>
      </c>
    </row>
    <row r="664" spans="2:24">
      <c r="B664" s="23">
        <v>0.79600694444525288</v>
      </c>
      <c r="C664" s="20">
        <v>2.8371868999999998</v>
      </c>
      <c r="D664" s="20">
        <v>0.28304118</v>
      </c>
      <c r="E664" s="20">
        <v>0</v>
      </c>
      <c r="F664" s="20">
        <v>0</v>
      </c>
      <c r="G664" s="20">
        <v>2.0225480000000001E-2</v>
      </c>
      <c r="H664" s="20">
        <v>0</v>
      </c>
      <c r="I664" s="20">
        <v>6.2028350999999999E-3</v>
      </c>
      <c r="J664" s="20">
        <v>0</v>
      </c>
      <c r="K664" s="20">
        <v>6.8388772E-2</v>
      </c>
      <c r="L664" s="20">
        <v>3.7240350000000002</v>
      </c>
      <c r="M664" s="20">
        <v>0.10947204000000001</v>
      </c>
      <c r="N664" s="20">
        <v>6.7087983000000004E-2</v>
      </c>
      <c r="O664" s="20">
        <v>8.8718120999999997E-2</v>
      </c>
      <c r="P664" s="20">
        <v>0.67585267999999998</v>
      </c>
      <c r="Q664" s="20">
        <f t="shared" si="20"/>
        <v>0.94113082400000003</v>
      </c>
      <c r="R664" s="20">
        <v>2.2090920999999999</v>
      </c>
      <c r="S664" s="20">
        <v>0.28304118</v>
      </c>
      <c r="T664" s="20">
        <v>0.53198995000000004</v>
      </c>
      <c r="U664" s="20">
        <v>0</v>
      </c>
      <c r="V664" s="20">
        <v>21.496614000000001</v>
      </c>
      <c r="X664" s="20">
        <f t="shared" si="21"/>
        <v>22.02942027521711</v>
      </c>
    </row>
    <row r="665" spans="2:24">
      <c r="B665" s="23">
        <v>0.79650462963036261</v>
      </c>
      <c r="C665" s="20">
        <v>2.8727566000000002</v>
      </c>
      <c r="D665" s="20">
        <v>0.2500058</v>
      </c>
      <c r="E665" s="20">
        <v>0</v>
      </c>
      <c r="F665" s="20">
        <v>0</v>
      </c>
      <c r="G665" s="20">
        <v>-1.0778359E-2</v>
      </c>
      <c r="H665" s="20">
        <v>0</v>
      </c>
      <c r="I665" s="20">
        <v>1.4478369999999999E-4</v>
      </c>
      <c r="J665" s="20">
        <v>0</v>
      </c>
      <c r="K665" s="20">
        <v>5.1902638000000001E-2</v>
      </c>
      <c r="L665" s="20">
        <v>3.7558110999999998</v>
      </c>
      <c r="M665" s="20">
        <v>6.4529969000000006E-2</v>
      </c>
      <c r="N665" s="20">
        <v>3.8466224E-2</v>
      </c>
      <c r="O665" s="20">
        <v>3.2914776999999999E-2</v>
      </c>
      <c r="P665" s="20">
        <v>0.67671946000000005</v>
      </c>
      <c r="Q665" s="20">
        <f t="shared" si="20"/>
        <v>0.81263043000000001</v>
      </c>
      <c r="R665" s="20">
        <v>1.8915339</v>
      </c>
      <c r="S665" s="20">
        <v>0.2500058</v>
      </c>
      <c r="T665" s="20">
        <v>0.54728251999999999</v>
      </c>
      <c r="U665" s="20">
        <v>0</v>
      </c>
      <c r="V665" s="20">
        <v>21.435828000000001</v>
      </c>
      <c r="X665" s="20">
        <f t="shared" si="21"/>
        <v>21.983908767879271</v>
      </c>
    </row>
    <row r="666" spans="2:24">
      <c r="B666" s="23">
        <v>0.79700231481547235</v>
      </c>
      <c r="C666" s="20">
        <v>3.0034740000000002</v>
      </c>
      <c r="D666" s="20">
        <v>0.15258670999999999</v>
      </c>
      <c r="E666" s="20">
        <v>0</v>
      </c>
      <c r="F666" s="20">
        <v>1.5539072000000001E-4</v>
      </c>
      <c r="G666" s="20">
        <v>-8.8147252999999995E-3</v>
      </c>
      <c r="H666" s="20">
        <v>0</v>
      </c>
      <c r="I666" s="20">
        <v>2.9672887E-3</v>
      </c>
      <c r="J666" s="20">
        <v>0</v>
      </c>
      <c r="K666" s="20">
        <v>5.8379838000000003E-2</v>
      </c>
      <c r="L666" s="20">
        <v>3.8193337999999999</v>
      </c>
      <c r="M666" s="20">
        <v>1.5299936999999999E-3</v>
      </c>
      <c r="N666" s="20">
        <v>5.0977076000000003E-2</v>
      </c>
      <c r="O666" s="20">
        <v>2.9622823999999999E-2</v>
      </c>
      <c r="P666" s="20">
        <v>0.60121440000000004</v>
      </c>
      <c r="Q666" s="20">
        <f t="shared" si="20"/>
        <v>0.68334429370000005</v>
      </c>
      <c r="R666" s="20">
        <v>1.4804516000000001</v>
      </c>
      <c r="S666" s="20">
        <v>0.15258670999999999</v>
      </c>
      <c r="T666" s="20">
        <v>0.5568748</v>
      </c>
      <c r="U666" s="20">
        <v>0</v>
      </c>
      <c r="V666" s="20">
        <v>21.591172</v>
      </c>
      <c r="X666" s="20">
        <f t="shared" si="21"/>
        <v>22.148833201330582</v>
      </c>
    </row>
    <row r="667" spans="2:24">
      <c r="B667" s="23">
        <v>0.79750000000058208</v>
      </c>
      <c r="C667" s="20">
        <v>2.8939865999999999</v>
      </c>
      <c r="D667" s="20">
        <v>6.4385603E-2</v>
      </c>
      <c r="E667" s="20">
        <v>0</v>
      </c>
      <c r="F667" s="20">
        <v>0</v>
      </c>
      <c r="G667" s="20">
        <v>-3.9017570000000001E-2</v>
      </c>
      <c r="H667" s="20">
        <v>0</v>
      </c>
      <c r="I667" s="20">
        <v>0</v>
      </c>
      <c r="J667" s="20">
        <v>0</v>
      </c>
      <c r="K667" s="20">
        <v>2.8713453E-2</v>
      </c>
      <c r="L667" s="20">
        <v>3.7643499</v>
      </c>
      <c r="M667" s="20">
        <v>4.744835E-2</v>
      </c>
      <c r="N667" s="20">
        <v>1.1145888E-2</v>
      </c>
      <c r="O667" s="20">
        <v>3.029271E-2</v>
      </c>
      <c r="P667" s="20">
        <v>0.55078439000000001</v>
      </c>
      <c r="Q667" s="20">
        <f t="shared" si="20"/>
        <v>0.63967133799999998</v>
      </c>
      <c r="R667" s="20">
        <v>1.6456644</v>
      </c>
      <c r="S667" s="20">
        <v>6.4385603E-2</v>
      </c>
      <c r="T667" s="20">
        <v>0.56787273999999999</v>
      </c>
      <c r="U667" s="20">
        <v>0</v>
      </c>
      <c r="V667" s="20">
        <v>21.510985000000002</v>
      </c>
      <c r="X667" s="20">
        <f t="shared" si="21"/>
        <v>22.079599387492699</v>
      </c>
    </row>
    <row r="668" spans="2:24">
      <c r="B668" s="23">
        <v>0.79800925926247146</v>
      </c>
      <c r="C668" s="20">
        <v>3.0007600000000001</v>
      </c>
      <c r="D668" s="20">
        <v>0.16322492</v>
      </c>
      <c r="E668" s="20">
        <v>0</v>
      </c>
      <c r="F668" s="20">
        <v>0</v>
      </c>
      <c r="G668" s="20">
        <v>-6.5831633000000001E-3</v>
      </c>
      <c r="H668" s="20">
        <v>0</v>
      </c>
      <c r="I668" s="20">
        <v>0</v>
      </c>
      <c r="J668" s="20">
        <v>0</v>
      </c>
      <c r="K668" s="20">
        <v>2.3443698999999998E-2</v>
      </c>
      <c r="L668" s="20">
        <v>3.7448454999999998</v>
      </c>
      <c r="M668" s="20">
        <v>8.9583889E-2</v>
      </c>
      <c r="N668" s="20">
        <v>1.4599927E-2</v>
      </c>
      <c r="O668" s="20">
        <v>0</v>
      </c>
      <c r="P668" s="20">
        <v>0.48031347000000002</v>
      </c>
      <c r="Q668" s="20">
        <f t="shared" si="20"/>
        <v>0.58449728600000006</v>
      </c>
      <c r="R668" s="20">
        <v>1.6428612</v>
      </c>
      <c r="S668" s="20">
        <v>0.16322492</v>
      </c>
      <c r="T668" s="20">
        <v>0.56305992000000005</v>
      </c>
      <c r="U668" s="20">
        <v>0</v>
      </c>
      <c r="V668" s="20">
        <v>21.643917999999999</v>
      </c>
      <c r="X668" s="20">
        <f t="shared" si="21"/>
        <v>22.20774526131617</v>
      </c>
    </row>
    <row r="669" spans="2:24">
      <c r="B669" s="23">
        <v>0.79850694444758119</v>
      </c>
      <c r="C669" s="20">
        <v>2.7247349999999999</v>
      </c>
      <c r="D669" s="20">
        <v>0.15241690999999999</v>
      </c>
      <c r="E669" s="20">
        <v>0</v>
      </c>
      <c r="F669" s="20">
        <v>0</v>
      </c>
      <c r="G669" s="20">
        <v>-4.4425243000000003E-2</v>
      </c>
      <c r="H669" s="20">
        <v>0</v>
      </c>
      <c r="I669" s="20">
        <v>0</v>
      </c>
      <c r="J669" s="20">
        <v>0</v>
      </c>
      <c r="K669" s="20">
        <v>2.2701631999999999E-2</v>
      </c>
      <c r="L669" s="20">
        <v>3.7467345999999999</v>
      </c>
      <c r="M669" s="20">
        <v>0.16276491000000001</v>
      </c>
      <c r="N669" s="20">
        <v>2.2164097000000002E-3</v>
      </c>
      <c r="O669" s="20">
        <v>0</v>
      </c>
      <c r="P669" s="20">
        <v>0.47644671</v>
      </c>
      <c r="Q669" s="20">
        <f t="shared" si="20"/>
        <v>0.64142802970000001</v>
      </c>
      <c r="R669" s="20">
        <v>2.0899470999999998</v>
      </c>
      <c r="S669" s="20">
        <v>0.15241690999999999</v>
      </c>
      <c r="T669" s="20">
        <v>0.56462630999999996</v>
      </c>
      <c r="U669" s="20">
        <v>0</v>
      </c>
      <c r="V669" s="20">
        <v>21.505496999999998</v>
      </c>
      <c r="X669" s="20">
        <f t="shared" si="21"/>
        <v>22.07086291078387</v>
      </c>
    </row>
    <row r="670" spans="2:24">
      <c r="B670" s="23">
        <v>0.79900462963269092</v>
      </c>
      <c r="C670" s="20">
        <v>2.6558117999999999</v>
      </c>
      <c r="D670" s="20">
        <v>0.41183428999999999</v>
      </c>
      <c r="E670" s="20">
        <v>0</v>
      </c>
      <c r="F670" s="20">
        <v>0</v>
      </c>
      <c r="G670" s="20">
        <v>-3.0235398E-2</v>
      </c>
      <c r="H670" s="20">
        <v>0</v>
      </c>
      <c r="I670" s="20">
        <v>0</v>
      </c>
      <c r="J670" s="20">
        <v>0</v>
      </c>
      <c r="K670" s="20">
        <v>3.8760749999999997E-2</v>
      </c>
      <c r="L670" s="20">
        <v>3.6551996999999998</v>
      </c>
      <c r="M670" s="20">
        <v>0.10581138</v>
      </c>
      <c r="N670" s="20">
        <v>2.9298714999999999E-3</v>
      </c>
      <c r="O670" s="20">
        <v>1.9686081000000001E-2</v>
      </c>
      <c r="P670" s="20">
        <v>0.51436263000000004</v>
      </c>
      <c r="Q670" s="20">
        <f t="shared" si="20"/>
        <v>0.64278996249999998</v>
      </c>
      <c r="R670" s="20">
        <v>2.0311957</v>
      </c>
      <c r="S670" s="20">
        <v>0.41183428999999999</v>
      </c>
      <c r="T670" s="20">
        <v>0.56103875000000003</v>
      </c>
      <c r="U670" s="20">
        <v>0</v>
      </c>
      <c r="V670" s="20">
        <v>21.629522999999999</v>
      </c>
      <c r="X670" s="20">
        <f t="shared" si="21"/>
        <v>22.191340349539452</v>
      </c>
    </row>
    <row r="671" spans="2:24">
      <c r="B671" s="23">
        <v>0.79950231481780065</v>
      </c>
      <c r="C671" s="20">
        <v>2.7193679999999998</v>
      </c>
      <c r="D671" s="20">
        <v>0.39197336999999999</v>
      </c>
      <c r="E671" s="20">
        <v>0</v>
      </c>
      <c r="F671" s="20">
        <v>0</v>
      </c>
      <c r="G671" s="20">
        <v>-1.6009765999999999E-4</v>
      </c>
      <c r="H671" s="20">
        <v>0</v>
      </c>
      <c r="I671" s="20">
        <v>0</v>
      </c>
      <c r="J671" s="20">
        <v>0</v>
      </c>
      <c r="K671" s="20">
        <v>3.6237947E-2</v>
      </c>
      <c r="L671" s="20">
        <v>3.6253698999999999</v>
      </c>
      <c r="M671" s="20">
        <v>5.6467628999999998E-2</v>
      </c>
      <c r="N671" s="20">
        <v>0</v>
      </c>
      <c r="O671" s="20">
        <v>2.4592101000000002E-2</v>
      </c>
      <c r="P671" s="20">
        <v>0.37565809</v>
      </c>
      <c r="Q671" s="20">
        <f t="shared" si="20"/>
        <v>0.45671782</v>
      </c>
      <c r="R671" s="20">
        <v>1.9787650999999999</v>
      </c>
      <c r="S671" s="20">
        <v>0.39197336999999999</v>
      </c>
      <c r="T671" s="20">
        <v>0.52844798999999998</v>
      </c>
      <c r="U671" s="20">
        <v>0</v>
      </c>
      <c r="V671" s="20">
        <v>21.206043000000001</v>
      </c>
      <c r="X671" s="20">
        <f t="shared" si="21"/>
        <v>21.735253138030934</v>
      </c>
    </row>
    <row r="672" spans="2:24">
      <c r="B672" s="23">
        <v>0.80001157407241408</v>
      </c>
      <c r="C672" s="20">
        <v>2.9142453000000001</v>
      </c>
      <c r="D672" s="20">
        <v>0.36468046999999998</v>
      </c>
      <c r="E672" s="20">
        <v>0</v>
      </c>
      <c r="F672" s="20">
        <v>0</v>
      </c>
      <c r="G672" s="20">
        <v>-3.3743477E-3</v>
      </c>
      <c r="H672" s="20">
        <v>0</v>
      </c>
      <c r="I672" s="20">
        <v>1.2633811E-2</v>
      </c>
      <c r="J672" s="20">
        <v>0</v>
      </c>
      <c r="K672" s="20">
        <v>3.1626982999999997E-2</v>
      </c>
      <c r="L672" s="20">
        <v>3.4987016</v>
      </c>
      <c r="M672" s="20">
        <v>0.15584634</v>
      </c>
      <c r="N672" s="20">
        <v>2.9506291E-2</v>
      </c>
      <c r="O672" s="20">
        <v>7.8514781000000006E-2</v>
      </c>
      <c r="P672" s="20">
        <v>0.44234604</v>
      </c>
      <c r="Q672" s="20">
        <f t="shared" si="20"/>
        <v>0.70621345199999996</v>
      </c>
      <c r="R672" s="20">
        <v>2.1429052999999998</v>
      </c>
      <c r="S672" s="20">
        <v>0.36468046999999998</v>
      </c>
      <c r="T672" s="20">
        <v>0.54432541999999995</v>
      </c>
      <c r="U672" s="20">
        <v>9.9212614000000008E-3</v>
      </c>
      <c r="V672" s="20">
        <v>21.567533000000001</v>
      </c>
      <c r="X672" s="20">
        <f t="shared" si="21"/>
        <v>22.12256862217383</v>
      </c>
    </row>
    <row r="673" spans="2:24">
      <c r="B673" s="23">
        <v>0.80050925925752381</v>
      </c>
      <c r="C673" s="20">
        <v>3.0248320999999998</v>
      </c>
      <c r="D673" s="20">
        <v>0.1862935</v>
      </c>
      <c r="E673" s="20">
        <v>0</v>
      </c>
      <c r="F673" s="20">
        <v>0</v>
      </c>
      <c r="G673" s="20">
        <v>-1.460797E-2</v>
      </c>
      <c r="H673" s="20">
        <v>0</v>
      </c>
      <c r="I673" s="20">
        <v>8.9222515000000006E-3</v>
      </c>
      <c r="J673" s="20">
        <v>0</v>
      </c>
      <c r="K673" s="20">
        <v>1.4792022E-2</v>
      </c>
      <c r="L673" s="20">
        <v>3.5181045000000002</v>
      </c>
      <c r="M673" s="20">
        <v>0.42774311999999998</v>
      </c>
      <c r="N673" s="20">
        <v>2.3491543E-2</v>
      </c>
      <c r="O673" s="20">
        <v>7.4615852999999996E-2</v>
      </c>
      <c r="P673" s="20">
        <v>0.45742947</v>
      </c>
      <c r="Q673" s="20">
        <f t="shared" si="20"/>
        <v>0.98327998599999999</v>
      </c>
      <c r="R673" s="20">
        <v>1.8283282000000001</v>
      </c>
      <c r="S673" s="20">
        <v>0.1862935</v>
      </c>
      <c r="T673" s="20">
        <v>0.58206597999999998</v>
      </c>
      <c r="U673" s="20">
        <v>6.2024994000000003E-3</v>
      </c>
      <c r="V673" s="20">
        <v>21.442098000000001</v>
      </c>
      <c r="X673" s="20">
        <f t="shared" si="21"/>
        <v>22.031157270388952</v>
      </c>
    </row>
    <row r="674" spans="2:24">
      <c r="B674" s="23">
        <v>0.80100694444263354</v>
      </c>
      <c r="C674" s="20">
        <v>2.7659767999999998</v>
      </c>
      <c r="D674" s="20">
        <v>0.11954527</v>
      </c>
      <c r="E674" s="20">
        <v>0</v>
      </c>
      <c r="F674" s="20">
        <v>0</v>
      </c>
      <c r="G674" s="20">
        <v>-1.7020436E-2</v>
      </c>
      <c r="H674" s="20">
        <v>0</v>
      </c>
      <c r="I674" s="20">
        <v>1.1975173E-2</v>
      </c>
      <c r="J674" s="20">
        <v>0</v>
      </c>
      <c r="K674" s="20">
        <v>1.6764303000000001E-2</v>
      </c>
      <c r="L674" s="20">
        <v>3.5133181000000002</v>
      </c>
      <c r="M674" s="20">
        <v>0.43116960999999998</v>
      </c>
      <c r="N674" s="20">
        <v>2.5893543000000002E-2</v>
      </c>
      <c r="O674" s="20">
        <v>0.12011687</v>
      </c>
      <c r="P674" s="20">
        <v>0.53279569000000004</v>
      </c>
      <c r="Q674" s="20">
        <f t="shared" si="20"/>
        <v>1.1099757130000001</v>
      </c>
      <c r="R674" s="20">
        <v>1.6920113999999999</v>
      </c>
      <c r="S674" s="20">
        <v>0.11954527</v>
      </c>
      <c r="T674" s="20">
        <v>0.61568411000000001</v>
      </c>
      <c r="U674" s="20">
        <v>0</v>
      </c>
      <c r="V674" s="20">
        <v>21.591172</v>
      </c>
      <c r="X674" s="20">
        <f t="shared" si="21"/>
        <v>22.2076201180193</v>
      </c>
    </row>
    <row r="675" spans="2:24">
      <c r="B675" s="23">
        <v>0.80150462962774327</v>
      </c>
      <c r="C675" s="20">
        <v>2.5916142999999998</v>
      </c>
      <c r="D675" s="20">
        <v>4.6400508E-2</v>
      </c>
      <c r="E675" s="20">
        <v>0</v>
      </c>
      <c r="F675" s="20">
        <v>2.3535589999999999E-2</v>
      </c>
      <c r="G675" s="20">
        <v>9.8534236999999997E-2</v>
      </c>
      <c r="H675" s="20">
        <v>0</v>
      </c>
      <c r="I675" s="20">
        <v>1.2327206E-2</v>
      </c>
      <c r="J675" s="20">
        <v>0</v>
      </c>
      <c r="K675" s="20">
        <v>2.6131126000000001E-2</v>
      </c>
      <c r="L675" s="20">
        <v>3.4759749000000002</v>
      </c>
      <c r="M675" s="20">
        <v>0.28193955999999998</v>
      </c>
      <c r="N675" s="20">
        <v>0</v>
      </c>
      <c r="O675" s="20">
        <v>7.47144E-2</v>
      </c>
      <c r="P675" s="20">
        <v>0.49840085000000001</v>
      </c>
      <c r="Q675" s="20">
        <f t="shared" si="20"/>
        <v>0.85505480999999994</v>
      </c>
      <c r="R675" s="20">
        <v>1.3090158999999999</v>
      </c>
      <c r="S675" s="20">
        <v>4.6400508E-2</v>
      </c>
      <c r="T675" s="20">
        <v>0.64186882999999995</v>
      </c>
      <c r="U675" s="20">
        <v>0</v>
      </c>
      <c r="V675" s="20">
        <v>21.645880999999999</v>
      </c>
      <c r="X675" s="20">
        <f t="shared" si="21"/>
        <v>22.288467427318498</v>
      </c>
    </row>
    <row r="676" spans="2:24">
      <c r="B676" s="23">
        <v>0.802002314812853</v>
      </c>
      <c r="C676" s="20">
        <v>2.4861732999999999</v>
      </c>
      <c r="D676" s="20">
        <v>0</v>
      </c>
      <c r="E676" s="20">
        <v>0</v>
      </c>
      <c r="F676" s="20">
        <v>2.3497909000000001E-2</v>
      </c>
      <c r="G676" s="20">
        <v>-1.4614630999999999E-2</v>
      </c>
      <c r="H676" s="20">
        <v>0</v>
      </c>
      <c r="I676" s="20">
        <v>1.3243849E-2</v>
      </c>
      <c r="J676" s="20">
        <v>0</v>
      </c>
      <c r="K676" s="20">
        <v>3.1367147999999997E-2</v>
      </c>
      <c r="L676" s="20">
        <v>3.4076629000000001</v>
      </c>
      <c r="M676" s="20">
        <v>1.0632882999999999E-2</v>
      </c>
      <c r="N676" s="20">
        <v>3.2348974000000003E-2</v>
      </c>
      <c r="O676" s="20">
        <v>5.1381510999999998E-2</v>
      </c>
      <c r="P676" s="20">
        <v>0.47965080999999998</v>
      </c>
      <c r="Q676" s="20">
        <f t="shared" si="20"/>
        <v>0.57401417799999999</v>
      </c>
      <c r="R676" s="20">
        <v>1.3898423</v>
      </c>
      <c r="S676" s="20">
        <v>0</v>
      </c>
      <c r="T676" s="20">
        <v>0.56545365999999997</v>
      </c>
      <c r="U676" s="20">
        <v>0</v>
      </c>
      <c r="V676" s="20">
        <v>21.574859</v>
      </c>
      <c r="X676" s="20">
        <f t="shared" si="21"/>
        <v>22.140964794465301</v>
      </c>
    </row>
    <row r="677" spans="2:24">
      <c r="B677" s="23">
        <v>0.80249999999796273</v>
      </c>
      <c r="C677" s="20">
        <v>2.5200102000000002</v>
      </c>
      <c r="D677" s="20">
        <v>0</v>
      </c>
      <c r="E677" s="20">
        <v>0</v>
      </c>
      <c r="F677" s="20">
        <v>2.3935426999999999E-2</v>
      </c>
      <c r="G677" s="20">
        <v>-1.5769225000000001E-2</v>
      </c>
      <c r="H677" s="20">
        <v>0</v>
      </c>
      <c r="I677" s="20">
        <v>9.6275404000000005E-3</v>
      </c>
      <c r="J677" s="20">
        <v>0</v>
      </c>
      <c r="K677" s="20">
        <v>3.2587538999999999E-2</v>
      </c>
      <c r="L677" s="20">
        <v>3.3595164999999998</v>
      </c>
      <c r="M677" s="20">
        <v>7.4261248000000002E-2</v>
      </c>
      <c r="N677" s="20">
        <v>3.2731905999999998E-2</v>
      </c>
      <c r="O677" s="20">
        <v>6.5373000000000001E-2</v>
      </c>
      <c r="P677" s="20">
        <v>0.63003829</v>
      </c>
      <c r="Q677" s="20">
        <f t="shared" si="20"/>
        <v>0.80240444399999999</v>
      </c>
      <c r="R677" s="20">
        <v>1.4870159999999999</v>
      </c>
      <c r="S677" s="20">
        <v>0</v>
      </c>
      <c r="T677" s="20">
        <v>0.56663249999999998</v>
      </c>
      <c r="U677" s="20">
        <v>0</v>
      </c>
      <c r="V677" s="20">
        <v>21.715243999999998</v>
      </c>
      <c r="X677" s="20">
        <f t="shared" si="21"/>
        <v>22.28254973124254</v>
      </c>
    </row>
    <row r="678" spans="2:24">
      <c r="B678" s="23">
        <v>0.80300925925985212</v>
      </c>
      <c r="C678" s="20">
        <v>2.4692112000000002</v>
      </c>
      <c r="D678" s="20">
        <v>0.12785012000000001</v>
      </c>
      <c r="E678" s="20">
        <v>0</v>
      </c>
      <c r="F678" s="20">
        <v>1.2004750999999999E-2</v>
      </c>
      <c r="G678" s="20">
        <v>6.4949978000000005E-2</v>
      </c>
      <c r="H678" s="20">
        <v>0</v>
      </c>
      <c r="I678" s="20">
        <v>1.1994900999999999E-3</v>
      </c>
      <c r="J678" s="20">
        <v>0</v>
      </c>
      <c r="K678" s="20">
        <v>3.5625133000000003E-2</v>
      </c>
      <c r="L678" s="20">
        <v>3.2398482</v>
      </c>
      <c r="M678" s="20">
        <v>4.7576924E-2</v>
      </c>
      <c r="N678" s="20">
        <v>7.1177099999999993E-2</v>
      </c>
      <c r="O678" s="20">
        <v>5.9440123999999997E-2</v>
      </c>
      <c r="P678" s="20">
        <v>0.67484803000000004</v>
      </c>
      <c r="Q678" s="20">
        <f t="shared" si="20"/>
        <v>0.85304217800000004</v>
      </c>
      <c r="R678" s="20">
        <v>1.3907902999999999</v>
      </c>
      <c r="S678" s="20">
        <v>0.12785012000000001</v>
      </c>
      <c r="T678" s="20">
        <v>0.58088994999999999</v>
      </c>
      <c r="U678" s="20">
        <v>0</v>
      </c>
      <c r="V678" s="20">
        <v>21.853055999999999</v>
      </c>
      <c r="X678" s="20">
        <f t="shared" si="21"/>
        <v>22.434639108117008</v>
      </c>
    </row>
    <row r="679" spans="2:24">
      <c r="B679" s="23">
        <v>0.80350694444496185</v>
      </c>
      <c r="C679" s="20">
        <v>2.3803022</v>
      </c>
      <c r="D679" s="20">
        <v>0.13372017999999999</v>
      </c>
      <c r="E679" s="20">
        <v>2.1646423000000001E-2</v>
      </c>
      <c r="F679" s="20">
        <v>1.8425057000000002E-2</v>
      </c>
      <c r="G679" s="20">
        <v>3.8322389999999999E-3</v>
      </c>
      <c r="H679" s="20">
        <v>0</v>
      </c>
      <c r="I679" s="20">
        <v>0</v>
      </c>
      <c r="J679" s="20">
        <v>0</v>
      </c>
      <c r="K679" s="20">
        <v>1.8225239000000001E-2</v>
      </c>
      <c r="L679" s="20">
        <v>3.1806597000000001</v>
      </c>
      <c r="M679" s="20">
        <v>8.9757983999999999E-2</v>
      </c>
      <c r="N679" s="20">
        <v>0</v>
      </c>
      <c r="O679" s="20">
        <v>5.3263414000000002E-2</v>
      </c>
      <c r="P679" s="20">
        <v>0.52864897</v>
      </c>
      <c r="Q679" s="20">
        <f t="shared" si="20"/>
        <v>0.67167036800000002</v>
      </c>
      <c r="R679" s="20">
        <v>1.4364314</v>
      </c>
      <c r="S679" s="20">
        <v>0.15536659999999999</v>
      </c>
      <c r="T679" s="20">
        <v>0.58987197000000002</v>
      </c>
      <c r="U679" s="20">
        <v>4.2159290999999998E-4</v>
      </c>
      <c r="V679" s="20">
        <v>21.543892</v>
      </c>
      <c r="X679" s="20">
        <f t="shared" si="21"/>
        <v>22.1348439477106</v>
      </c>
    </row>
    <row r="680" spans="2:24">
      <c r="B680" s="23">
        <v>0.80400462963007158</v>
      </c>
      <c r="C680" s="20">
        <v>2.1442827000000002</v>
      </c>
      <c r="D680" s="20">
        <v>0.32984429999999998</v>
      </c>
      <c r="E680" s="20">
        <v>2.6311755999999999E-2</v>
      </c>
      <c r="F680" s="20">
        <v>5.9762378E-3</v>
      </c>
      <c r="G680" s="20">
        <v>-5.1611246E-2</v>
      </c>
      <c r="H680" s="20">
        <v>0</v>
      </c>
      <c r="I680" s="20">
        <v>0</v>
      </c>
      <c r="J680" s="20">
        <v>0</v>
      </c>
      <c r="K680" s="20">
        <v>1.3477685999999999E-2</v>
      </c>
      <c r="L680" s="20">
        <v>3.1487479</v>
      </c>
      <c r="M680" s="20">
        <v>0.13623611999999999</v>
      </c>
      <c r="N680" s="20">
        <v>0</v>
      </c>
      <c r="O680" s="20">
        <v>0</v>
      </c>
      <c r="P680" s="20">
        <v>0.32261863000000002</v>
      </c>
      <c r="Q680" s="20">
        <f t="shared" si="20"/>
        <v>0.45885474999999998</v>
      </c>
      <c r="R680" s="20">
        <v>1.6532107</v>
      </c>
      <c r="S680" s="20">
        <v>0.35615606</v>
      </c>
      <c r="T680" s="20">
        <v>0.58050636</v>
      </c>
      <c r="U680" s="20">
        <v>0</v>
      </c>
      <c r="V680" s="20">
        <v>21.667693</v>
      </c>
      <c r="X680" s="20">
        <f t="shared" si="21"/>
        <v>22.248842564014382</v>
      </c>
    </row>
    <row r="681" spans="2:24">
      <c r="B681" s="23">
        <v>0.80450231481518131</v>
      </c>
      <c r="C681" s="20">
        <v>1.8833336000000001</v>
      </c>
      <c r="D681" s="20">
        <v>0.16963963000000001</v>
      </c>
      <c r="E681" s="20">
        <v>3.2695493999999999E-2</v>
      </c>
      <c r="F681" s="20">
        <v>0</v>
      </c>
      <c r="G681" s="20">
        <v>1.574503E-2</v>
      </c>
      <c r="H681" s="20">
        <v>0</v>
      </c>
      <c r="I681" s="20">
        <v>0</v>
      </c>
      <c r="J681" s="20">
        <v>1.0845976000000001E-3</v>
      </c>
      <c r="K681" s="20">
        <v>0</v>
      </c>
      <c r="L681" s="20">
        <v>3.0791675999999999</v>
      </c>
      <c r="M681" s="20">
        <v>0.28292524000000002</v>
      </c>
      <c r="N681" s="20">
        <v>0</v>
      </c>
      <c r="O681" s="20">
        <v>0</v>
      </c>
      <c r="P681" s="20">
        <v>0.27990790999999998</v>
      </c>
      <c r="Q681" s="20">
        <f t="shared" si="20"/>
        <v>0.56283315</v>
      </c>
      <c r="R681" s="20">
        <v>1.5521305999999999</v>
      </c>
      <c r="S681" s="20">
        <v>0.20233512000000001</v>
      </c>
      <c r="T681" s="20">
        <v>0.51750262000000002</v>
      </c>
      <c r="U681" s="20">
        <v>0</v>
      </c>
      <c r="V681" s="20">
        <v>21.512913999999999</v>
      </c>
      <c r="X681" s="20">
        <f t="shared" si="21"/>
        <v>22.031011303422158</v>
      </c>
    </row>
    <row r="682" spans="2:24">
      <c r="B682" s="23">
        <v>0.80501157407707069</v>
      </c>
      <c r="C682" s="20">
        <v>1.8677767000000001</v>
      </c>
      <c r="D682" s="20">
        <v>0.15571452999999999</v>
      </c>
      <c r="E682" s="20">
        <v>0</v>
      </c>
      <c r="F682" s="20">
        <v>0</v>
      </c>
      <c r="G682" s="20">
        <v>-2.1932498000000002E-2</v>
      </c>
      <c r="H682" s="20">
        <v>0</v>
      </c>
      <c r="I682" s="20">
        <v>0</v>
      </c>
      <c r="J682" s="20">
        <v>0</v>
      </c>
      <c r="K682" s="20">
        <v>3.7654045000000001E-3</v>
      </c>
      <c r="L682" s="20">
        <v>3.1116391999999999</v>
      </c>
      <c r="M682" s="20">
        <v>0.23866030999999999</v>
      </c>
      <c r="N682" s="20">
        <v>0</v>
      </c>
      <c r="O682" s="20">
        <v>2.3343692999999999E-2</v>
      </c>
      <c r="P682" s="20">
        <v>0.37874236999999999</v>
      </c>
      <c r="Q682" s="20">
        <f t="shared" si="20"/>
        <v>0.64074637300000004</v>
      </c>
      <c r="R682" s="20">
        <v>1.5294201000000001</v>
      </c>
      <c r="S682" s="20">
        <v>0.15571452999999999</v>
      </c>
      <c r="T682" s="20">
        <v>0.51396684999999998</v>
      </c>
      <c r="U682" s="20">
        <v>0</v>
      </c>
      <c r="V682" s="20">
        <v>21.684242999999999</v>
      </c>
      <c r="X682" s="20">
        <f t="shared" si="21"/>
        <v>22.198801192423947</v>
      </c>
    </row>
    <row r="683" spans="2:24">
      <c r="B683" s="23">
        <v>0.80550925926218042</v>
      </c>
      <c r="C683" s="20">
        <v>1.9215705999999999</v>
      </c>
      <c r="D683" s="20">
        <v>0</v>
      </c>
      <c r="E683" s="20">
        <v>0</v>
      </c>
      <c r="F683" s="20">
        <v>0</v>
      </c>
      <c r="G683" s="20">
        <v>-3.3552079999999998E-2</v>
      </c>
      <c r="H683" s="20">
        <v>0</v>
      </c>
      <c r="I683" s="20">
        <v>4.9837993000000002E-3</v>
      </c>
      <c r="J683" s="20">
        <v>0</v>
      </c>
      <c r="K683" s="20">
        <v>4.5279468000000003E-2</v>
      </c>
      <c r="L683" s="20">
        <v>3.1284584</v>
      </c>
      <c r="M683" s="20">
        <v>0.15674924000000001</v>
      </c>
      <c r="N683" s="20">
        <v>0</v>
      </c>
      <c r="O683" s="20">
        <v>9.9982304999999994E-2</v>
      </c>
      <c r="P683" s="20">
        <v>0.41737655000000001</v>
      </c>
      <c r="Q683" s="20">
        <f t="shared" si="20"/>
        <v>0.67410809500000002</v>
      </c>
      <c r="R683" s="20">
        <v>1.4056538999999999</v>
      </c>
      <c r="S683" s="20">
        <v>0</v>
      </c>
      <c r="T683" s="20">
        <v>0.51790926999999998</v>
      </c>
      <c r="U683" s="20">
        <v>0</v>
      </c>
      <c r="V683" s="20">
        <v>21.505496999999998</v>
      </c>
      <c r="X683" s="20">
        <f t="shared" si="21"/>
        <v>22.023980354828229</v>
      </c>
    </row>
    <row r="684" spans="2:24">
      <c r="B684" s="23">
        <v>0.80600694444729015</v>
      </c>
      <c r="C684" s="20">
        <v>2.0094506999999999</v>
      </c>
      <c r="D684" s="20">
        <v>2.4539214000000001E-3</v>
      </c>
      <c r="E684" s="20">
        <v>0</v>
      </c>
      <c r="F684" s="20">
        <v>0</v>
      </c>
      <c r="G684" s="20">
        <v>-3.9011948999999997E-2</v>
      </c>
      <c r="H684" s="20">
        <v>0</v>
      </c>
      <c r="I684" s="20">
        <v>1.0951552E-2</v>
      </c>
      <c r="J684" s="20">
        <v>0</v>
      </c>
      <c r="K684" s="20">
        <v>5.4203851999999997E-2</v>
      </c>
      <c r="L684" s="20">
        <v>3.2850104</v>
      </c>
      <c r="M684" s="20">
        <v>0.12421015000000001</v>
      </c>
      <c r="N684" s="20">
        <v>0.20994855000000001</v>
      </c>
      <c r="O684" s="20">
        <v>0.10322517</v>
      </c>
      <c r="P684" s="20">
        <v>0.35476974</v>
      </c>
      <c r="Q684" s="20">
        <f t="shared" si="20"/>
        <v>0.79215360999999995</v>
      </c>
      <c r="R684" s="20">
        <v>1.6541534</v>
      </c>
      <c r="S684" s="20">
        <v>2.4539214000000001E-3</v>
      </c>
      <c r="T684" s="20">
        <v>0.51179657000000001</v>
      </c>
      <c r="U684" s="20">
        <v>0</v>
      </c>
      <c r="V684" s="20">
        <v>21.707985000000001</v>
      </c>
      <c r="X684" s="20">
        <f t="shared" si="21"/>
        <v>22.220393336600782</v>
      </c>
    </row>
    <row r="685" spans="2:24">
      <c r="B685" s="23">
        <v>0.80650462963239988</v>
      </c>
      <c r="C685" s="20">
        <v>1.9564139</v>
      </c>
      <c r="D685" s="20">
        <v>0.19092123</v>
      </c>
      <c r="E685" s="20">
        <v>0</v>
      </c>
      <c r="F685" s="20">
        <v>0</v>
      </c>
      <c r="G685" s="20">
        <v>-5.4377410000000001E-2</v>
      </c>
      <c r="H685" s="20">
        <v>0</v>
      </c>
      <c r="I685" s="20">
        <v>1.7089592000000001E-2</v>
      </c>
      <c r="J685" s="20">
        <v>0</v>
      </c>
      <c r="K685" s="20">
        <v>7.3095007000000004E-2</v>
      </c>
      <c r="L685" s="20">
        <v>3.1913436000000002</v>
      </c>
      <c r="M685" s="20">
        <v>0.32945741000000001</v>
      </c>
      <c r="N685" s="20">
        <v>0.21043423</v>
      </c>
      <c r="O685" s="20">
        <v>7.3927168000000001E-2</v>
      </c>
      <c r="P685" s="20">
        <v>0.25119139000000001</v>
      </c>
      <c r="Q685" s="20">
        <f t="shared" si="20"/>
        <v>0.86501019800000001</v>
      </c>
      <c r="R685" s="20">
        <v>1.5990747000000001</v>
      </c>
      <c r="S685" s="20">
        <v>0.19092123</v>
      </c>
      <c r="T685" s="20">
        <v>0.54412590999999999</v>
      </c>
      <c r="U685" s="20">
        <v>0</v>
      </c>
      <c r="V685" s="20">
        <v>21.529067999999999</v>
      </c>
      <c r="X685" s="20">
        <f t="shared" si="21"/>
        <v>22.073836951734702</v>
      </c>
    </row>
    <row r="686" spans="2:24">
      <c r="B686" s="23">
        <v>0.80700231481750961</v>
      </c>
      <c r="C686" s="20">
        <v>2.0687487</v>
      </c>
      <c r="D686" s="20">
        <v>0.14323955999999999</v>
      </c>
      <c r="E686" s="20">
        <v>0</v>
      </c>
      <c r="F686" s="20">
        <v>0</v>
      </c>
      <c r="G686" s="20">
        <v>-1.0890291999999999E-2</v>
      </c>
      <c r="H686" s="20">
        <v>0</v>
      </c>
      <c r="I686" s="20">
        <v>5.0206134000000003E-3</v>
      </c>
      <c r="J686" s="20">
        <v>0</v>
      </c>
      <c r="K686" s="20">
        <v>5.6543082000000001E-2</v>
      </c>
      <c r="L686" s="20">
        <v>3.1439365000000001</v>
      </c>
      <c r="M686" s="20">
        <v>0.31060222999999998</v>
      </c>
      <c r="N686" s="20">
        <v>0.20908359000000001</v>
      </c>
      <c r="O686" s="20">
        <v>0</v>
      </c>
      <c r="P686" s="20">
        <v>0.29869235999999999</v>
      </c>
      <c r="Q686" s="20">
        <f t="shared" si="20"/>
        <v>0.81837817999999996</v>
      </c>
      <c r="R686" s="20">
        <v>1.4057337000000001</v>
      </c>
      <c r="S686" s="20">
        <v>0.14323955999999999</v>
      </c>
      <c r="T686" s="20">
        <v>0.55158538000000001</v>
      </c>
      <c r="U686" s="20">
        <v>0</v>
      </c>
      <c r="V686" s="20">
        <v>21.406164</v>
      </c>
      <c r="X686" s="20">
        <f t="shared" si="21"/>
        <v>21.95838620159034</v>
      </c>
    </row>
    <row r="687" spans="2:24">
      <c r="B687" s="23">
        <v>0.80750000000261934</v>
      </c>
      <c r="C687" s="20">
        <v>2.0537407000000001</v>
      </c>
      <c r="D687" s="20">
        <v>0.13010135</v>
      </c>
      <c r="E687" s="20">
        <v>0</v>
      </c>
      <c r="F687" s="20">
        <v>0</v>
      </c>
      <c r="G687" s="20">
        <v>-8.3298092999999993E-3</v>
      </c>
      <c r="H687" s="20">
        <v>0</v>
      </c>
      <c r="I687" s="20">
        <v>0</v>
      </c>
      <c r="J687" s="20">
        <v>0</v>
      </c>
      <c r="K687" s="20">
        <v>5.0626393999999998E-2</v>
      </c>
      <c r="L687" s="20">
        <v>3.0492569999999999</v>
      </c>
      <c r="M687" s="20">
        <v>0.20047639</v>
      </c>
      <c r="N687" s="20">
        <v>0</v>
      </c>
      <c r="O687" s="20">
        <v>0</v>
      </c>
      <c r="P687" s="20">
        <v>0.39373461999999998</v>
      </c>
      <c r="Q687" s="20">
        <f t="shared" si="20"/>
        <v>0.59421100999999998</v>
      </c>
      <c r="R687" s="20">
        <v>1.1682887</v>
      </c>
      <c r="S687" s="20">
        <v>0.13010135</v>
      </c>
      <c r="T687" s="20">
        <v>0.56118098000000005</v>
      </c>
      <c r="U687" s="20">
        <v>0</v>
      </c>
      <c r="V687" s="20">
        <v>21.107256</v>
      </c>
      <c r="X687" s="20">
        <f t="shared" si="21"/>
        <v>21.66903695079947</v>
      </c>
    </row>
    <row r="688" spans="2:24">
      <c r="B688" s="23">
        <v>0.80800925925723277</v>
      </c>
      <c r="C688" s="20">
        <v>2.0321286000000001</v>
      </c>
      <c r="D688" s="20">
        <v>0</v>
      </c>
      <c r="E688" s="20">
        <v>0</v>
      </c>
      <c r="F688" s="20">
        <v>7.0662485000000004E-3</v>
      </c>
      <c r="G688" s="20">
        <v>3.9205413000000001E-2</v>
      </c>
      <c r="H688" s="20">
        <v>0</v>
      </c>
      <c r="I688" s="20">
        <v>0</v>
      </c>
      <c r="J688" s="20">
        <v>0</v>
      </c>
      <c r="K688" s="20">
        <v>5.0733648999999999E-2</v>
      </c>
      <c r="L688" s="20">
        <v>3.0975236000000002</v>
      </c>
      <c r="M688" s="20">
        <v>0</v>
      </c>
      <c r="N688" s="20">
        <v>1.596643E-3</v>
      </c>
      <c r="O688" s="20">
        <v>0</v>
      </c>
      <c r="P688" s="20">
        <v>0.52168665999999997</v>
      </c>
      <c r="Q688" s="20">
        <f t="shared" si="20"/>
        <v>0.52328330299999992</v>
      </c>
      <c r="R688" s="20">
        <v>1.0946948999999999</v>
      </c>
      <c r="S688" s="20">
        <v>0</v>
      </c>
      <c r="T688" s="20">
        <v>0.55619874999999996</v>
      </c>
      <c r="U688" s="20">
        <v>0</v>
      </c>
      <c r="V688" s="20">
        <v>21.434781999999998</v>
      </c>
      <c r="X688" s="20">
        <f t="shared" si="21"/>
        <v>21.991555744081349</v>
      </c>
    </row>
    <row r="689" spans="2:24">
      <c r="B689" s="23">
        <v>0.8085069444423425</v>
      </c>
      <c r="C689" s="20">
        <v>1.7881904</v>
      </c>
      <c r="D689" s="20">
        <v>0</v>
      </c>
      <c r="E689" s="20">
        <v>0</v>
      </c>
      <c r="F689" s="20">
        <v>0</v>
      </c>
      <c r="G689" s="20">
        <v>-3.7468522999999997E-2</v>
      </c>
      <c r="H689" s="20">
        <v>0</v>
      </c>
      <c r="I689" s="20">
        <v>0</v>
      </c>
      <c r="J689" s="20">
        <v>0</v>
      </c>
      <c r="K689" s="20">
        <v>3.0275525000000001E-2</v>
      </c>
      <c r="L689" s="20">
        <v>3.0711040000000001</v>
      </c>
      <c r="M689" s="20">
        <v>0.18699526999999999</v>
      </c>
      <c r="N689" s="20">
        <v>0.15275166000000001</v>
      </c>
      <c r="O689" s="20">
        <v>0</v>
      </c>
      <c r="P689" s="20">
        <v>0.55701750000000005</v>
      </c>
      <c r="Q689" s="20">
        <f t="shared" si="20"/>
        <v>0.89676443000000006</v>
      </c>
      <c r="R689" s="20">
        <v>0.82871857000000004</v>
      </c>
      <c r="S689" s="20">
        <v>0</v>
      </c>
      <c r="T689" s="20">
        <v>0.56855215999999997</v>
      </c>
      <c r="U689" s="20">
        <v>0</v>
      </c>
      <c r="V689" s="20">
        <v>21.311353</v>
      </c>
      <c r="X689" s="20">
        <f t="shared" si="21"/>
        <v>21.880480046583198</v>
      </c>
    </row>
    <row r="690" spans="2:24">
      <c r="B690" s="23">
        <v>0.80900462962745223</v>
      </c>
      <c r="C690" s="20">
        <v>1.8208494</v>
      </c>
      <c r="D690" s="20">
        <v>0</v>
      </c>
      <c r="E690" s="20">
        <v>0</v>
      </c>
      <c r="F690" s="20">
        <v>0</v>
      </c>
      <c r="G690" s="20">
        <v>-1.4153336000000001E-2</v>
      </c>
      <c r="H690" s="20">
        <v>0</v>
      </c>
      <c r="I690" s="20">
        <v>0</v>
      </c>
      <c r="J690" s="20">
        <v>0</v>
      </c>
      <c r="K690" s="20">
        <v>3.3029260999999997E-2</v>
      </c>
      <c r="L690" s="20">
        <v>3.0015274999999999</v>
      </c>
      <c r="M690" s="20">
        <v>0.16144840999999999</v>
      </c>
      <c r="N690" s="20">
        <v>0.13378704999999999</v>
      </c>
      <c r="O690" s="20">
        <v>0</v>
      </c>
      <c r="P690" s="20">
        <v>0.49848190999999997</v>
      </c>
      <c r="Q690" s="20">
        <f t="shared" si="20"/>
        <v>0.79371736999999998</v>
      </c>
      <c r="R690" s="20">
        <v>1.0723256000000001</v>
      </c>
      <c r="S690" s="20">
        <v>0</v>
      </c>
      <c r="T690" s="20">
        <v>0.59389091999999999</v>
      </c>
      <c r="U690" s="20">
        <v>0</v>
      </c>
      <c r="V690" s="20">
        <v>21.388888000000001</v>
      </c>
      <c r="X690" s="20">
        <f t="shared" si="21"/>
        <v>21.9833424170195</v>
      </c>
    </row>
    <row r="691" spans="2:24">
      <c r="B691" s="23">
        <v>0.80950231481256196</v>
      </c>
      <c r="C691" s="20">
        <v>1.7154201</v>
      </c>
      <c r="D691" s="20">
        <v>4.5552392999999997E-3</v>
      </c>
      <c r="E691" s="20">
        <v>0</v>
      </c>
      <c r="F691" s="20">
        <v>0</v>
      </c>
      <c r="G691" s="20">
        <v>-5.3185515999999997E-3</v>
      </c>
      <c r="H691" s="20">
        <v>0</v>
      </c>
      <c r="I691" s="20">
        <v>0</v>
      </c>
      <c r="J691" s="20">
        <v>0</v>
      </c>
      <c r="K691" s="20">
        <v>1.3570652000000001E-2</v>
      </c>
      <c r="L691" s="20">
        <v>2.9269552999999999</v>
      </c>
      <c r="M691" s="20">
        <v>0.171541</v>
      </c>
      <c r="N691" s="20">
        <v>0.13330982</v>
      </c>
      <c r="O691" s="20">
        <v>0</v>
      </c>
      <c r="P691" s="20">
        <v>0.58995606</v>
      </c>
      <c r="Q691" s="20">
        <f t="shared" si="20"/>
        <v>0.89480687999999997</v>
      </c>
      <c r="R691" s="20">
        <v>0.85330879999999998</v>
      </c>
      <c r="S691" s="20">
        <v>4.5552392999999997E-3</v>
      </c>
      <c r="T691" s="20">
        <v>0.58203287000000004</v>
      </c>
      <c r="U691" s="20">
        <v>0</v>
      </c>
      <c r="V691" s="20">
        <v>21.396408000000001</v>
      </c>
      <c r="X691" s="20">
        <f t="shared" si="21"/>
        <v>21.978996324485902</v>
      </c>
    </row>
    <row r="692" spans="2:24">
      <c r="B692" s="23">
        <v>0.80999999999767169</v>
      </c>
      <c r="C692" s="20">
        <v>1.7941172999999999</v>
      </c>
      <c r="D692" s="20">
        <v>0</v>
      </c>
      <c r="E692" s="20">
        <v>0</v>
      </c>
      <c r="F692" s="20">
        <v>5.1691697000000002E-2</v>
      </c>
      <c r="G692" s="20">
        <v>0.16719607</v>
      </c>
      <c r="H692" s="20">
        <v>0</v>
      </c>
      <c r="I692" s="20">
        <v>0</v>
      </c>
      <c r="J692" s="20">
        <v>0</v>
      </c>
      <c r="K692" s="20">
        <v>1.6617748000000002E-2</v>
      </c>
      <c r="L692" s="20">
        <v>2.8443003</v>
      </c>
      <c r="M692" s="20">
        <v>3.9807535999999998E-2</v>
      </c>
      <c r="N692" s="20">
        <v>0</v>
      </c>
      <c r="O692" s="20">
        <v>7.8171152999999998E-4</v>
      </c>
      <c r="P692" s="20">
        <v>0.55270326999999997</v>
      </c>
      <c r="Q692" s="20">
        <f t="shared" si="20"/>
        <v>0.59329251753000001</v>
      </c>
      <c r="R692" s="20">
        <v>1.1070116999999999</v>
      </c>
      <c r="S692" s="20">
        <v>0</v>
      </c>
      <c r="T692" s="20">
        <v>0.55916357999999999</v>
      </c>
      <c r="U692" s="20">
        <v>0</v>
      </c>
      <c r="V692" s="20">
        <v>21.311353</v>
      </c>
      <c r="X692" s="20">
        <f t="shared" si="21"/>
        <v>21.871063301563254</v>
      </c>
    </row>
    <row r="693" spans="2:24">
      <c r="B693" s="23">
        <v>0.81050925925956108</v>
      </c>
      <c r="C693" s="20">
        <v>1.8767042</v>
      </c>
      <c r="D693" s="20">
        <v>0.16812154000000001</v>
      </c>
      <c r="E693" s="20">
        <v>0</v>
      </c>
      <c r="F693" s="20">
        <v>5.2260077000000002E-2</v>
      </c>
      <c r="G693" s="20">
        <v>-1.2578726E-2</v>
      </c>
      <c r="H693" s="20">
        <v>0</v>
      </c>
      <c r="I693" s="20">
        <v>0</v>
      </c>
      <c r="J693" s="20">
        <v>0</v>
      </c>
      <c r="K693" s="20">
        <v>4.2312759999999998E-2</v>
      </c>
      <c r="L693" s="20">
        <v>2.9616316</v>
      </c>
      <c r="M693" s="20">
        <v>5.6603402999999997E-2</v>
      </c>
      <c r="N693" s="20">
        <v>0</v>
      </c>
      <c r="O693" s="20">
        <v>9.0768596000000005E-4</v>
      </c>
      <c r="P693" s="20">
        <v>0.50742319000000002</v>
      </c>
      <c r="Q693" s="20">
        <f t="shared" si="20"/>
        <v>0.56493427896000004</v>
      </c>
      <c r="R693" s="20">
        <v>0.86413401999999995</v>
      </c>
      <c r="S693" s="20">
        <v>0.16812154000000001</v>
      </c>
      <c r="T693" s="20">
        <v>0.51252766999999999</v>
      </c>
      <c r="U693" s="20">
        <v>0</v>
      </c>
      <c r="V693" s="20">
        <v>21.434781999999998</v>
      </c>
      <c r="X693" s="20">
        <f t="shared" si="21"/>
        <v>21.947891820726994</v>
      </c>
    </row>
    <row r="694" spans="2:24">
      <c r="B694" s="23">
        <v>0.81100694444467081</v>
      </c>
      <c r="C694" s="20">
        <v>2.0507892000000001</v>
      </c>
      <c r="D694" s="20">
        <v>0.30891120999999999</v>
      </c>
      <c r="E694" s="20">
        <v>0</v>
      </c>
      <c r="F694" s="20">
        <v>3.1567703000000003E-2</v>
      </c>
      <c r="G694" s="20">
        <v>-6.4759648000000003E-2</v>
      </c>
      <c r="H694" s="20">
        <v>0</v>
      </c>
      <c r="I694" s="20">
        <v>7.9291356999999993E-3</v>
      </c>
      <c r="J694" s="20">
        <v>0</v>
      </c>
      <c r="K694" s="20">
        <v>4.3883472999999999E-2</v>
      </c>
      <c r="L694" s="20">
        <v>3.0419393000000001</v>
      </c>
      <c r="M694" s="20">
        <v>5.2795651999999998E-2</v>
      </c>
      <c r="N694" s="20">
        <v>0</v>
      </c>
      <c r="O694" s="20">
        <v>3.4437974000000003E-2</v>
      </c>
      <c r="P694" s="20">
        <v>0.51481317999999998</v>
      </c>
      <c r="Q694" s="20">
        <f t="shared" si="20"/>
        <v>0.60204680599999993</v>
      </c>
      <c r="R694" s="20">
        <v>1.4440681</v>
      </c>
      <c r="S694" s="20">
        <v>0.30891120999999999</v>
      </c>
      <c r="T694" s="20">
        <v>0.53598623000000001</v>
      </c>
      <c r="U694" s="20">
        <v>0</v>
      </c>
      <c r="V694" s="20">
        <v>21.729526</v>
      </c>
      <c r="X694" s="20">
        <f t="shared" si="21"/>
        <v>22.266145351838968</v>
      </c>
    </row>
    <row r="695" spans="2:24">
      <c r="B695" s="23">
        <v>0.81150462962978054</v>
      </c>
      <c r="C695" s="20">
        <v>2.2503386000000001</v>
      </c>
      <c r="D695" s="20">
        <v>0.31104072999999999</v>
      </c>
      <c r="E695" s="20">
        <v>0</v>
      </c>
      <c r="F695" s="20">
        <v>0</v>
      </c>
      <c r="G695" s="20">
        <v>4.9931687000000002E-2</v>
      </c>
      <c r="H695" s="20">
        <v>0</v>
      </c>
      <c r="I695" s="20">
        <v>2.1653380999999999E-2</v>
      </c>
      <c r="J695" s="20">
        <v>2.9758787000000002E-3</v>
      </c>
      <c r="K695" s="20">
        <v>4.5746039000000002E-2</v>
      </c>
      <c r="L695" s="20">
        <v>3.1457869999999999</v>
      </c>
      <c r="M695" s="20">
        <v>0</v>
      </c>
      <c r="N695" s="20">
        <v>0</v>
      </c>
      <c r="O695" s="20">
        <v>3.7636389999999999E-2</v>
      </c>
      <c r="P695" s="20">
        <v>0.47325368000000001</v>
      </c>
      <c r="Q695" s="20">
        <f t="shared" si="20"/>
        <v>0.51089006999999997</v>
      </c>
      <c r="R695" s="20">
        <v>1.4804671</v>
      </c>
      <c r="S695" s="20">
        <v>0.31104072999999999</v>
      </c>
      <c r="T695" s="20">
        <v>0.49888442999999999</v>
      </c>
      <c r="U695" s="20">
        <v>0</v>
      </c>
      <c r="V695" s="20">
        <v>21.567533000000001</v>
      </c>
      <c r="X695" s="20">
        <f t="shared" si="21"/>
        <v>22.067082370411573</v>
      </c>
    </row>
    <row r="696" spans="2:24">
      <c r="B696" s="23">
        <v>0.81200231481489027</v>
      </c>
      <c r="C696" s="20">
        <v>2.1830053999999999</v>
      </c>
      <c r="D696" s="20">
        <v>0.23110137</v>
      </c>
      <c r="E696" s="20">
        <v>0</v>
      </c>
      <c r="F696" s="20">
        <v>0</v>
      </c>
      <c r="G696" s="20">
        <v>6.8795952999999997E-4</v>
      </c>
      <c r="H696" s="20">
        <v>0</v>
      </c>
      <c r="I696" s="20">
        <v>2.6955966000000001E-2</v>
      </c>
      <c r="J696" s="20">
        <v>6.7604042000000003E-3</v>
      </c>
      <c r="K696" s="20">
        <v>2.3314726000000001E-2</v>
      </c>
      <c r="L696" s="20">
        <v>3.0694121000000001</v>
      </c>
      <c r="M696" s="20">
        <v>3.1476232999999999E-2</v>
      </c>
      <c r="N696" s="20">
        <v>0</v>
      </c>
      <c r="O696" s="20">
        <v>6.3246031999999994E-2</v>
      </c>
      <c r="P696" s="20">
        <v>0.53053631999999995</v>
      </c>
      <c r="Q696" s="20">
        <f t="shared" si="20"/>
        <v>0.62525858499999998</v>
      </c>
      <c r="R696" s="20">
        <v>1.6084375</v>
      </c>
      <c r="S696" s="20">
        <v>0.23110137</v>
      </c>
      <c r="T696" s="20">
        <v>0.54590450999999995</v>
      </c>
      <c r="U696" s="20">
        <v>0</v>
      </c>
      <c r="V696" s="20">
        <v>21.591172</v>
      </c>
      <c r="X696" s="20">
        <f t="shared" si="21"/>
        <v>22.137716269788072</v>
      </c>
    </row>
    <row r="697" spans="2:24">
      <c r="B697" s="23">
        <v>0.8125</v>
      </c>
      <c r="C697" s="20">
        <v>2.2248671999999998</v>
      </c>
      <c r="D697" s="20">
        <v>7.7437143E-2</v>
      </c>
      <c r="E697" s="20">
        <v>0</v>
      </c>
      <c r="F697" s="20">
        <v>9.1703007999999996E-3</v>
      </c>
      <c r="G697" s="20">
        <v>-2.4505450000000002E-2</v>
      </c>
      <c r="H697" s="20">
        <v>0</v>
      </c>
      <c r="I697" s="20">
        <v>4.1468977999999997E-2</v>
      </c>
      <c r="J697" s="20">
        <v>2.1449063999999999E-3</v>
      </c>
      <c r="K697" s="20">
        <v>3.4301497E-2</v>
      </c>
      <c r="L697" s="20">
        <v>2.992254</v>
      </c>
      <c r="M697" s="20">
        <v>3.4344545999999997E-2</v>
      </c>
      <c r="N697" s="20">
        <v>0</v>
      </c>
      <c r="O697" s="20">
        <v>0.13960148</v>
      </c>
      <c r="P697" s="20">
        <v>0.46789246000000001</v>
      </c>
      <c r="Q697" s="20">
        <f t="shared" si="20"/>
        <v>0.64183848600000004</v>
      </c>
      <c r="R697" s="20">
        <v>1.3752392</v>
      </c>
      <c r="S697" s="20">
        <v>7.7437143E-2</v>
      </c>
      <c r="T697" s="20">
        <v>0.54110221999999997</v>
      </c>
      <c r="U697" s="20">
        <v>0</v>
      </c>
      <c r="V697" s="20">
        <v>21.496614000000001</v>
      </c>
      <c r="X697" s="20">
        <f t="shared" si="21"/>
        <v>22.03832386142042</v>
      </c>
    </row>
    <row r="698" spans="2:24">
      <c r="B698" s="23">
        <v>0.81300925926188938</v>
      </c>
      <c r="C698" s="20">
        <v>2.0789453</v>
      </c>
      <c r="D698" s="20">
        <v>8.3084042999999996E-2</v>
      </c>
      <c r="E698" s="20">
        <v>0</v>
      </c>
      <c r="F698" s="20">
        <v>0</v>
      </c>
      <c r="G698" s="20">
        <v>1.4874515E-2</v>
      </c>
      <c r="H698" s="20">
        <v>0</v>
      </c>
      <c r="I698" s="20">
        <v>1.8801094000000001E-2</v>
      </c>
      <c r="J698" s="20">
        <v>0</v>
      </c>
      <c r="K698" s="20">
        <v>3.5294951999999997E-2</v>
      </c>
      <c r="L698" s="20">
        <v>3.0575209000000001</v>
      </c>
      <c r="M698" s="20">
        <v>3.3559219000000001E-2</v>
      </c>
      <c r="N698" s="20">
        <v>0</v>
      </c>
      <c r="O698" s="20">
        <v>0.13776379</v>
      </c>
      <c r="P698" s="20">
        <v>0.59317240999999998</v>
      </c>
      <c r="Q698" s="20">
        <f t="shared" si="20"/>
        <v>0.76449541899999995</v>
      </c>
      <c r="R698" s="20">
        <v>1.5659951000000001</v>
      </c>
      <c r="S698" s="20">
        <v>8.3084042999999996E-2</v>
      </c>
      <c r="T698" s="20">
        <v>0.60106678000000002</v>
      </c>
      <c r="U698" s="20">
        <v>0</v>
      </c>
      <c r="V698" s="20">
        <v>21.715243999999998</v>
      </c>
      <c r="X698" s="20">
        <f t="shared" si="21"/>
        <v>22.3169243900266</v>
      </c>
    </row>
    <row r="699" spans="2:24">
      <c r="B699" s="23">
        <v>0.81350694444699911</v>
      </c>
      <c r="C699" s="20">
        <v>2.0439913999999999</v>
      </c>
      <c r="D699" s="20">
        <v>0</v>
      </c>
      <c r="E699" s="20">
        <v>0</v>
      </c>
      <c r="F699" s="20">
        <v>0.18506992999999999</v>
      </c>
      <c r="G699" s="20">
        <v>0.54371864999999997</v>
      </c>
      <c r="H699" s="20">
        <v>0</v>
      </c>
      <c r="I699" s="20">
        <v>7.4879036E-3</v>
      </c>
      <c r="J699" s="20">
        <v>0</v>
      </c>
      <c r="K699" s="20">
        <v>3.4865635999999998E-2</v>
      </c>
      <c r="L699" s="20">
        <v>2.9842335000000002</v>
      </c>
      <c r="M699" s="20">
        <v>4.6603484000000001E-3</v>
      </c>
      <c r="N699" s="20">
        <v>6.3629097999999995E-2</v>
      </c>
      <c r="O699" s="20">
        <v>0.1008457</v>
      </c>
      <c r="P699" s="20">
        <v>0.62574439000000004</v>
      </c>
      <c r="Q699" s="20">
        <f t="shared" si="20"/>
        <v>0.79487953640000009</v>
      </c>
      <c r="R699" s="20">
        <v>1.5187619999999999</v>
      </c>
      <c r="S699" s="20">
        <v>0</v>
      </c>
      <c r="T699" s="20">
        <v>0.57378994000000005</v>
      </c>
      <c r="U699" s="20">
        <v>0</v>
      </c>
      <c r="V699" s="20">
        <v>21.372904999999999</v>
      </c>
      <c r="X699" s="20">
        <f t="shared" si="21"/>
        <v>21.947354364655599</v>
      </c>
    </row>
    <row r="700" spans="2:24">
      <c r="B700" s="23">
        <v>0.81400462963210884</v>
      </c>
      <c r="C700" s="20">
        <v>1.9421671</v>
      </c>
      <c r="D700" s="20">
        <v>0</v>
      </c>
      <c r="E700" s="20">
        <v>0</v>
      </c>
      <c r="F700" s="20">
        <v>0.18191177</v>
      </c>
      <c r="G700" s="20">
        <v>-3.3387456000000003E-2</v>
      </c>
      <c r="H700" s="20">
        <v>0</v>
      </c>
      <c r="I700" s="20">
        <v>0</v>
      </c>
      <c r="J700" s="20">
        <v>0</v>
      </c>
      <c r="K700" s="20">
        <v>2.4982652000000001E-2</v>
      </c>
      <c r="L700" s="20">
        <v>2.9173708</v>
      </c>
      <c r="M700" s="20">
        <v>0</v>
      </c>
      <c r="N700" s="20">
        <v>6.9297314999999998E-2</v>
      </c>
      <c r="O700" s="20">
        <v>0</v>
      </c>
      <c r="P700" s="20">
        <v>0.53939903</v>
      </c>
      <c r="Q700" s="20">
        <f t="shared" si="20"/>
        <v>0.60869634500000003</v>
      </c>
      <c r="R700" s="20">
        <v>1.5730440000000001</v>
      </c>
      <c r="S700" s="20">
        <v>0</v>
      </c>
      <c r="T700" s="20">
        <v>0.54377133</v>
      </c>
      <c r="U700" s="20">
        <v>1.9091657E-3</v>
      </c>
      <c r="V700" s="20">
        <v>21.163498000000001</v>
      </c>
      <c r="X700" s="20">
        <f t="shared" si="21"/>
        <v>21.7097426698211</v>
      </c>
    </row>
    <row r="701" spans="2:24">
      <c r="B701" s="23">
        <v>0.81450231481721858</v>
      </c>
      <c r="C701" s="20">
        <v>1.9106249</v>
      </c>
      <c r="D701" s="20">
        <v>6.8923476999999997E-2</v>
      </c>
      <c r="E701" s="20">
        <v>0</v>
      </c>
      <c r="F701" s="20">
        <v>0.17425863999999999</v>
      </c>
      <c r="G701" s="20">
        <v>-7.0611841999999999E-3</v>
      </c>
      <c r="H701" s="20">
        <v>0</v>
      </c>
      <c r="I701" s="20">
        <v>2.0946126999999998E-2</v>
      </c>
      <c r="J701" s="20">
        <v>0</v>
      </c>
      <c r="K701" s="20">
        <v>1.7307250999999999E-2</v>
      </c>
      <c r="L701" s="20">
        <v>2.7147336000000002</v>
      </c>
      <c r="M701" s="20">
        <v>0</v>
      </c>
      <c r="N701" s="20">
        <v>6.4462798000000002E-2</v>
      </c>
      <c r="O701" s="20">
        <v>2.9286302E-2</v>
      </c>
      <c r="P701" s="20">
        <v>0.46245312999999999</v>
      </c>
      <c r="Q701" s="20">
        <f t="shared" si="20"/>
        <v>0.55620223000000002</v>
      </c>
      <c r="R701" s="20">
        <v>1.4376798</v>
      </c>
      <c r="S701" s="20">
        <v>6.8923476999999997E-2</v>
      </c>
      <c r="T701" s="20">
        <v>0.50357125000000003</v>
      </c>
      <c r="U701" s="20">
        <v>0</v>
      </c>
      <c r="V701" s="20">
        <v>21.396408000000001</v>
      </c>
      <c r="X701" s="20">
        <f t="shared" si="21"/>
        <v>21.900531735851782</v>
      </c>
    </row>
    <row r="702" spans="2:24">
      <c r="B702" s="23">
        <v>0.81500000000232831</v>
      </c>
      <c r="C702" s="20">
        <v>1.6977724999999999</v>
      </c>
      <c r="D702" s="20">
        <v>0.35025506000000001</v>
      </c>
      <c r="E702" s="20">
        <v>0</v>
      </c>
      <c r="F702" s="20">
        <v>0</v>
      </c>
      <c r="G702" s="20">
        <v>1.6338387999999999E-3</v>
      </c>
      <c r="H702" s="20">
        <v>0</v>
      </c>
      <c r="I702" s="20">
        <v>2.5953954000000001E-2</v>
      </c>
      <c r="J702" s="20">
        <v>0</v>
      </c>
      <c r="K702" s="20">
        <v>7.6170595000000004E-3</v>
      </c>
      <c r="L702" s="20">
        <v>2.5806244</v>
      </c>
      <c r="M702" s="20">
        <v>0</v>
      </c>
      <c r="N702" s="20">
        <v>0</v>
      </c>
      <c r="O702" s="20">
        <v>3.8354737E-2</v>
      </c>
      <c r="P702" s="20">
        <v>0.38403747999999999</v>
      </c>
      <c r="Q702" s="20">
        <f t="shared" si="20"/>
        <v>0.42239221699999996</v>
      </c>
      <c r="R702" s="20">
        <v>1.4513197</v>
      </c>
      <c r="S702" s="20">
        <v>0.35025506000000001</v>
      </c>
      <c r="T702" s="20">
        <v>0.50096854999999996</v>
      </c>
      <c r="U702" s="20">
        <v>0</v>
      </c>
      <c r="V702" s="20">
        <v>21.396408000000001</v>
      </c>
      <c r="X702" s="20">
        <f t="shared" si="21"/>
        <v>21.89792020040893</v>
      </c>
    </row>
    <row r="703" spans="2:24">
      <c r="B703" s="23">
        <v>0.81550925925694173</v>
      </c>
      <c r="C703" s="20">
        <v>1.5476452000000001</v>
      </c>
      <c r="D703" s="20">
        <v>0.34464424999999999</v>
      </c>
      <c r="E703" s="20">
        <v>0</v>
      </c>
      <c r="F703" s="20">
        <v>0</v>
      </c>
      <c r="G703" s="20">
        <v>-1.8387229000000001E-2</v>
      </c>
      <c r="H703" s="20">
        <v>0</v>
      </c>
      <c r="I703" s="20">
        <v>1.4153465E-2</v>
      </c>
      <c r="J703" s="20">
        <v>0</v>
      </c>
      <c r="K703" s="20">
        <v>5.5372232E-3</v>
      </c>
      <c r="L703" s="20">
        <v>2.6012580999999999</v>
      </c>
      <c r="M703" s="20">
        <v>2.7575586999999999E-2</v>
      </c>
      <c r="N703" s="20">
        <v>0</v>
      </c>
      <c r="O703" s="20">
        <v>3.7278454000000003E-2</v>
      </c>
      <c r="P703" s="20">
        <v>0.29085739999999999</v>
      </c>
      <c r="Q703" s="20">
        <f t="shared" si="20"/>
        <v>0.35571144099999996</v>
      </c>
      <c r="R703" s="20">
        <v>0.97448851000000003</v>
      </c>
      <c r="S703" s="20">
        <v>0.34464424999999999</v>
      </c>
      <c r="T703" s="20">
        <v>0.54267390999999998</v>
      </c>
      <c r="U703" s="20">
        <v>0</v>
      </c>
      <c r="V703" s="20">
        <v>21.622207</v>
      </c>
      <c r="X703" s="20">
        <f t="shared" si="21"/>
        <v>22.165400430670022</v>
      </c>
    </row>
    <row r="704" spans="2:24">
      <c r="B704" s="23">
        <v>0.81600694444205146</v>
      </c>
      <c r="C704" s="20">
        <v>1.4457899000000001</v>
      </c>
      <c r="D704" s="20">
        <v>0.25474353999999999</v>
      </c>
      <c r="E704" s="20">
        <v>0</v>
      </c>
      <c r="F704" s="20">
        <v>0</v>
      </c>
      <c r="G704" s="20">
        <v>-2.5266947000000001E-2</v>
      </c>
      <c r="H704" s="20">
        <v>0</v>
      </c>
      <c r="I704" s="20">
        <v>0</v>
      </c>
      <c r="J704" s="20">
        <v>0</v>
      </c>
      <c r="K704" s="20">
        <v>3.0936821E-3</v>
      </c>
      <c r="L704" s="20">
        <v>2.6266840999999999</v>
      </c>
      <c r="M704" s="20">
        <v>2.1261117E-2</v>
      </c>
      <c r="N704" s="20">
        <v>0</v>
      </c>
      <c r="O704" s="20">
        <v>0</v>
      </c>
      <c r="P704" s="20">
        <v>0.31060715999999999</v>
      </c>
      <c r="Q704" s="20">
        <f t="shared" si="20"/>
        <v>0.33186827699999999</v>
      </c>
      <c r="R704" s="20">
        <v>0.83533584999999999</v>
      </c>
      <c r="S704" s="20">
        <v>0.25474353999999999</v>
      </c>
      <c r="T704" s="20">
        <v>0.57269760000000003</v>
      </c>
      <c r="U704" s="20">
        <v>0</v>
      </c>
      <c r="V704" s="20">
        <v>21.614812000000001</v>
      </c>
      <c r="X704" s="20">
        <f t="shared" si="21"/>
        <v>22.187998765609212</v>
      </c>
    </row>
    <row r="705" spans="2:24">
      <c r="B705" s="23">
        <v>0.81650462962716119</v>
      </c>
      <c r="C705" s="20">
        <v>1.5284536</v>
      </c>
      <c r="D705" s="20">
        <v>0</v>
      </c>
      <c r="E705" s="20">
        <v>0</v>
      </c>
      <c r="F705" s="20">
        <v>0</v>
      </c>
      <c r="G705" s="20">
        <v>-9.3726838999999996E-3</v>
      </c>
      <c r="H705" s="20">
        <v>0</v>
      </c>
      <c r="I705" s="20">
        <v>0</v>
      </c>
      <c r="J705" s="20">
        <v>0</v>
      </c>
      <c r="K705" s="20">
        <v>1.3714541E-2</v>
      </c>
      <c r="L705" s="20">
        <v>2.7984944999999999</v>
      </c>
      <c r="M705" s="20">
        <v>4.1625206999999997E-2</v>
      </c>
      <c r="N705" s="20">
        <v>9.4648981000000003E-4</v>
      </c>
      <c r="O705" s="20">
        <v>0</v>
      </c>
      <c r="P705" s="20">
        <v>0.38463840999999999</v>
      </c>
      <c r="Q705" s="20">
        <f t="shared" si="20"/>
        <v>0.42721010680999999</v>
      </c>
      <c r="R705" s="20">
        <v>0.73633084000000004</v>
      </c>
      <c r="S705" s="20">
        <v>0</v>
      </c>
      <c r="T705" s="20">
        <v>0.55641110999999999</v>
      </c>
      <c r="U705" s="20">
        <v>0</v>
      </c>
      <c r="V705" s="20">
        <v>21.770043999999999</v>
      </c>
      <c r="X705" s="20">
        <f t="shared" si="21"/>
        <v>22.32693096000639</v>
      </c>
    </row>
    <row r="706" spans="2:24">
      <c r="B706" s="23">
        <v>0.81700231481227092</v>
      </c>
      <c r="C706" s="20">
        <v>1.3482571999999999</v>
      </c>
      <c r="D706" s="20">
        <v>0.19989485000000001</v>
      </c>
      <c r="E706" s="20">
        <v>0</v>
      </c>
      <c r="F706" s="20">
        <v>0</v>
      </c>
      <c r="G706" s="20">
        <v>1.1826523E-2</v>
      </c>
      <c r="H706" s="20">
        <v>0</v>
      </c>
      <c r="I706" s="20">
        <v>0</v>
      </c>
      <c r="J706" s="20">
        <v>0</v>
      </c>
      <c r="K706" s="20">
        <v>1.1890118999999999E-2</v>
      </c>
      <c r="L706" s="20">
        <v>2.7071052999999998</v>
      </c>
      <c r="M706" s="20">
        <v>0</v>
      </c>
      <c r="N706" s="20">
        <v>1.9970207000000002E-3</v>
      </c>
      <c r="O706" s="20">
        <v>0</v>
      </c>
      <c r="P706" s="20">
        <v>0.54439826000000002</v>
      </c>
      <c r="Q706" s="20">
        <f t="shared" si="20"/>
        <v>0.54639528069999999</v>
      </c>
      <c r="R706" s="20">
        <v>1.2082146</v>
      </c>
      <c r="S706" s="20">
        <v>0.19989485000000001</v>
      </c>
      <c r="T706" s="20">
        <v>0.52506635000000002</v>
      </c>
      <c r="U706" s="20">
        <v>0</v>
      </c>
      <c r="V706" s="20">
        <v>21.55264</v>
      </c>
      <c r="X706" s="20">
        <f t="shared" si="21"/>
        <v>22.078208876412269</v>
      </c>
    </row>
    <row r="707" spans="2:24">
      <c r="B707" s="23">
        <v>0.81751157407416031</v>
      </c>
      <c r="C707" s="20">
        <v>1.3613850000000001</v>
      </c>
      <c r="D707" s="20">
        <v>0.22817121000000001</v>
      </c>
      <c r="E707" s="20">
        <v>2.1496365E-2</v>
      </c>
      <c r="F707" s="20">
        <v>1.2024969E-2</v>
      </c>
      <c r="G707" s="20">
        <v>3.1854383999999999E-2</v>
      </c>
      <c r="H707" s="20">
        <v>0</v>
      </c>
      <c r="I707" s="20">
        <v>3.1339204999999998E-3</v>
      </c>
      <c r="J707" s="20">
        <v>0</v>
      </c>
      <c r="K707" s="20">
        <v>1.5212333E-2</v>
      </c>
      <c r="L707" s="20">
        <v>2.6137554000000001</v>
      </c>
      <c r="M707" s="20">
        <v>7.7444386000000004E-2</v>
      </c>
      <c r="N707" s="20">
        <v>0</v>
      </c>
      <c r="O707" s="20">
        <v>0</v>
      </c>
      <c r="P707" s="20">
        <v>0.56887752000000003</v>
      </c>
      <c r="Q707" s="20">
        <f t="shared" si="20"/>
        <v>0.64632190600000006</v>
      </c>
      <c r="R707" s="20">
        <v>1.2905229</v>
      </c>
      <c r="S707" s="20">
        <v>0.24966758</v>
      </c>
      <c r="T707" s="20">
        <v>0.51062923000000005</v>
      </c>
      <c r="U707" s="20">
        <v>0</v>
      </c>
      <c r="V707" s="20">
        <v>21.490423</v>
      </c>
      <c r="X707" s="20">
        <f t="shared" si="21"/>
        <v>22.001570532306751</v>
      </c>
    </row>
    <row r="708" spans="2:24">
      <c r="B708" s="23">
        <v>0.81800925925927004</v>
      </c>
      <c r="C708" s="20">
        <v>1.2904736999999999</v>
      </c>
      <c r="D708" s="20">
        <v>0.29240310000000003</v>
      </c>
      <c r="E708" s="20">
        <v>0</v>
      </c>
      <c r="F708" s="20">
        <v>1.2005663999999999E-2</v>
      </c>
      <c r="G708" s="20">
        <v>-9.4499298999999991E-3</v>
      </c>
      <c r="H708" s="20">
        <v>0</v>
      </c>
      <c r="I708" s="20">
        <v>7.9005412999999993E-3</v>
      </c>
      <c r="J708" s="20">
        <v>0</v>
      </c>
      <c r="K708" s="20">
        <v>2.7515185000000001E-2</v>
      </c>
      <c r="L708" s="20">
        <v>2.6325023000000001</v>
      </c>
      <c r="M708" s="20">
        <v>7.6466608000000005E-2</v>
      </c>
      <c r="N708" s="20">
        <v>0</v>
      </c>
      <c r="O708" s="20">
        <v>0</v>
      </c>
      <c r="P708" s="20">
        <v>0.47075618000000002</v>
      </c>
      <c r="Q708" s="20">
        <f t="shared" si="20"/>
        <v>0.54722278800000002</v>
      </c>
      <c r="R708" s="20">
        <v>1.1721775999999999</v>
      </c>
      <c r="S708" s="20">
        <v>0.29240310000000003</v>
      </c>
      <c r="T708" s="20">
        <v>0.54367308999999997</v>
      </c>
      <c r="U708" s="20">
        <v>0</v>
      </c>
      <c r="V708" s="20">
        <v>21.435828000000001</v>
      </c>
      <c r="X708" s="20">
        <f t="shared" si="21"/>
        <v>21.980010387644839</v>
      </c>
    </row>
    <row r="709" spans="2:24">
      <c r="B709" s="23">
        <v>0.81850694444437977</v>
      </c>
      <c r="C709" s="20">
        <v>1.3764394</v>
      </c>
      <c r="D709" s="20">
        <v>0.19180164999999999</v>
      </c>
      <c r="E709" s="20">
        <v>0</v>
      </c>
      <c r="F709" s="20">
        <v>0</v>
      </c>
      <c r="G709" s="20">
        <v>-3.0348455E-2</v>
      </c>
      <c r="H709" s="20">
        <v>0</v>
      </c>
      <c r="I709" s="20">
        <v>9.1901598000000001E-3</v>
      </c>
      <c r="J709" s="20">
        <v>0</v>
      </c>
      <c r="K709" s="20">
        <v>3.5552501E-2</v>
      </c>
      <c r="L709" s="20">
        <v>2.7146474999999999</v>
      </c>
      <c r="M709" s="20">
        <v>6.5318791000000001E-2</v>
      </c>
      <c r="N709" s="20">
        <v>9.0565432000000001E-2</v>
      </c>
      <c r="O709" s="20">
        <v>3.7316570000000002E-3</v>
      </c>
      <c r="P709" s="20">
        <v>0.38636915999999999</v>
      </c>
      <c r="Q709" s="20">
        <f t="shared" si="20"/>
        <v>0.54598503999999992</v>
      </c>
      <c r="R709" s="20">
        <v>1.0249128999999999</v>
      </c>
      <c r="S709" s="20">
        <v>0.19180164999999999</v>
      </c>
      <c r="T709" s="20">
        <v>0.53572779000000004</v>
      </c>
      <c r="U709" s="20">
        <v>0</v>
      </c>
      <c r="V709" s="20">
        <v>21.256605</v>
      </c>
      <c r="X709" s="20">
        <f t="shared" si="21"/>
        <v>21.792836296944579</v>
      </c>
    </row>
    <row r="710" spans="2:24">
      <c r="B710" s="23">
        <v>0.8190046296294895</v>
      </c>
      <c r="C710" s="20">
        <v>1.2366277999999999</v>
      </c>
      <c r="D710" s="20">
        <v>0.26385932000000001</v>
      </c>
      <c r="E710" s="20">
        <v>0</v>
      </c>
      <c r="F710" s="20">
        <v>0</v>
      </c>
      <c r="G710" s="20">
        <v>-8.0171258000000002E-3</v>
      </c>
      <c r="H710" s="20">
        <v>0</v>
      </c>
      <c r="I710" s="20">
        <v>1.1395534000000001E-2</v>
      </c>
      <c r="J710" s="20">
        <v>0</v>
      </c>
      <c r="K710" s="20">
        <v>3.6406910000000001E-2</v>
      </c>
      <c r="L710" s="20">
        <v>2.7708995000000001</v>
      </c>
      <c r="M710" s="20">
        <v>0</v>
      </c>
      <c r="N710" s="20">
        <v>7.9994262999999996E-2</v>
      </c>
      <c r="O710" s="20">
        <v>0</v>
      </c>
      <c r="P710" s="20">
        <v>0.47651210999999999</v>
      </c>
      <c r="Q710" s="20">
        <f t="shared" si="20"/>
        <v>0.55650637299999994</v>
      </c>
      <c r="R710" s="20">
        <v>0.99927878000000003</v>
      </c>
      <c r="S710" s="20">
        <v>0.26385932000000001</v>
      </c>
      <c r="T710" s="20">
        <v>0.58457758000000004</v>
      </c>
      <c r="U710" s="20">
        <v>0</v>
      </c>
      <c r="V710" s="20">
        <v>21.435828000000001</v>
      </c>
      <c r="X710" s="20">
        <f t="shared" si="21"/>
        <v>22.020918733763121</v>
      </c>
    </row>
    <row r="711" spans="2:24">
      <c r="B711" s="23">
        <v>0.81950231481459923</v>
      </c>
      <c r="C711" s="20">
        <v>1.2159038</v>
      </c>
      <c r="D711" s="20">
        <v>0.33027042000000001</v>
      </c>
      <c r="E711" s="20">
        <v>0</v>
      </c>
      <c r="F711" s="20">
        <v>1.3348639E-3</v>
      </c>
      <c r="G711" s="20">
        <v>4.1929316000000001E-2</v>
      </c>
      <c r="H711" s="20">
        <v>0</v>
      </c>
      <c r="I711" s="20">
        <v>3.7234869000000001E-3</v>
      </c>
      <c r="J711" s="20">
        <v>0</v>
      </c>
      <c r="K711" s="20">
        <v>1.5552438999999999E-2</v>
      </c>
      <c r="L711" s="20">
        <v>2.6941383999999999</v>
      </c>
      <c r="M711" s="20">
        <v>0</v>
      </c>
      <c r="N711" s="20">
        <v>7.9962092999999998E-2</v>
      </c>
      <c r="O711" s="20">
        <v>0</v>
      </c>
      <c r="P711" s="20">
        <v>0.59209458000000004</v>
      </c>
      <c r="Q711" s="20">
        <f t="shared" si="20"/>
        <v>0.67205667300000005</v>
      </c>
      <c r="R711" s="20">
        <v>1.0466367000000001</v>
      </c>
      <c r="S711" s="20">
        <v>0.33027042000000001</v>
      </c>
      <c r="T711" s="20">
        <v>0.5672159</v>
      </c>
      <c r="U711" s="20">
        <v>0</v>
      </c>
      <c r="V711" s="20">
        <v>21.443415999999999</v>
      </c>
      <c r="X711" s="20">
        <f t="shared" si="21"/>
        <v>22.011162417981879</v>
      </c>
    </row>
    <row r="712" spans="2:24">
      <c r="B712" s="23">
        <v>0.82001157407648861</v>
      </c>
      <c r="C712" s="20">
        <v>1.1051716</v>
      </c>
      <c r="D712" s="20">
        <v>0.20991111000000001</v>
      </c>
      <c r="E712" s="20">
        <v>0</v>
      </c>
      <c r="F712" s="20">
        <v>2.9668811E-2</v>
      </c>
      <c r="G712" s="20">
        <v>5.1750775999999998E-2</v>
      </c>
      <c r="H712" s="20">
        <v>0</v>
      </c>
      <c r="I712" s="20">
        <v>9.6821704000000005E-3</v>
      </c>
      <c r="J712" s="20">
        <v>0</v>
      </c>
      <c r="K712" s="20">
        <v>2.2159977000000001E-2</v>
      </c>
      <c r="L712" s="20">
        <v>2.7394973999999999</v>
      </c>
      <c r="M712" s="20">
        <v>0</v>
      </c>
      <c r="N712" s="20">
        <v>1.6660831999999999E-3</v>
      </c>
      <c r="O712" s="20">
        <v>1.9165185E-3</v>
      </c>
      <c r="P712" s="20">
        <v>0.58586954000000002</v>
      </c>
      <c r="Q712" s="20">
        <f t="shared" ref="Q712:Q719" si="22">M712+N712+O712+P712</f>
        <v>0.58945214170000004</v>
      </c>
      <c r="R712" s="20">
        <v>0.70275602999999998</v>
      </c>
      <c r="S712" s="20">
        <v>0.20991111000000001</v>
      </c>
      <c r="T712" s="20">
        <v>0.59621162999999999</v>
      </c>
      <c r="U712" s="20">
        <v>0</v>
      </c>
      <c r="V712" s="20">
        <v>21.418492000000001</v>
      </c>
      <c r="X712" s="20">
        <f t="shared" ref="X712:X719" si="23">(SUM(C712:S712)-Q712-R712)/10000+SUM(T712:V712)</f>
        <v>22.015200350509609</v>
      </c>
    </row>
    <row r="713" spans="2:24">
      <c r="B713" s="23">
        <v>0.82050925926159834</v>
      </c>
      <c r="C713" s="20">
        <v>1.1279045999999999</v>
      </c>
      <c r="D713" s="20">
        <v>0.10614894</v>
      </c>
      <c r="E713" s="20">
        <v>0</v>
      </c>
      <c r="F713" s="20">
        <v>7.8747736999999998E-2</v>
      </c>
      <c r="G713" s="20">
        <v>0.13202789000000001</v>
      </c>
      <c r="H713" s="20">
        <v>0</v>
      </c>
      <c r="I713" s="20">
        <v>1.1503333E-3</v>
      </c>
      <c r="J713" s="20">
        <v>0</v>
      </c>
      <c r="K713" s="20">
        <v>4.5429826E-2</v>
      </c>
      <c r="L713" s="20">
        <v>2.7714409999999998</v>
      </c>
      <c r="M713" s="20">
        <v>3.9633263000000002E-3</v>
      </c>
      <c r="N713" s="20">
        <v>1.6548819999999999E-2</v>
      </c>
      <c r="O713" s="20">
        <v>9.7901601000000005E-3</v>
      </c>
      <c r="P713" s="20">
        <v>0.56854073999999999</v>
      </c>
      <c r="Q713" s="20">
        <f t="shared" si="22"/>
        <v>0.59884304639999997</v>
      </c>
      <c r="R713" s="20">
        <v>1.0882025</v>
      </c>
      <c r="S713" s="20">
        <v>0.10614894</v>
      </c>
      <c r="T713" s="20">
        <v>0.55702759000000002</v>
      </c>
      <c r="U713" s="20">
        <v>0</v>
      </c>
      <c r="V713" s="20">
        <v>21.614812000000001</v>
      </c>
      <c r="X713" s="20">
        <f t="shared" si="23"/>
        <v>22.172336374231271</v>
      </c>
    </row>
    <row r="714" spans="2:24">
      <c r="B714" s="23">
        <v>0.82100694444670808</v>
      </c>
      <c r="C714" s="20">
        <v>1.1917856</v>
      </c>
      <c r="D714" s="20">
        <v>0</v>
      </c>
      <c r="E714" s="20">
        <v>0</v>
      </c>
      <c r="F714" s="20">
        <v>7.0898010999999997E-2</v>
      </c>
      <c r="G714" s="20">
        <v>1.9473552000000002E-2</v>
      </c>
      <c r="H714" s="20">
        <v>0</v>
      </c>
      <c r="I714" s="20">
        <v>2.7802981000000001E-3</v>
      </c>
      <c r="J714" s="20">
        <v>0</v>
      </c>
      <c r="K714" s="20">
        <v>4.8831346999999997E-2</v>
      </c>
      <c r="L714" s="20">
        <v>2.8566058000000001</v>
      </c>
      <c r="M714" s="20">
        <v>0</v>
      </c>
      <c r="N714" s="20">
        <v>6.1240805000000002E-2</v>
      </c>
      <c r="O714" s="20">
        <v>6.0732010000000003E-3</v>
      </c>
      <c r="P714" s="20">
        <v>0.39592955000000002</v>
      </c>
      <c r="Q714" s="20">
        <f t="shared" si="22"/>
        <v>0.463243556</v>
      </c>
      <c r="R714" s="20">
        <v>1.2025233</v>
      </c>
      <c r="S714" s="20">
        <v>0</v>
      </c>
      <c r="T714" s="20">
        <v>0.51302035000000001</v>
      </c>
      <c r="U714" s="20">
        <v>0</v>
      </c>
      <c r="V714" s="20">
        <v>21.636759999999999</v>
      </c>
      <c r="X714" s="20">
        <f t="shared" si="23"/>
        <v>22.15024571181641</v>
      </c>
    </row>
    <row r="715" spans="2:24">
      <c r="B715" s="23">
        <v>0.82150462963181781</v>
      </c>
      <c r="C715" s="20">
        <v>1.3191738</v>
      </c>
      <c r="D715" s="20">
        <v>2.9397642000000002E-2</v>
      </c>
      <c r="E715" s="20">
        <v>0</v>
      </c>
      <c r="F715" s="20">
        <v>5.2541776999999998E-2</v>
      </c>
      <c r="G715" s="20">
        <v>-1.4693266E-3</v>
      </c>
      <c r="H715" s="20">
        <v>0</v>
      </c>
      <c r="I715" s="20">
        <v>7.8959223999999998E-3</v>
      </c>
      <c r="J715" s="20">
        <v>0</v>
      </c>
      <c r="K715" s="20">
        <v>3.7550752999999999E-2</v>
      </c>
      <c r="L715" s="20">
        <v>2.7444285000000002</v>
      </c>
      <c r="M715" s="20">
        <v>0</v>
      </c>
      <c r="N715" s="20">
        <v>3.3535374E-2</v>
      </c>
      <c r="O715" s="20">
        <v>3.8219619000000003E-2</v>
      </c>
      <c r="P715" s="20">
        <v>0.49507120999999998</v>
      </c>
      <c r="Q715" s="20">
        <f t="shared" si="22"/>
        <v>0.56682620299999997</v>
      </c>
      <c r="R715" s="20">
        <v>1.4825799</v>
      </c>
      <c r="S715" s="20">
        <v>2.9397642000000002E-2</v>
      </c>
      <c r="T715" s="20">
        <v>0.51456411999999996</v>
      </c>
      <c r="U715" s="20">
        <v>0</v>
      </c>
      <c r="V715" s="20">
        <v>21.450924000000001</v>
      </c>
      <c r="X715" s="20">
        <f t="shared" si="23"/>
        <v>21.965966694291279</v>
      </c>
    </row>
    <row r="716" spans="2:24">
      <c r="B716" s="23">
        <v>0.82200231481692754</v>
      </c>
      <c r="C716" s="20">
        <v>1.3352942000000001</v>
      </c>
      <c r="D716" s="20">
        <v>0.20637515000000001</v>
      </c>
      <c r="E716" s="20">
        <v>0</v>
      </c>
      <c r="F716" s="20">
        <v>9.9455891000000008E-3</v>
      </c>
      <c r="G716" s="20">
        <v>1.0596197999999999E-2</v>
      </c>
      <c r="H716" s="20">
        <v>0</v>
      </c>
      <c r="I716" s="20">
        <v>5.6141880999999996E-3</v>
      </c>
      <c r="J716" s="20">
        <v>7.3899046000000003E-4</v>
      </c>
      <c r="K716" s="20">
        <v>2.9424092999999998E-2</v>
      </c>
      <c r="L716" s="20">
        <v>2.7905528999999998</v>
      </c>
      <c r="M716" s="20">
        <v>0.22356234999999999</v>
      </c>
      <c r="N716" s="20">
        <v>4.5442489000000003E-2</v>
      </c>
      <c r="O716" s="20">
        <v>3.2733669999999999E-2</v>
      </c>
      <c r="P716" s="20">
        <v>0.45517390000000002</v>
      </c>
      <c r="Q716" s="20">
        <f t="shared" si="22"/>
        <v>0.75691240900000001</v>
      </c>
      <c r="R716" s="20">
        <v>1.3124216</v>
      </c>
      <c r="S716" s="20">
        <v>0.20637515000000001</v>
      </c>
      <c r="T716" s="20">
        <v>0.49879725000000003</v>
      </c>
      <c r="U716" s="20">
        <v>0</v>
      </c>
      <c r="V716" s="20">
        <v>21.520253</v>
      </c>
      <c r="X716" s="20">
        <f t="shared" si="23"/>
        <v>22.019585432886764</v>
      </c>
    </row>
    <row r="717" spans="2:24">
      <c r="B717" s="23">
        <v>0.82251157407154096</v>
      </c>
      <c r="C717" s="20">
        <v>1.0817502999999999</v>
      </c>
      <c r="D717" s="20">
        <v>0.34884447000000002</v>
      </c>
      <c r="E717" s="20">
        <v>0</v>
      </c>
      <c r="F717" s="20">
        <v>7.1793635999999996E-3</v>
      </c>
      <c r="G717" s="20">
        <v>1.1525611999999999E-2</v>
      </c>
      <c r="H717" s="20">
        <v>0</v>
      </c>
      <c r="I717" s="20">
        <v>4.1399124999999997E-3</v>
      </c>
      <c r="J717" s="20">
        <v>0</v>
      </c>
      <c r="K717" s="20">
        <v>2.6518578000000001E-2</v>
      </c>
      <c r="L717" s="20">
        <v>2.6670193000000002</v>
      </c>
      <c r="M717" s="20">
        <v>0.23110011999999999</v>
      </c>
      <c r="N717" s="20">
        <v>0</v>
      </c>
      <c r="O717" s="20">
        <v>7.0585357000000001E-2</v>
      </c>
      <c r="P717" s="20">
        <v>0.66061453999999997</v>
      </c>
      <c r="Q717" s="20">
        <f t="shared" si="22"/>
        <v>0.96230001700000001</v>
      </c>
      <c r="R717" s="20">
        <v>1.1806007999999999</v>
      </c>
      <c r="S717" s="20">
        <v>0.34884447000000002</v>
      </c>
      <c r="T717" s="20">
        <v>0.53857270999999995</v>
      </c>
      <c r="U717" s="20">
        <v>3.6527352999999999E-3</v>
      </c>
      <c r="V717" s="20">
        <v>21.791312999999999</v>
      </c>
      <c r="X717" s="20">
        <f t="shared" si="23"/>
        <v>22.334084257502312</v>
      </c>
    </row>
    <row r="718" spans="2:24">
      <c r="B718" s="23">
        <v>0.82300925925665069</v>
      </c>
      <c r="C718" s="20">
        <v>0.91184399999999999</v>
      </c>
      <c r="D718" s="20">
        <v>0.27902217000000001</v>
      </c>
      <c r="E718" s="20">
        <v>0</v>
      </c>
      <c r="F718" s="20">
        <v>5.8360907999999998E-3</v>
      </c>
      <c r="G718" s="20">
        <v>-5.3039445000000003E-3</v>
      </c>
      <c r="H718" s="20">
        <v>0</v>
      </c>
      <c r="I718" s="20">
        <v>0</v>
      </c>
      <c r="J718" s="20">
        <v>0</v>
      </c>
      <c r="K718" s="20">
        <v>2.4559015E-2</v>
      </c>
      <c r="L718" s="20">
        <v>2.8319375</v>
      </c>
      <c r="M718" s="20">
        <v>0.22524050000000001</v>
      </c>
      <c r="N718" s="20">
        <v>0</v>
      </c>
      <c r="O718" s="20">
        <v>4.2740523000000002E-2</v>
      </c>
      <c r="P718" s="20">
        <v>0.47396356000000001</v>
      </c>
      <c r="Q718" s="20">
        <f t="shared" si="22"/>
        <v>0.74194458299999999</v>
      </c>
      <c r="R718" s="20">
        <v>1.1222418999999999</v>
      </c>
      <c r="S718" s="20">
        <v>0.27902217000000001</v>
      </c>
      <c r="T718" s="20">
        <v>0.50807891999999999</v>
      </c>
      <c r="U718" s="20">
        <v>6.6543032000000004E-3</v>
      </c>
      <c r="V718" s="20">
        <v>21.529067999999999</v>
      </c>
      <c r="X718" s="20">
        <f t="shared" si="23"/>
        <v>22.044308109358429</v>
      </c>
    </row>
    <row r="719" spans="2:24">
      <c r="B719" s="23">
        <v>0.82350694444176042</v>
      </c>
      <c r="C719" s="20">
        <v>0.94867714000000003</v>
      </c>
      <c r="D719" s="20">
        <v>9.3225005E-2</v>
      </c>
      <c r="E719" s="20">
        <v>0</v>
      </c>
      <c r="F719" s="20">
        <v>1.3540006E-2</v>
      </c>
      <c r="G719" s="20">
        <v>3.2630096999999997E-2</v>
      </c>
      <c r="H719" s="20">
        <v>0</v>
      </c>
      <c r="I719" s="20">
        <v>0</v>
      </c>
      <c r="J719" s="20">
        <v>0</v>
      </c>
      <c r="K719" s="20">
        <v>2.410816E-2</v>
      </c>
      <c r="L719" s="20">
        <v>2.7890065000000002</v>
      </c>
      <c r="M719" s="20">
        <v>3.0878077E-2</v>
      </c>
      <c r="N719" s="20">
        <v>0</v>
      </c>
      <c r="O719" s="20">
        <v>5.3951889000000003E-2</v>
      </c>
      <c r="P719" s="20">
        <v>0.38807462999999998</v>
      </c>
      <c r="Q719" s="20">
        <f t="shared" si="22"/>
        <v>0.47290459600000001</v>
      </c>
      <c r="R719" s="20">
        <v>0.87955048999999996</v>
      </c>
      <c r="S719" s="20">
        <v>9.3225005E-2</v>
      </c>
      <c r="T719" s="20">
        <v>0.49987124999999999</v>
      </c>
      <c r="U719" s="20">
        <v>1.9023541E-3</v>
      </c>
      <c r="V719" s="20">
        <v>21.567533000000001</v>
      </c>
      <c r="X719" s="20">
        <f t="shared" si="23"/>
        <v>22.069753335750899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Labview</vt:lpstr>
      <vt:lpstr>Pico</vt:lpstr>
      <vt:lpstr>FTIR</vt:lpstr>
      <vt:lpstr>Labview!_160726__1046_test_kotel</vt:lpstr>
    </vt:vector>
  </TitlesOfParts>
  <Company>Cranfield Universi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hal Jeremiáš</dc:creator>
  <cp:lastModifiedBy>Erans, María</cp:lastModifiedBy>
  <dcterms:created xsi:type="dcterms:W3CDTF">2017-01-13T15:42:41Z</dcterms:created>
  <dcterms:modified xsi:type="dcterms:W3CDTF">2018-05-11T08:06:28Z</dcterms:modified>
</cp:coreProperties>
</file>